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header2.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DefaultTable"/>
        <w:tblpPr w:vertAnchor="page" w:horzAnchor="margin" w:tblpY="6913"/>
        <w:tblW w:w="0" w:type="auto"/>
        <w:tblLook w:val="04A0" w:firstRow="1" w:lastRow="0" w:firstColumn="1" w:lastColumn="0" w:noHBand="0" w:noVBand="1"/>
      </w:tblPr>
      <w:tblGrid>
        <w:gridCol w:w="10086"/>
      </w:tblGrid>
      <w:tr w:rsidR="00F97715" w14:paraId="62E8D6BC" w14:textId="77777777" w:rsidTr="00E8382A">
        <w:trPr>
          <w:cnfStyle w:val="100000000000" w:firstRow="1" w:lastRow="0" w:firstColumn="0" w:lastColumn="0" w:oddVBand="0" w:evenVBand="0" w:oddHBand="0" w:evenHBand="0" w:firstRowFirstColumn="0" w:firstRowLastColumn="0" w:lastRowFirstColumn="0" w:lastRowLastColumn="0"/>
          <w:cantSplit/>
          <w:trHeight w:hRule="exact" w:val="268"/>
        </w:trPr>
        <w:tc>
          <w:tcPr>
            <w:cnfStyle w:val="001000000000" w:firstRow="0" w:lastRow="0" w:firstColumn="1" w:lastColumn="0" w:oddVBand="0" w:evenVBand="0" w:oddHBand="0" w:evenHBand="0" w:firstRowFirstColumn="0" w:firstRowLastColumn="0" w:lastRowFirstColumn="0" w:lastRowLastColumn="0"/>
            <w:tcW w:w="10086" w:type="dxa"/>
            <w:shd w:val="clear" w:color="auto" w:fill="AACBD2"/>
          </w:tcPr>
          <w:p w14:paraId="31674C5A" w14:textId="3A5223C5" w:rsidR="00F97715" w:rsidRDefault="00F97715" w:rsidP="004C3203">
            <w:pPr>
              <w:pStyle w:val="ListBullet"/>
            </w:pPr>
            <w:bookmarkStart w:id="0" w:name="_Hlk153535258"/>
          </w:p>
        </w:tc>
      </w:tr>
      <w:tr w:rsidR="00F97715" w14:paraId="4AF5AA01" w14:textId="77777777" w:rsidTr="00E8382A">
        <w:trPr>
          <w:cantSplit/>
          <w:trHeight w:hRule="exact" w:val="7056"/>
        </w:trPr>
        <w:tc>
          <w:tcPr>
            <w:cnfStyle w:val="001000000000" w:firstRow="0" w:lastRow="0" w:firstColumn="1" w:lastColumn="0" w:oddVBand="0" w:evenVBand="0" w:oddHBand="0" w:evenHBand="0" w:firstRowFirstColumn="0" w:firstRowLastColumn="0" w:lastRowFirstColumn="0" w:lastRowLastColumn="0"/>
            <w:tcW w:w="10086" w:type="dxa"/>
          </w:tcPr>
          <w:p w14:paraId="1982D36D" w14:textId="1263120C" w:rsidR="006638B6" w:rsidRDefault="008820F3" w:rsidP="00E8382A">
            <w:pPr>
              <w:spacing w:before="0" w:after="0"/>
              <w:ind w:left="0" w:right="0"/>
            </w:pPr>
            <w:r>
              <w:rPr>
                <w:noProof/>
              </w:rPr>
              <w:drawing>
                <wp:inline distT="0" distB="0" distL="0" distR="0" wp14:anchorId="7DB81CF0" wp14:editId="11A5A7D2">
                  <wp:extent cx="6416675" cy="3700145"/>
                  <wp:effectExtent l="0" t="0" r="0" b="0"/>
                  <wp:docPr id="1124296183" name="Picture 3" descr="A building with trees in the background&#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4296183" name="Picture 3" descr="A building with trees in the background&#10;&#10;AI-generated content may be incorrect."/>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416675" cy="3700145"/>
                          </a:xfrm>
                          <a:prstGeom prst="rect">
                            <a:avLst/>
                          </a:prstGeom>
                        </pic:spPr>
                      </pic:pic>
                    </a:graphicData>
                  </a:graphic>
                </wp:inline>
              </w:drawing>
            </w:r>
          </w:p>
        </w:tc>
      </w:tr>
    </w:tbl>
    <w:tbl>
      <w:tblPr>
        <w:tblStyle w:val="Plain"/>
        <w:tblW w:w="10086" w:type="dxa"/>
        <w:tblCellMar>
          <w:left w:w="0" w:type="dxa"/>
          <w:right w:w="0" w:type="dxa"/>
        </w:tblCellMar>
        <w:tblLook w:val="04A0" w:firstRow="1" w:lastRow="0" w:firstColumn="1" w:lastColumn="0" w:noHBand="0" w:noVBand="1"/>
      </w:tblPr>
      <w:tblGrid>
        <w:gridCol w:w="9810"/>
        <w:gridCol w:w="276"/>
      </w:tblGrid>
      <w:tr w:rsidR="00B02AD3" w14:paraId="370C238C" w14:textId="77777777" w:rsidTr="00854195">
        <w:trPr>
          <w:trHeight w:val="1701"/>
        </w:trPr>
        <w:tc>
          <w:tcPr>
            <w:tcW w:w="9810" w:type="dxa"/>
          </w:tcPr>
          <w:p w14:paraId="4D87C50D" w14:textId="1A336F03" w:rsidR="00B02AD3" w:rsidRDefault="008F5A7E" w:rsidP="008D41A3">
            <w:pPr>
              <w:pStyle w:val="Title"/>
            </w:pPr>
            <w:bookmarkStart w:id="1" w:name="_Hlk153883610"/>
            <w:bookmarkEnd w:id="0"/>
            <w:r>
              <w:rPr>
                <w:noProof/>
              </w:rPr>
              <w:drawing>
                <wp:anchor distT="0" distB="0" distL="114300" distR="114300" simplePos="0" relativeHeight="251666944" behindDoc="0" locked="0" layoutInCell="1" allowOverlap="1" wp14:anchorId="268E7942" wp14:editId="2CC566A1">
                  <wp:simplePos x="0" y="0"/>
                  <wp:positionH relativeFrom="column">
                    <wp:posOffset>3218049</wp:posOffset>
                  </wp:positionH>
                  <wp:positionV relativeFrom="paragraph">
                    <wp:posOffset>0</wp:posOffset>
                  </wp:positionV>
                  <wp:extent cx="3262906" cy="1256306"/>
                  <wp:effectExtent l="0" t="0" r="0" b="0"/>
                  <wp:wrapNone/>
                  <wp:docPr id="1378153168" name="Picture 4" descr="A black background with grey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8153168" name="Picture 4" descr="A black background with grey text&#10;&#10;AI-generated content may be incorrect."/>
                          <pic:cNvPicPr/>
                        </pic:nvPicPr>
                        <pic:blipFill>
                          <a:blip r:embed="rId14">
                            <a:extLst>
                              <a:ext uri="{28A0092B-C50C-407E-A947-70E740481C1C}">
                                <a14:useLocalDpi xmlns:a14="http://schemas.microsoft.com/office/drawing/2010/main" val="0"/>
                              </a:ext>
                            </a:extLst>
                          </a:blip>
                          <a:stretch>
                            <a:fillRect/>
                          </a:stretch>
                        </pic:blipFill>
                        <pic:spPr>
                          <a:xfrm>
                            <a:off x="0" y="0"/>
                            <a:ext cx="3276526" cy="1261550"/>
                          </a:xfrm>
                          <a:prstGeom prst="rect">
                            <a:avLst/>
                          </a:prstGeom>
                        </pic:spPr>
                      </pic:pic>
                    </a:graphicData>
                  </a:graphic>
                  <wp14:sizeRelH relativeFrom="page">
                    <wp14:pctWidth>0</wp14:pctWidth>
                  </wp14:sizeRelH>
                  <wp14:sizeRelV relativeFrom="page">
                    <wp14:pctHeight>0</wp14:pctHeight>
                  </wp14:sizeRelV>
                </wp:anchor>
              </w:drawing>
            </w:r>
          </w:p>
        </w:tc>
        <w:tc>
          <w:tcPr>
            <w:tcW w:w="276" w:type="dxa"/>
          </w:tcPr>
          <w:p w14:paraId="6C9F51A5" w14:textId="77777777" w:rsidR="00B02AD3" w:rsidRDefault="00B02AD3" w:rsidP="008D41A3">
            <w:pPr>
              <w:pStyle w:val="Title"/>
              <w:rPr>
                <w:noProof/>
              </w:rPr>
            </w:pPr>
          </w:p>
        </w:tc>
      </w:tr>
      <w:tr w:rsidR="009F1757" w14:paraId="3775477B" w14:textId="77777777" w:rsidTr="002C6EF5">
        <w:trPr>
          <w:trHeight w:val="990"/>
        </w:trPr>
        <w:sdt>
          <w:sdtPr>
            <w:alias w:val="Title"/>
            <w:tag w:val="Add Title"/>
            <w:id w:val="1364790510"/>
            <w:placeholder>
              <w:docPart w:val="C206F3CBB33E1D4EAC8AF8CC439EC7A7"/>
            </w:placeholder>
          </w:sdtPr>
          <w:sdtEndPr/>
          <w:sdtContent>
            <w:tc>
              <w:tcPr>
                <w:tcW w:w="9810" w:type="dxa"/>
                <w:vAlign w:val="center"/>
              </w:tcPr>
              <w:p w14:paraId="67BC8E65" w14:textId="2954D570" w:rsidR="009F1757" w:rsidRPr="008263BE" w:rsidRDefault="00192FD4" w:rsidP="00854195">
                <w:pPr>
                  <w:pStyle w:val="Title"/>
                  <w:ind w:left="0" w:right="0"/>
                </w:pPr>
                <w:r w:rsidRPr="008263BE">
                  <w:t>Chief Nursing Officer</w:t>
                </w:r>
              </w:p>
            </w:tc>
          </w:sdtContent>
        </w:sdt>
        <w:tc>
          <w:tcPr>
            <w:tcW w:w="276" w:type="dxa"/>
          </w:tcPr>
          <w:p w14:paraId="47AF9F0B" w14:textId="77777777" w:rsidR="009F1757" w:rsidRPr="008263BE" w:rsidRDefault="009F1757" w:rsidP="009F1757">
            <w:pPr>
              <w:pStyle w:val="Title"/>
              <w:jc w:val="center"/>
            </w:pPr>
          </w:p>
        </w:tc>
      </w:tr>
      <w:tr w:rsidR="009F1757" w14:paraId="728C2659" w14:textId="77777777" w:rsidTr="00854195">
        <w:sdt>
          <w:sdtPr>
            <w:alias w:val=" Sub Title"/>
            <w:id w:val="1701976345"/>
            <w:placeholder>
              <w:docPart w:val="C462C2B87910A64E8A398609FF13940C"/>
            </w:placeholder>
            <w:showingPlcHdr/>
          </w:sdtPr>
          <w:sdtEndPr/>
          <w:sdtContent>
            <w:tc>
              <w:tcPr>
                <w:tcW w:w="9810" w:type="dxa"/>
              </w:tcPr>
              <w:p w14:paraId="29441566" w14:textId="290B55ED" w:rsidR="009F1757" w:rsidRPr="008263BE" w:rsidRDefault="00053289" w:rsidP="009F1757">
                <w:pPr>
                  <w:pStyle w:val="Subtitle"/>
                  <w:ind w:left="0" w:right="0"/>
                </w:pPr>
                <w:r w:rsidRPr="008263BE">
                  <w:t>Leadership Profile</w:t>
                </w:r>
              </w:p>
            </w:tc>
          </w:sdtContent>
        </w:sdt>
        <w:tc>
          <w:tcPr>
            <w:tcW w:w="276" w:type="dxa"/>
          </w:tcPr>
          <w:p w14:paraId="33F5AA1F" w14:textId="77777777" w:rsidR="009F1757" w:rsidRPr="008263BE" w:rsidRDefault="009F1757" w:rsidP="009F1757">
            <w:pPr>
              <w:pStyle w:val="Subtitle"/>
            </w:pPr>
          </w:p>
        </w:tc>
      </w:tr>
      <w:tr w:rsidR="009F1757" w14:paraId="6CCBD897" w14:textId="77777777" w:rsidTr="00854195">
        <w:tc>
          <w:tcPr>
            <w:tcW w:w="9810" w:type="dxa"/>
          </w:tcPr>
          <w:p w14:paraId="05A8224A" w14:textId="6A2BB0E7" w:rsidR="009F1757" w:rsidRPr="008263BE" w:rsidRDefault="00192FD4" w:rsidP="00802F0F">
            <w:pPr>
              <w:pStyle w:val="Date"/>
              <w:tabs>
                <w:tab w:val="left" w:pos="8355"/>
              </w:tabs>
              <w:ind w:left="0" w:right="0"/>
            </w:pPr>
            <w:r w:rsidRPr="008263BE">
              <w:t>March</w:t>
            </w:r>
            <w:r w:rsidR="008263BE" w:rsidRPr="008263BE">
              <w:t xml:space="preserve"> 2026</w:t>
            </w:r>
          </w:p>
        </w:tc>
        <w:tc>
          <w:tcPr>
            <w:tcW w:w="276" w:type="dxa"/>
          </w:tcPr>
          <w:p w14:paraId="1E383166" w14:textId="77777777" w:rsidR="009F1757" w:rsidRPr="008263BE" w:rsidRDefault="009F1757" w:rsidP="009F1757">
            <w:pPr>
              <w:pStyle w:val="Date"/>
            </w:pPr>
          </w:p>
        </w:tc>
      </w:tr>
      <w:tr w:rsidR="009F1757" w14:paraId="3DA043E2" w14:textId="77777777" w:rsidTr="00854195">
        <w:tc>
          <w:tcPr>
            <w:tcW w:w="9810" w:type="dxa"/>
          </w:tcPr>
          <w:p w14:paraId="6340FE15" w14:textId="12ADBBF4" w:rsidR="009F1757" w:rsidRDefault="009F1757" w:rsidP="009F1757">
            <w:pPr>
              <w:pStyle w:val="Author"/>
            </w:pPr>
            <w:r>
              <w:t xml:space="preserve">Prepared by </w:t>
            </w:r>
            <w:sdt>
              <w:sdtPr>
                <w:alias w:val="Name"/>
                <w:id w:val="-200785126"/>
                <w:placeholder>
                  <w:docPart w:val="7FA51A25940208479FBF13B300191F65"/>
                </w:placeholder>
              </w:sdtPr>
              <w:sdtEndPr/>
              <w:sdtContent>
                <w:r w:rsidR="008263BE">
                  <w:t>Kyle Wiederhold, Stacy Lind, Daniel Young</w:t>
                </w:r>
              </w:sdtContent>
            </w:sdt>
          </w:p>
        </w:tc>
        <w:tc>
          <w:tcPr>
            <w:tcW w:w="276" w:type="dxa"/>
          </w:tcPr>
          <w:p w14:paraId="4F6054C1" w14:textId="77777777" w:rsidR="009F1757" w:rsidRDefault="009F1757" w:rsidP="009F1757">
            <w:pPr>
              <w:pStyle w:val="Date"/>
            </w:pPr>
          </w:p>
        </w:tc>
      </w:tr>
    </w:tbl>
    <w:bookmarkEnd w:id="1"/>
    <w:p w14:paraId="3BEB25A9" w14:textId="7C724C1F" w:rsidR="00FF4711" w:rsidRPr="001D6018" w:rsidRDefault="00FF4711" w:rsidP="001D6018">
      <w:pPr>
        <w:pStyle w:val="Heading1-MidPage"/>
        <w:rPr>
          <w:b/>
          <w:bCs/>
        </w:rPr>
      </w:pPr>
      <w:r w:rsidRPr="001D6018">
        <w:rPr>
          <w:b/>
          <w:bCs/>
        </w:rPr>
        <w:lastRenderedPageBreak/>
        <w:t>Contents</w:t>
      </w:r>
    </w:p>
    <w:tbl>
      <w:tblPr>
        <w:tblStyle w:val="TableGrid1"/>
        <w:tblW w:w="0" w:type="auto"/>
        <w:tblInd w:w="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125"/>
        <w:gridCol w:w="2156"/>
      </w:tblGrid>
      <w:tr w:rsidR="006A4400" w:rsidRPr="006A4400" w14:paraId="3422CF91" w14:textId="77777777" w:rsidTr="00166EB8">
        <w:trPr>
          <w:trHeight w:val="20"/>
        </w:trPr>
        <w:tc>
          <w:tcPr>
            <w:tcW w:w="5125" w:type="dxa"/>
            <w:hideMark/>
          </w:tcPr>
          <w:p w14:paraId="1163B55C" w14:textId="77777777" w:rsidR="006A4400" w:rsidRPr="006A4400" w:rsidRDefault="006A4400" w:rsidP="00C36340">
            <w:pPr>
              <w:pStyle w:val="TOCHeading"/>
              <w:spacing w:before="0" w:after="360"/>
              <w:rPr>
                <w:rFonts w:eastAsia="Times New Roman"/>
                <w:lang w:val="en-GB"/>
              </w:rPr>
            </w:pPr>
            <w:bookmarkStart w:id="2" w:name="_Hlk158925323"/>
            <w:bookmarkStart w:id="3" w:name="_Toc146104831"/>
            <w:r w:rsidRPr="006A4400">
              <w:rPr>
                <w:rFonts w:eastAsia="Times New Roman"/>
                <w:lang w:val="en-GB"/>
              </w:rPr>
              <w:t>The Opportunity</w:t>
            </w:r>
          </w:p>
        </w:tc>
        <w:tc>
          <w:tcPr>
            <w:tcW w:w="2156" w:type="dxa"/>
            <w:hideMark/>
          </w:tcPr>
          <w:p w14:paraId="393151FB" w14:textId="77777777" w:rsidR="006A4400" w:rsidRPr="006A4400" w:rsidRDefault="006A4400" w:rsidP="00C36340">
            <w:pPr>
              <w:keepNext/>
              <w:keepLines/>
              <w:spacing w:after="360"/>
              <w:jc w:val="right"/>
              <w:outlineLvl w:val="1"/>
              <w:rPr>
                <w:rFonts w:eastAsia="Times New Roman"/>
                <w:b/>
                <w:bCs/>
                <w:color w:val="86B5BD" w:themeColor="text2"/>
                <w:sz w:val="24"/>
                <w:szCs w:val="24"/>
                <w:lang w:val="en-GB"/>
              </w:rPr>
            </w:pPr>
            <w:r w:rsidRPr="006A4400">
              <w:rPr>
                <w:rFonts w:eastAsia="Times New Roman"/>
                <w:b/>
                <w:bCs/>
                <w:color w:val="86B5BD" w:themeColor="text2"/>
                <w:sz w:val="24"/>
                <w:szCs w:val="24"/>
                <w:lang w:val="en-GB"/>
              </w:rPr>
              <w:t>01</w:t>
            </w:r>
          </w:p>
        </w:tc>
      </w:tr>
      <w:tr w:rsidR="006A4400" w:rsidRPr="006A4400" w14:paraId="5190D85D" w14:textId="77777777" w:rsidTr="00166EB8">
        <w:trPr>
          <w:trHeight w:val="20"/>
        </w:trPr>
        <w:tc>
          <w:tcPr>
            <w:tcW w:w="5125" w:type="dxa"/>
            <w:hideMark/>
          </w:tcPr>
          <w:p w14:paraId="3681CF29" w14:textId="77777777" w:rsidR="006A4400" w:rsidRPr="006A4400" w:rsidRDefault="006A4400" w:rsidP="00C36340">
            <w:pPr>
              <w:pStyle w:val="TOCHeading"/>
              <w:spacing w:before="0" w:after="360"/>
              <w:rPr>
                <w:rFonts w:eastAsia="Times New Roman"/>
                <w:lang w:val="en-GB"/>
              </w:rPr>
            </w:pPr>
            <w:r w:rsidRPr="006A4400">
              <w:rPr>
                <w:rFonts w:eastAsia="Times New Roman"/>
                <w:lang w:val="en-GB"/>
              </w:rPr>
              <w:t>Organization Overview</w:t>
            </w:r>
          </w:p>
        </w:tc>
        <w:tc>
          <w:tcPr>
            <w:tcW w:w="2156" w:type="dxa"/>
            <w:hideMark/>
          </w:tcPr>
          <w:p w14:paraId="2CF5176F" w14:textId="77777777" w:rsidR="006A4400" w:rsidRPr="006A4400" w:rsidRDefault="006A4400" w:rsidP="00C36340">
            <w:pPr>
              <w:keepNext/>
              <w:keepLines/>
              <w:spacing w:after="360"/>
              <w:jc w:val="right"/>
              <w:outlineLvl w:val="1"/>
              <w:rPr>
                <w:rFonts w:eastAsia="Times New Roman"/>
                <w:b/>
                <w:bCs/>
                <w:color w:val="86B5BD" w:themeColor="text2"/>
                <w:sz w:val="24"/>
                <w:szCs w:val="24"/>
                <w:lang w:val="en-GB"/>
              </w:rPr>
            </w:pPr>
            <w:r w:rsidRPr="006A4400">
              <w:rPr>
                <w:rFonts w:eastAsia="Times New Roman"/>
                <w:b/>
                <w:bCs/>
                <w:color w:val="86B5BD" w:themeColor="text2"/>
                <w:sz w:val="24"/>
                <w:szCs w:val="24"/>
                <w:lang w:val="en-GB"/>
              </w:rPr>
              <w:t>02</w:t>
            </w:r>
          </w:p>
        </w:tc>
      </w:tr>
      <w:tr w:rsidR="006A4400" w:rsidRPr="006A4400" w14:paraId="1A7D42AB" w14:textId="77777777" w:rsidTr="00166EB8">
        <w:trPr>
          <w:trHeight w:val="20"/>
        </w:trPr>
        <w:tc>
          <w:tcPr>
            <w:tcW w:w="5125" w:type="dxa"/>
            <w:hideMark/>
          </w:tcPr>
          <w:p w14:paraId="3CC935DC" w14:textId="77777777" w:rsidR="006A4400" w:rsidRPr="006A4400" w:rsidRDefault="006A4400" w:rsidP="00C36340">
            <w:pPr>
              <w:pStyle w:val="TOCHeading"/>
              <w:spacing w:before="0" w:after="360"/>
              <w:rPr>
                <w:rFonts w:eastAsia="Times New Roman"/>
                <w:lang w:val="en-GB"/>
              </w:rPr>
            </w:pPr>
            <w:r w:rsidRPr="006A4400">
              <w:rPr>
                <w:rFonts w:eastAsia="Times New Roman"/>
                <w:lang w:val="en-GB"/>
              </w:rPr>
              <w:t>Position Summary</w:t>
            </w:r>
          </w:p>
        </w:tc>
        <w:tc>
          <w:tcPr>
            <w:tcW w:w="2156" w:type="dxa"/>
            <w:hideMark/>
          </w:tcPr>
          <w:p w14:paraId="0E241D1B" w14:textId="23C1FC5E" w:rsidR="006A4400" w:rsidRPr="006A4400" w:rsidRDefault="006A4400" w:rsidP="00C36340">
            <w:pPr>
              <w:keepNext/>
              <w:keepLines/>
              <w:spacing w:after="360"/>
              <w:jc w:val="right"/>
              <w:outlineLvl w:val="1"/>
              <w:rPr>
                <w:rFonts w:eastAsia="Times New Roman"/>
                <w:b/>
                <w:bCs/>
                <w:color w:val="86B5BD" w:themeColor="text2"/>
                <w:sz w:val="24"/>
                <w:szCs w:val="24"/>
                <w:lang w:val="en-GB"/>
              </w:rPr>
            </w:pPr>
            <w:r w:rsidRPr="006A4400">
              <w:rPr>
                <w:rFonts w:eastAsia="Times New Roman"/>
                <w:b/>
                <w:bCs/>
                <w:color w:val="86B5BD" w:themeColor="text2"/>
                <w:sz w:val="24"/>
                <w:szCs w:val="24"/>
                <w:lang w:val="en-GB"/>
              </w:rPr>
              <w:t>0</w:t>
            </w:r>
            <w:r w:rsidR="00470F4D">
              <w:rPr>
                <w:rFonts w:eastAsia="Times New Roman"/>
                <w:b/>
                <w:bCs/>
                <w:color w:val="86B5BD" w:themeColor="text2"/>
                <w:sz w:val="24"/>
                <w:szCs w:val="24"/>
                <w:lang w:val="en-GB"/>
              </w:rPr>
              <w:t>6</w:t>
            </w:r>
          </w:p>
        </w:tc>
      </w:tr>
      <w:tr w:rsidR="006A4400" w:rsidRPr="006A4400" w14:paraId="43E82DD2" w14:textId="77777777" w:rsidTr="00166EB8">
        <w:trPr>
          <w:trHeight w:val="20"/>
        </w:trPr>
        <w:tc>
          <w:tcPr>
            <w:tcW w:w="5125" w:type="dxa"/>
            <w:hideMark/>
          </w:tcPr>
          <w:p w14:paraId="527353E4" w14:textId="77777777" w:rsidR="006A4400" w:rsidRPr="006A4400" w:rsidRDefault="006A4400" w:rsidP="00C36340">
            <w:pPr>
              <w:pStyle w:val="TOCHeading"/>
              <w:spacing w:before="0" w:after="360"/>
              <w:rPr>
                <w:rFonts w:eastAsia="Times New Roman"/>
                <w:lang w:val="en-GB"/>
              </w:rPr>
            </w:pPr>
            <w:r w:rsidRPr="006A4400">
              <w:rPr>
                <w:rFonts w:eastAsia="Times New Roman"/>
                <w:lang w:val="en-GB"/>
              </w:rPr>
              <w:t>Goals and Objectives</w:t>
            </w:r>
          </w:p>
        </w:tc>
        <w:tc>
          <w:tcPr>
            <w:tcW w:w="2156" w:type="dxa"/>
            <w:hideMark/>
          </w:tcPr>
          <w:p w14:paraId="2D662D64" w14:textId="40607B23" w:rsidR="006A4400" w:rsidRPr="006A4400" w:rsidRDefault="006A4400" w:rsidP="00C36340">
            <w:pPr>
              <w:keepNext/>
              <w:keepLines/>
              <w:spacing w:after="360"/>
              <w:jc w:val="right"/>
              <w:outlineLvl w:val="1"/>
              <w:rPr>
                <w:rFonts w:eastAsia="Times New Roman"/>
                <w:b/>
                <w:bCs/>
                <w:color w:val="86B5BD" w:themeColor="text2"/>
                <w:sz w:val="24"/>
                <w:szCs w:val="24"/>
                <w:lang w:val="en-GB"/>
              </w:rPr>
            </w:pPr>
            <w:r w:rsidRPr="006A4400">
              <w:rPr>
                <w:rFonts w:eastAsia="Times New Roman"/>
                <w:b/>
                <w:bCs/>
                <w:color w:val="86B5BD" w:themeColor="text2"/>
                <w:sz w:val="24"/>
                <w:szCs w:val="24"/>
                <w:lang w:val="en-GB"/>
              </w:rPr>
              <w:t>0</w:t>
            </w:r>
            <w:r w:rsidR="00470F4D">
              <w:rPr>
                <w:rFonts w:eastAsia="Times New Roman"/>
                <w:b/>
                <w:bCs/>
                <w:color w:val="86B5BD" w:themeColor="text2"/>
                <w:sz w:val="24"/>
                <w:szCs w:val="24"/>
                <w:lang w:val="en-GB"/>
              </w:rPr>
              <w:t>8</w:t>
            </w:r>
          </w:p>
        </w:tc>
      </w:tr>
      <w:tr w:rsidR="006A4400" w:rsidRPr="006A4400" w14:paraId="37A31BCB" w14:textId="77777777" w:rsidTr="00166EB8">
        <w:trPr>
          <w:trHeight w:val="20"/>
        </w:trPr>
        <w:tc>
          <w:tcPr>
            <w:tcW w:w="5125" w:type="dxa"/>
            <w:hideMark/>
          </w:tcPr>
          <w:p w14:paraId="3D32989F" w14:textId="77777777" w:rsidR="006A4400" w:rsidRPr="006A4400" w:rsidRDefault="006A4400" w:rsidP="00C36340">
            <w:pPr>
              <w:pStyle w:val="TOCHeading"/>
              <w:spacing w:before="0" w:after="360"/>
              <w:rPr>
                <w:rFonts w:eastAsia="Times New Roman"/>
                <w:lang w:val="en-GB"/>
              </w:rPr>
            </w:pPr>
            <w:r w:rsidRPr="006A4400">
              <w:rPr>
                <w:rFonts w:eastAsia="Times New Roman"/>
                <w:lang w:val="en-GB"/>
              </w:rPr>
              <w:t>Candidate Qualifications</w:t>
            </w:r>
          </w:p>
        </w:tc>
        <w:tc>
          <w:tcPr>
            <w:tcW w:w="2156" w:type="dxa"/>
            <w:hideMark/>
          </w:tcPr>
          <w:p w14:paraId="5915E29A" w14:textId="6676D902" w:rsidR="006A4400" w:rsidRPr="006A4400" w:rsidRDefault="00AF0382" w:rsidP="00C36340">
            <w:pPr>
              <w:keepNext/>
              <w:keepLines/>
              <w:spacing w:after="360"/>
              <w:jc w:val="right"/>
              <w:outlineLvl w:val="1"/>
              <w:rPr>
                <w:rFonts w:eastAsia="Times New Roman"/>
                <w:b/>
                <w:bCs/>
                <w:color w:val="86B5BD" w:themeColor="text2"/>
                <w:sz w:val="24"/>
                <w:szCs w:val="24"/>
                <w:lang w:val="en-GB"/>
              </w:rPr>
            </w:pPr>
            <w:r>
              <w:rPr>
                <w:rFonts w:eastAsia="Times New Roman"/>
                <w:b/>
                <w:bCs/>
                <w:color w:val="86B5BD" w:themeColor="text2"/>
                <w:sz w:val="24"/>
                <w:szCs w:val="24"/>
                <w:lang w:val="en-GB"/>
              </w:rPr>
              <w:t>1</w:t>
            </w:r>
            <w:r w:rsidR="006A4400" w:rsidRPr="006A4400">
              <w:rPr>
                <w:rFonts w:eastAsia="Times New Roman"/>
                <w:b/>
                <w:bCs/>
                <w:color w:val="86B5BD" w:themeColor="text2"/>
                <w:sz w:val="24"/>
                <w:szCs w:val="24"/>
                <w:lang w:val="en-GB"/>
              </w:rPr>
              <w:t>0</w:t>
            </w:r>
          </w:p>
        </w:tc>
      </w:tr>
      <w:tr w:rsidR="006A4400" w:rsidRPr="006A4400" w14:paraId="11B410AB" w14:textId="77777777" w:rsidTr="00166EB8">
        <w:trPr>
          <w:trHeight w:val="20"/>
        </w:trPr>
        <w:tc>
          <w:tcPr>
            <w:tcW w:w="5125" w:type="dxa"/>
            <w:hideMark/>
          </w:tcPr>
          <w:p w14:paraId="076DF92A" w14:textId="77777777" w:rsidR="006A4400" w:rsidRPr="006A4400" w:rsidRDefault="006A4400" w:rsidP="00C36340">
            <w:pPr>
              <w:pStyle w:val="TOCHeading"/>
              <w:spacing w:before="0" w:after="360"/>
              <w:rPr>
                <w:rFonts w:eastAsia="Times New Roman"/>
                <w:lang w:val="en-GB"/>
              </w:rPr>
            </w:pPr>
            <w:r w:rsidRPr="006A4400">
              <w:rPr>
                <w:rFonts w:eastAsia="Times New Roman"/>
                <w:lang w:val="en-GB"/>
              </w:rPr>
              <w:t>The Community</w:t>
            </w:r>
          </w:p>
        </w:tc>
        <w:tc>
          <w:tcPr>
            <w:tcW w:w="2156" w:type="dxa"/>
            <w:hideMark/>
          </w:tcPr>
          <w:p w14:paraId="20FC7F80" w14:textId="63A22D52" w:rsidR="006A4400" w:rsidRPr="006A4400" w:rsidRDefault="00AF0382" w:rsidP="00C36340">
            <w:pPr>
              <w:keepNext/>
              <w:keepLines/>
              <w:spacing w:after="360"/>
              <w:jc w:val="right"/>
              <w:outlineLvl w:val="1"/>
              <w:rPr>
                <w:rFonts w:eastAsia="Times New Roman"/>
                <w:b/>
                <w:bCs/>
                <w:color w:val="86B5BD" w:themeColor="text2"/>
                <w:sz w:val="24"/>
                <w:szCs w:val="24"/>
                <w:lang w:val="en-GB"/>
              </w:rPr>
            </w:pPr>
            <w:r>
              <w:rPr>
                <w:rFonts w:eastAsia="Times New Roman"/>
                <w:b/>
                <w:bCs/>
                <w:color w:val="86B5BD" w:themeColor="text2"/>
                <w:sz w:val="24"/>
                <w:szCs w:val="24"/>
                <w:lang w:val="en-GB"/>
              </w:rPr>
              <w:t>11</w:t>
            </w:r>
          </w:p>
        </w:tc>
      </w:tr>
      <w:tr w:rsidR="006A4400" w:rsidRPr="006A4400" w14:paraId="78F9BCC0" w14:textId="77777777" w:rsidTr="00166EB8">
        <w:trPr>
          <w:trHeight w:val="20"/>
        </w:trPr>
        <w:tc>
          <w:tcPr>
            <w:tcW w:w="5125" w:type="dxa"/>
            <w:hideMark/>
          </w:tcPr>
          <w:p w14:paraId="1890325E" w14:textId="77777777" w:rsidR="006A4400" w:rsidRPr="006A4400" w:rsidRDefault="006A4400" w:rsidP="00C36340">
            <w:pPr>
              <w:pStyle w:val="TOCHeading"/>
              <w:spacing w:before="0" w:after="360"/>
              <w:rPr>
                <w:rFonts w:eastAsia="Times New Roman"/>
                <w:lang w:val="en-GB"/>
              </w:rPr>
            </w:pPr>
            <w:r w:rsidRPr="006A4400">
              <w:rPr>
                <w:rFonts w:eastAsia="Times New Roman"/>
                <w:lang w:val="en-GB"/>
              </w:rPr>
              <w:t>Procedure for Candidacy</w:t>
            </w:r>
          </w:p>
        </w:tc>
        <w:tc>
          <w:tcPr>
            <w:tcW w:w="2156" w:type="dxa"/>
            <w:hideMark/>
          </w:tcPr>
          <w:p w14:paraId="6EE8EDDA" w14:textId="0A086030" w:rsidR="006A4400" w:rsidRPr="006A4400" w:rsidRDefault="00AF0382" w:rsidP="00C36340">
            <w:pPr>
              <w:keepNext/>
              <w:keepLines/>
              <w:spacing w:after="360"/>
              <w:jc w:val="right"/>
              <w:outlineLvl w:val="1"/>
              <w:rPr>
                <w:rFonts w:eastAsia="Times New Roman"/>
                <w:b/>
                <w:bCs/>
                <w:color w:val="86B5BD" w:themeColor="text2"/>
                <w:sz w:val="24"/>
                <w:szCs w:val="24"/>
                <w:lang w:val="en-GB"/>
              </w:rPr>
            </w:pPr>
            <w:r>
              <w:rPr>
                <w:rFonts w:eastAsia="Times New Roman"/>
                <w:b/>
                <w:bCs/>
                <w:color w:val="86B5BD" w:themeColor="text2"/>
                <w:sz w:val="24"/>
                <w:szCs w:val="24"/>
                <w:lang w:val="en-GB"/>
              </w:rPr>
              <w:t>13</w:t>
            </w:r>
          </w:p>
        </w:tc>
      </w:tr>
      <w:bookmarkEnd w:id="2"/>
    </w:tbl>
    <w:p w14:paraId="4DFDBE0F" w14:textId="77777777" w:rsidR="006A4400" w:rsidRDefault="006A4400" w:rsidP="006A4400">
      <w:pPr>
        <w:rPr>
          <w:rFonts w:ascii="Arial" w:eastAsia="Times New Roman" w:hAnsi="Arial" w:cs="Times New Roman"/>
          <w:noProof/>
          <w:kern w:val="2"/>
          <w14:ligatures w14:val="standardContextual"/>
        </w:rPr>
      </w:pPr>
    </w:p>
    <w:p w14:paraId="01B1987A" w14:textId="77777777" w:rsidR="00FF4711" w:rsidRPr="006A4400" w:rsidRDefault="00FF4711" w:rsidP="006A4400">
      <w:pPr>
        <w:rPr>
          <w:rFonts w:ascii="Arial" w:eastAsia="Times New Roman" w:hAnsi="Arial" w:cs="Times New Roman"/>
          <w:noProof/>
          <w:kern w:val="2"/>
          <w14:ligatures w14:val="standardContextual"/>
        </w:rPr>
      </w:pPr>
    </w:p>
    <w:p w14:paraId="3E28B873" w14:textId="77777777" w:rsidR="006A4400" w:rsidRDefault="006A4400" w:rsidP="006A4400">
      <w:pPr>
        <w:rPr>
          <w:rFonts w:asciiTheme="majorHAnsi" w:eastAsiaTheme="majorEastAsia" w:hAnsiTheme="majorHAnsi" w:cstheme="majorBidi"/>
          <w:b/>
          <w:bCs/>
          <w:color w:val="21455D" w:themeColor="accent3"/>
          <w:sz w:val="32"/>
          <w:szCs w:val="60"/>
        </w:rPr>
      </w:pPr>
    </w:p>
    <w:p w14:paraId="28FD4837" w14:textId="77777777" w:rsidR="006A4400" w:rsidRPr="006A4400" w:rsidRDefault="006A4400" w:rsidP="006A4400">
      <w:pPr>
        <w:rPr>
          <w:rFonts w:asciiTheme="majorHAnsi" w:eastAsiaTheme="majorEastAsia" w:hAnsiTheme="majorHAnsi" w:cstheme="majorBidi"/>
          <w:sz w:val="32"/>
          <w:szCs w:val="60"/>
        </w:rPr>
        <w:sectPr w:rsidR="006A4400" w:rsidRPr="006A4400" w:rsidSect="002C6EF5">
          <w:headerReference w:type="default" r:id="rId15"/>
          <w:footerReference w:type="default" r:id="rId16"/>
          <w:footerReference w:type="first" r:id="rId17"/>
          <w:pgSz w:w="12240" w:h="15840" w:code="1"/>
          <w:pgMar w:top="1440" w:right="1077" w:bottom="1440" w:left="1077" w:header="720" w:footer="431" w:gutter="0"/>
          <w:pgNumType w:start="0"/>
          <w:cols w:space="708"/>
          <w:titlePg/>
          <w:docGrid w:linePitch="360"/>
        </w:sectPr>
      </w:pPr>
    </w:p>
    <w:p w14:paraId="377E3E2F" w14:textId="77777777" w:rsidR="000D1DD0" w:rsidRPr="000D1DD0" w:rsidRDefault="000D1DD0" w:rsidP="001D6018">
      <w:pPr>
        <w:pStyle w:val="Heading1"/>
      </w:pPr>
      <w:bookmarkStart w:id="4" w:name="_Toc155173734"/>
      <w:r w:rsidRPr="000D1DD0">
        <w:lastRenderedPageBreak/>
        <w:t>The Opportunity</w:t>
      </w:r>
      <w:bookmarkEnd w:id="4"/>
    </w:p>
    <w:p w14:paraId="74F0A3E9" w14:textId="2BE10E0B" w:rsidR="00614BB8" w:rsidRPr="00614BB8" w:rsidRDefault="00E460E2" w:rsidP="00614BB8">
      <w:pPr>
        <w:spacing w:after="200" w:line="264" w:lineRule="auto"/>
        <w:rPr>
          <w:sz w:val="20"/>
        </w:rPr>
      </w:pPr>
      <w:r>
        <w:rPr>
          <w:sz w:val="20"/>
        </w:rPr>
        <w:t>Mobile Infirmary Medical Center (MIMC), the 681-bed flagship hospital of Infirmary Health in Mobile, Alabama, and a cornerstone of care for the Gulf Coast region, seeks a dynamic, relationship-driven, innovative Chief Nursing Officer (CNO) to lead nursing practice and operational performance across this large, complex acute care environment. The organization is stable and well-aligned, anchored by a leadership team that values transparency, trust, and a shared commitment to high-quality care. Notably, Infirmary Health has been recognized by Forbes as the Best In-State Employer for the past four consecutive years, underscoring the system’s deep commitment to its workforce. The next CNO will have the influence and support needed to elevate nursing practice and strengthen a workforce ready for empowerment and modernization.</w:t>
      </w:r>
    </w:p>
    <w:p w14:paraId="4ECD18B4" w14:textId="7199114C" w:rsidR="00614BB8" w:rsidRPr="00614BB8" w:rsidRDefault="00E460E2" w:rsidP="00614BB8">
      <w:pPr>
        <w:spacing w:after="200" w:line="264" w:lineRule="auto"/>
        <w:rPr>
          <w:sz w:val="20"/>
        </w:rPr>
      </w:pPr>
      <w:r>
        <w:rPr>
          <w:sz w:val="20"/>
        </w:rPr>
        <w:t>As Alabama’s largest non-governmental, not-for-profit health system, Mobile Infirmary delivers a comprehensive range of specialty services, supported by a highly engaged workforce of 2,465 employees and a long-standing commitment to patient-centered care. The incoming CNO will inherit a strong nursing leadership structure spanning women’s and children’s services, critical care, medical-surgical</w:t>
      </w:r>
      <w:r w:rsidR="00977150">
        <w:rPr>
          <w:sz w:val="20"/>
        </w:rPr>
        <w:t xml:space="preserve"> services, the </w:t>
      </w:r>
      <w:r>
        <w:rPr>
          <w:sz w:val="20"/>
        </w:rPr>
        <w:t>emergency department, nursing education, and residency programs. The hospital’s clinical foundation is robust, with Joint Commission accreditations in hip and knee replacements and comprehensive stroke; Lantern Awards in the ICUs; a developing geriatric emergency program; and the region’s leading robotic surgery program. In the near term, one key responsibility of the CNO will be to lead the renovation and expansion of the emergency department, a significant project scheduled to begin next year.</w:t>
      </w:r>
    </w:p>
    <w:p w14:paraId="2D39A35C" w14:textId="18A7A6DC" w:rsidR="00614BB8" w:rsidRPr="00614BB8" w:rsidRDefault="00E460E2" w:rsidP="00614BB8">
      <w:pPr>
        <w:spacing w:after="200" w:line="264" w:lineRule="auto"/>
        <w:rPr>
          <w:sz w:val="20"/>
        </w:rPr>
      </w:pPr>
      <w:r>
        <w:rPr>
          <w:sz w:val="20"/>
        </w:rPr>
        <w:t>The hospital is part of Infirmary Health, a system comprising three acute-care hospitals, a long-term acute care hospital, two rehabilitation hospitals, two freestanding emergency departments, multiple imaging and outpatient centers, and a physician network of more than 60 clinics across 11 counties. Together, these entities deliver more than 1.5 million patient encounters annually and employ more than 7,100 staff, making Infirmary Health the state's largest private health care employer.</w:t>
      </w:r>
    </w:p>
    <w:p w14:paraId="173CBE77" w14:textId="06E0ED4C" w:rsidR="00614BB8" w:rsidRPr="00614BB8" w:rsidRDefault="00E460E2" w:rsidP="00614BB8">
      <w:pPr>
        <w:spacing w:after="200" w:line="264" w:lineRule="auto"/>
        <w:rPr>
          <w:sz w:val="20"/>
        </w:rPr>
      </w:pPr>
      <w:r>
        <w:rPr>
          <w:sz w:val="20"/>
        </w:rPr>
        <w:t>In recent months, leadership has reinvigorated the organization’s high-reliability journey with a renewed focus on foundational nursing practices and a daily in-person safety huddle that brings all clinical leaders together. These efforts have laid the groundwork for a culture that values openness, responsiveness, and accountability. The organization is equally committed to embracing innovation and leveraging technology to improve the nursing experience and increase consistency and reliability in care delivery. Above all, the next CNO will be charged with ensuring that exceptional nursing care is delivered consistently across every unit and with building a culture in which fundamentals are second nature and excellence is sustained.</w:t>
      </w:r>
    </w:p>
    <w:p w14:paraId="10639DFF" w14:textId="23BD0C00" w:rsidR="00614BB8" w:rsidRPr="00614BB8" w:rsidRDefault="00E460E2" w:rsidP="00614BB8">
      <w:pPr>
        <w:spacing w:after="200" w:line="264" w:lineRule="auto"/>
        <w:rPr>
          <w:sz w:val="20"/>
        </w:rPr>
      </w:pPr>
      <w:r>
        <w:rPr>
          <w:sz w:val="20"/>
        </w:rPr>
        <w:t>The successful CNO will be a strategic, energetic leader comfortable with change and bringing an innovative mindset. They will excel at building authentic, collaborative relationships with clinical and administrative leaders, while holding teams accountable and fostering strong engagement. Equally important, the next CNO must develop highly collaborative, responsive partnerships with the medical staff. The ideal candidate will have a proven track record of leading nursing teams through initiatives that enhance quality, patient safety, care experience, workforce development, and operational efficiency.</w:t>
      </w:r>
    </w:p>
    <w:p w14:paraId="655C59FD" w14:textId="12F21A79" w:rsidR="00614BB8" w:rsidRDefault="00C30CEF" w:rsidP="00614BB8">
      <w:pPr>
        <w:spacing w:after="200" w:line="264" w:lineRule="auto"/>
        <w:rPr>
          <w:sz w:val="20"/>
          <w:highlight w:val="yellow"/>
        </w:rPr>
      </w:pPr>
      <w:r>
        <w:rPr>
          <w:sz w:val="20"/>
        </w:rPr>
        <w:t>This is an exceptional opportunity for a committed, forward-thinking nurse executive to lead at a respected, high-performing community hospital, strengthen and empower a proud nursing workforce, and make a lasting impact on care delivery throughout the region.</w:t>
      </w:r>
    </w:p>
    <w:p w14:paraId="03C22686" w14:textId="2295FCE8" w:rsidR="00130F56" w:rsidRDefault="0069404B" w:rsidP="00130F56">
      <w:pPr>
        <w:pStyle w:val="Heading1"/>
      </w:pPr>
      <w:bookmarkStart w:id="5" w:name="_Toc155173735"/>
      <w:bookmarkEnd w:id="3"/>
      <w:r>
        <w:rPr>
          <w:noProof/>
        </w:rPr>
        <w:lastRenderedPageBreak/>
        <w:drawing>
          <wp:anchor distT="0" distB="0" distL="114300" distR="114300" simplePos="0" relativeHeight="251659776" behindDoc="1" locked="0" layoutInCell="1" allowOverlap="1" wp14:anchorId="50541CD3" wp14:editId="7A6E9086">
            <wp:simplePos x="0" y="0"/>
            <wp:positionH relativeFrom="margin">
              <wp:posOffset>-1905</wp:posOffset>
            </wp:positionH>
            <wp:positionV relativeFrom="paragraph">
              <wp:posOffset>334010</wp:posOffset>
            </wp:positionV>
            <wp:extent cx="6162040" cy="3465195"/>
            <wp:effectExtent l="0" t="0" r="0" b="1905"/>
            <wp:wrapSquare wrapText="bothSides"/>
            <wp:docPr id="2465124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651247" name="Picture 24651247"/>
                    <pic:cNvPicPr/>
                  </pic:nvPicPr>
                  <pic:blipFill>
                    <a:blip r:embed="rId18" cstate="print">
                      <a:extLst>
                        <a:ext uri="{28A0092B-C50C-407E-A947-70E740481C1C}">
                          <a14:useLocalDpi xmlns:a14="http://schemas.microsoft.com/office/drawing/2010/main" val="0"/>
                        </a:ext>
                      </a:extLst>
                    </a:blip>
                    <a:stretch>
                      <a:fillRect/>
                    </a:stretch>
                  </pic:blipFill>
                  <pic:spPr>
                    <a:xfrm>
                      <a:off x="0" y="0"/>
                      <a:ext cx="6162040" cy="3465195"/>
                    </a:xfrm>
                    <a:prstGeom prst="rect">
                      <a:avLst/>
                    </a:prstGeom>
                  </pic:spPr>
                </pic:pic>
              </a:graphicData>
            </a:graphic>
            <wp14:sizeRelH relativeFrom="margin">
              <wp14:pctWidth>0</wp14:pctWidth>
            </wp14:sizeRelH>
            <wp14:sizeRelV relativeFrom="margin">
              <wp14:pctHeight>0</wp14:pctHeight>
            </wp14:sizeRelV>
          </wp:anchor>
        </w:drawing>
      </w:r>
      <w:r w:rsidR="00130F56">
        <w:t>Organization Overview</w:t>
      </w:r>
      <w:bookmarkEnd w:id="5"/>
    </w:p>
    <w:p w14:paraId="0E32AA62" w14:textId="77777777" w:rsidR="0069404B" w:rsidRDefault="0069404B" w:rsidP="0069404B">
      <w:pPr>
        <w:pStyle w:val="BodyText"/>
        <w:spacing w:before="120"/>
      </w:pPr>
    </w:p>
    <w:p w14:paraId="2678A8A6" w14:textId="58EB7CC4" w:rsidR="00DB6282" w:rsidRDefault="00F31BE1" w:rsidP="0069404B">
      <w:pPr>
        <w:pStyle w:val="BodyText"/>
        <w:spacing w:before="120"/>
      </w:pPr>
      <w:r>
        <w:t xml:space="preserve">Mobile Infirmary Medical Center has served the Gulf Coast region for more than a century and today stands as the flagship hospital of Infirmary Health, the largest non-governmental, not-for-profit healthcare system in Alabama. Founded in 1910, the hospital has evolved into one of the state’s most comprehensive and prominent acute care facilities, operating 681 licensed beds and delivering an extensive range of tertiary and specialty services, making it a major referral center for Mobile and the broader coastal region. </w:t>
      </w:r>
    </w:p>
    <w:p w14:paraId="7DEAC00B" w14:textId="4D2BA33F" w:rsidR="00DB6282" w:rsidRDefault="00601DF8" w:rsidP="00DB6282">
      <w:pPr>
        <w:pStyle w:val="BodyText"/>
      </w:pPr>
      <w:r>
        <w:t>From its campus in Mobile, Alabama, the hospital serves a diverse and growing patient population, supporting more than 24,000 inpatient admissions, 302,000 outpatient encounters, 15,000 surgeries, 1,026 deliveries, and over 64,000 emergency department visits each year. Its medical staff comprises more than 650 physicians, and its workforce of 2,465 employees reflects the organization’s significant presence as both a clinical hub and a major regional employer. These volumes underscore the breadth of services at Mobile Infirmary, where patients access specialized care in cardiovascular medicine, neurosciences, orthopedics, oncology, and subspecialties.</w:t>
      </w:r>
    </w:p>
    <w:p w14:paraId="31D6663D" w14:textId="4E75E292" w:rsidR="00DB6282" w:rsidRDefault="00601DF8" w:rsidP="00DB6282">
      <w:pPr>
        <w:pStyle w:val="BodyText"/>
      </w:pPr>
      <w:r>
        <w:t>Mobile Infirmary is distinguished for its clinical innovation, including its region-leading robotic surgery program. As the first hospital in the area to acquire the da Vinci® Surgical System, the organization has performed more than 17,000 robotic procedures, solidifying its reputation as a destination for minimally invasive surgery. The hospital also houses a hybrid OR/</w:t>
      </w:r>
      <w:r w:rsidR="00C15BB4">
        <w:t>C</w:t>
      </w:r>
      <w:r>
        <w:t xml:space="preserve">ath </w:t>
      </w:r>
      <w:r w:rsidR="00C15BB4">
        <w:t>L</w:t>
      </w:r>
      <w:r>
        <w:t>ab and a comprehensive structural heart program, strengthening its position as one of Alabama’s top providers of advanced cardiovascular care. Its emergency and critical care services further enhance its regional impact, with a Level II emergency department and a freestanding ED in Saraland providing accessible, high-acuity care for surrounding communities.</w:t>
      </w:r>
    </w:p>
    <w:p w14:paraId="091CF42D" w14:textId="47AA343C" w:rsidR="00DB6282" w:rsidRDefault="00F31BE1" w:rsidP="00DB6282">
      <w:pPr>
        <w:pStyle w:val="BodyText"/>
      </w:pPr>
      <w:r>
        <w:t xml:space="preserve">The hospital’s reputation is reinforced by a series of national recognitions. Mobile Infirmary is certified by The Joint Commission as a Comprehensive Stroke Center, reflecting its ability to treat the most complex stroke cases through coordinated, multidisciplinary care. It has earned the Gold Seal of Approval® for total hip and knee replacement and spine surgery, and U.S. News &amp; World Report ranks it among Alabama’s best hospitals, with high-performing designations in numerous specialties. Its oncology program is strengthened by Infirmary Cancer </w:t>
      </w:r>
      <w:r>
        <w:lastRenderedPageBreak/>
        <w:t>Care, an affiliate of the UAB O’Neal Comprehensive Cancer Center, which provides patients with access to advanced cancer treatments, clinical research, and multidisciplinary expertise close to home.</w:t>
      </w:r>
    </w:p>
    <w:p w14:paraId="36D016CC" w14:textId="77777777" w:rsidR="00DB6282" w:rsidRDefault="00DB6282" w:rsidP="00DB6282">
      <w:pPr>
        <w:pStyle w:val="BodyText"/>
      </w:pPr>
      <w:r>
        <w:t>Anchoring this hospital is Infirmary Health, a system that includes three acute care hospitals, a long-term acute care hospital, two rehabilitation hospitals, two freestanding emergency departments, multiple imaging and outpatient centers, and a physician network of more than 60 clinics across 11 counties. Collectively, these entities deliver more than 1.5 million patient encounters each year and employ more than 7,100 staff, reflecting the scale and reach of a major regional healthcare provider. Infirmary Health has also been recognized by Forbes as Alabama’s Best In-State Employer for four consecutive years, a distinction that highlights the system’s strong culture and its reputation as an outstanding place to work. This recognition highlights the organization’s reputation as a supportive, highly regarded employer in the region.</w:t>
      </w:r>
    </w:p>
    <w:p w14:paraId="5786B761" w14:textId="7997A91B" w:rsidR="005174E6" w:rsidRDefault="00235FA0" w:rsidP="00DB6282">
      <w:pPr>
        <w:pStyle w:val="BodyText"/>
      </w:pPr>
      <w:r>
        <w:t xml:space="preserve">At Infirmary </w:t>
      </w:r>
      <w:r w:rsidR="008A273B">
        <w:t>Health</w:t>
      </w:r>
      <w:r>
        <w:t xml:space="preserve">, our mission is to treat our patients with a focus on </w:t>
      </w:r>
      <w:r w:rsidRPr="008A273B">
        <w:rPr>
          <w:b/>
          <w:bCs/>
        </w:rPr>
        <w:t>LIFE</w:t>
      </w:r>
      <w:r w:rsidR="008A273B">
        <w:rPr>
          <w:b/>
          <w:bCs/>
        </w:rPr>
        <w:t>:</w:t>
      </w:r>
      <w:r w:rsidR="005174E6">
        <w:t xml:space="preserve"> </w:t>
      </w:r>
    </w:p>
    <w:p w14:paraId="3CC9091A" w14:textId="42BE59C0" w:rsidR="005174E6" w:rsidRDefault="005174E6" w:rsidP="003C2A25">
      <w:pPr>
        <w:pStyle w:val="BodyText"/>
        <w:numPr>
          <w:ilvl w:val="0"/>
          <w:numId w:val="41"/>
        </w:numPr>
        <w:spacing w:after="0" w:line="240" w:lineRule="auto"/>
      </w:pPr>
      <w:r w:rsidRPr="00F71938">
        <w:rPr>
          <w:b/>
          <w:bCs/>
        </w:rPr>
        <w:t>L</w:t>
      </w:r>
      <w:r>
        <w:t>eadership</w:t>
      </w:r>
      <w:r w:rsidR="00A37E1C">
        <w:t xml:space="preserve"> </w:t>
      </w:r>
    </w:p>
    <w:p w14:paraId="0CBF067D" w14:textId="0C694713" w:rsidR="005174E6" w:rsidRDefault="005174E6" w:rsidP="003C2A25">
      <w:pPr>
        <w:pStyle w:val="BodyText"/>
        <w:numPr>
          <w:ilvl w:val="0"/>
          <w:numId w:val="41"/>
        </w:numPr>
        <w:spacing w:after="0" w:line="240" w:lineRule="auto"/>
      </w:pPr>
      <w:r w:rsidRPr="00F71938">
        <w:rPr>
          <w:b/>
          <w:bCs/>
        </w:rPr>
        <w:t>I</w:t>
      </w:r>
      <w:r>
        <w:t>ntegrity</w:t>
      </w:r>
    </w:p>
    <w:p w14:paraId="7E91793C" w14:textId="3279F4EF" w:rsidR="005174E6" w:rsidRDefault="005174E6" w:rsidP="003C2A25">
      <w:pPr>
        <w:pStyle w:val="BodyText"/>
        <w:numPr>
          <w:ilvl w:val="0"/>
          <w:numId w:val="41"/>
        </w:numPr>
        <w:spacing w:after="0" w:line="240" w:lineRule="auto"/>
      </w:pPr>
      <w:r w:rsidRPr="00F71938">
        <w:rPr>
          <w:b/>
          <w:bCs/>
        </w:rPr>
        <w:t>F</w:t>
      </w:r>
      <w:r>
        <w:t>amily</w:t>
      </w:r>
      <w:r w:rsidR="00E77996">
        <w:t xml:space="preserve"> </w:t>
      </w:r>
    </w:p>
    <w:p w14:paraId="7082A11B" w14:textId="69A19C33" w:rsidR="00E77996" w:rsidRDefault="00E77996" w:rsidP="003C2A25">
      <w:pPr>
        <w:pStyle w:val="BodyText"/>
        <w:numPr>
          <w:ilvl w:val="0"/>
          <w:numId w:val="41"/>
        </w:numPr>
        <w:spacing w:after="0" w:line="240" w:lineRule="auto"/>
      </w:pPr>
      <w:r w:rsidRPr="00F71938">
        <w:rPr>
          <w:b/>
          <w:bCs/>
        </w:rPr>
        <w:t>E</w:t>
      </w:r>
      <w:r>
        <w:t>xcellent Service</w:t>
      </w:r>
    </w:p>
    <w:p w14:paraId="55338D19" w14:textId="77777777" w:rsidR="00F71938" w:rsidRDefault="00F71938" w:rsidP="00E77996">
      <w:pPr>
        <w:pStyle w:val="BodyText"/>
        <w:spacing w:after="0" w:line="240" w:lineRule="auto"/>
      </w:pPr>
    </w:p>
    <w:p w14:paraId="68076FA4" w14:textId="7D8F3AB1" w:rsidR="00DB6282" w:rsidRDefault="00B76C78" w:rsidP="008A273B">
      <w:pPr>
        <w:pStyle w:val="BodyText"/>
        <w:spacing w:after="0" w:line="240" w:lineRule="auto"/>
      </w:pPr>
      <w:r>
        <w:t xml:space="preserve">This acronym embodies Infirmary Health's core values of serving our community with a focus on Leadership, Integrity, Family and Excellent Service. </w:t>
      </w:r>
      <w:r w:rsidR="00DB6282">
        <w:t xml:space="preserve">These core values guide every aspect of care delivery, emphasizing ethical conduct, compassion, teamwork, and an unwavering dedication to patient-centered service. The system’s vision is to be the FIRST CHOICE for healthcare in the region, ensuring every patient receives exceptional clinical care supported by professionalism, respect, and a culture of continuous improvement. These commitments are deeply integrated into Mobile Infirmary’s operations, shaping its strategic direction, care approach, and expectations for clinical and operational excellence. </w:t>
      </w:r>
    </w:p>
    <w:p w14:paraId="70BD31FD" w14:textId="77777777" w:rsidR="008A273B" w:rsidRDefault="008A273B" w:rsidP="008A273B">
      <w:pPr>
        <w:pStyle w:val="BodyText"/>
        <w:spacing w:after="0" w:line="240" w:lineRule="auto"/>
      </w:pPr>
    </w:p>
    <w:p w14:paraId="1B31BA26" w14:textId="383F9C58" w:rsidR="00B52AFF" w:rsidRDefault="00DB6282" w:rsidP="00DB6282">
      <w:pPr>
        <w:pStyle w:val="BodyText"/>
      </w:pPr>
      <w:r>
        <w:t>Today, Mobile Infirmary stands at a crucial and exciting point in its evolution. Its combination of legacy, scale, breadth of services, and system support positions it as a major healthcare leader in the Gulf Coast region. Its strong clinical foundation and continued investments in technology, specialty services, and quality outcomes reflect an organization committed not only to meeting current community needs but also to expanding its capacity to serve future generations. For these reasons, Mobile Infirmary offers a compelling environment for a senior nursing executive to lead within a mission-driven, community-focused, and performance-oriented health system.</w:t>
      </w:r>
    </w:p>
    <w:p w14:paraId="66174F1E" w14:textId="152E150A" w:rsidR="00030893" w:rsidRDefault="005200A1" w:rsidP="00DB6282">
      <w:pPr>
        <w:pStyle w:val="BodyText"/>
      </w:pPr>
      <w:r>
        <w:rPr>
          <w:noProof/>
        </w:rPr>
        <w:lastRenderedPageBreak/>
        <w:drawing>
          <wp:inline distT="0" distB="0" distL="0" distR="0" wp14:anchorId="23E9EDD0" wp14:editId="719C5829">
            <wp:extent cx="6404720" cy="3763271"/>
            <wp:effectExtent l="0" t="0" r="0" b="0"/>
            <wp:docPr id="1712284238" name="Graphic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2284238" name="Graphic 1712284238"/>
                    <pic:cNvPicPr/>
                  </pic:nvPicPr>
                  <pic:blipFill>
                    <a:blip r:embed="rId19">
                      <a:extLst>
                        <a:ext uri="{96DAC541-7B7A-43D3-8B79-37D633B846F1}">
                          <asvg:svgBlip xmlns:asvg="http://schemas.microsoft.com/office/drawing/2016/SVG/main" r:embed="rId20"/>
                        </a:ext>
                      </a:extLst>
                    </a:blip>
                    <a:stretch>
                      <a:fillRect/>
                    </a:stretch>
                  </pic:blipFill>
                  <pic:spPr>
                    <a:xfrm>
                      <a:off x="0" y="0"/>
                      <a:ext cx="6433571" cy="3780223"/>
                    </a:xfrm>
                    <a:prstGeom prst="rect">
                      <a:avLst/>
                    </a:prstGeom>
                  </pic:spPr>
                </pic:pic>
              </a:graphicData>
            </a:graphic>
          </wp:inline>
        </w:drawing>
      </w:r>
    </w:p>
    <w:p w14:paraId="3230C9E2" w14:textId="63639FA8" w:rsidR="001C65FA" w:rsidRPr="001C65FA" w:rsidRDefault="001C65FA" w:rsidP="001C65FA">
      <w:pPr>
        <w:keepNext/>
        <w:keepLines/>
        <w:spacing w:before="240" w:after="240" w:line="240" w:lineRule="auto"/>
        <w:outlineLvl w:val="1"/>
        <w:rPr>
          <w:rFonts w:asciiTheme="majorHAnsi" w:eastAsiaTheme="majorEastAsia" w:hAnsiTheme="majorHAnsi" w:cstheme="majorBidi"/>
          <w:b/>
          <w:bCs/>
          <w:color w:val="86B5BD" w:themeColor="text2"/>
          <w:sz w:val="24"/>
          <w:szCs w:val="24"/>
        </w:rPr>
      </w:pPr>
      <w:r w:rsidRPr="001C65FA">
        <w:rPr>
          <w:rFonts w:asciiTheme="majorHAnsi" w:eastAsiaTheme="majorEastAsia" w:hAnsiTheme="majorHAnsi" w:cstheme="majorBidi"/>
          <w:b/>
          <w:bCs/>
          <w:color w:val="86B5BD" w:themeColor="text2"/>
          <w:sz w:val="24"/>
          <w:szCs w:val="24"/>
        </w:rPr>
        <w:t>Awards and Recognition</w:t>
      </w:r>
    </w:p>
    <w:p w14:paraId="14BDAC4F" w14:textId="16C75FDA" w:rsidR="001C65FA" w:rsidRPr="001C65FA" w:rsidRDefault="001C65FA" w:rsidP="00CE3700">
      <w:pPr>
        <w:pStyle w:val="BulletedListmultiplelines"/>
      </w:pPr>
      <w:r w:rsidRPr="001C65FA">
        <w:rPr>
          <w:rStyle w:val="Heading3Char"/>
        </w:rPr>
        <w:t>U.S. News &amp; World Report</w:t>
      </w:r>
      <w:r w:rsidRPr="001C65FA">
        <w:t xml:space="preserve"> recognized Mobile Infirmary as the best hospital in Southern Alabama and in the top five hospitals overall in the state in its 2024-2025 Best Hospitals Rankings. Mobile Infirmary is also rated as high performing in eight types of care, including Heart Attack, COPD, Heart Failure, Hip Replacement, Colon Cancer Surgery, Lung Cancer Surgery, Prostate Cancer Surgery, as well as Leukemia, Lymphoma, and Myeloma.</w:t>
      </w:r>
    </w:p>
    <w:p w14:paraId="4B8817EF" w14:textId="09AA0DED" w:rsidR="001C65FA" w:rsidRPr="001C65FA" w:rsidRDefault="001C65FA" w:rsidP="00CE3700">
      <w:pPr>
        <w:pStyle w:val="BulletedListmultiplelines"/>
      </w:pPr>
      <w:r w:rsidRPr="00CE3700">
        <w:rPr>
          <w:rStyle w:val="Heading3Char"/>
        </w:rPr>
        <w:t>Forbes Best in State Employer</w:t>
      </w:r>
      <w:r w:rsidRPr="001C65FA">
        <w:t xml:space="preserve"> </w:t>
      </w:r>
      <w:r w:rsidR="00CE3700">
        <w:t xml:space="preserve">- </w:t>
      </w:r>
      <w:r w:rsidRPr="001C65FA">
        <w:t>Infirmary Health has once again earned recognition as one of America’s Best</w:t>
      </w:r>
      <w:r w:rsidRPr="001C65FA">
        <w:rPr>
          <w:rFonts w:ascii="Cambria Math" w:hAnsi="Cambria Math" w:cs="Cambria Math"/>
        </w:rPr>
        <w:t>‑</w:t>
      </w:r>
      <w:r w:rsidRPr="001C65FA">
        <w:t>in</w:t>
      </w:r>
      <w:r w:rsidRPr="001C65FA">
        <w:rPr>
          <w:rFonts w:ascii="Cambria Math" w:hAnsi="Cambria Math" w:cs="Cambria Math"/>
        </w:rPr>
        <w:t>‑</w:t>
      </w:r>
      <w:r w:rsidRPr="001C65FA">
        <w:t>State Employers, as listed by Forbes Magazine. This marks the fourth consecutive year the organization has received this distinction, following recognitions in 2022, 2023, 2024, and 2025.</w:t>
      </w:r>
    </w:p>
    <w:p w14:paraId="3F0AFF5F" w14:textId="7453E436" w:rsidR="001C65FA" w:rsidRPr="001C65FA" w:rsidRDefault="00CE3700" w:rsidP="00CE3700">
      <w:pPr>
        <w:pStyle w:val="BulletedListmultiplelines"/>
      </w:pPr>
      <w:r w:rsidRPr="00CE3700">
        <w:rPr>
          <w:rStyle w:val="Heading3Char"/>
        </w:rPr>
        <w:t>Women's Choice Award</w:t>
      </w:r>
      <w:r w:rsidR="001C65FA" w:rsidRPr="001C65FA">
        <w:t xml:space="preserve"> </w:t>
      </w:r>
      <w:r>
        <w:t xml:space="preserve">- </w:t>
      </w:r>
      <w:r w:rsidR="001C65FA" w:rsidRPr="001C65FA">
        <w:t>Mobile Infirmary was named one of America’s Best Hospitals for cancer care, comprehensive breast care, heart care, mammogram imaging, and women's services by the Women’s Choice Award® for 2025. The awards signify that Mobile Infirmary is in the top 10% of U.S. hospitals offering these services.</w:t>
      </w:r>
    </w:p>
    <w:p w14:paraId="23F3A74C" w14:textId="15EF135C" w:rsidR="001C65FA" w:rsidRPr="001C65FA" w:rsidRDefault="00CE3700" w:rsidP="00CE3700">
      <w:pPr>
        <w:pStyle w:val="BulletedListmultiplelines"/>
      </w:pPr>
      <w:r w:rsidRPr="00CE3700">
        <w:rPr>
          <w:rStyle w:val="Heading3Char"/>
        </w:rPr>
        <w:t>Blue Cross Blue Shield</w:t>
      </w:r>
      <w:r w:rsidR="001C65FA" w:rsidRPr="001C65FA">
        <w:t xml:space="preserve"> </w:t>
      </w:r>
      <w:r>
        <w:t xml:space="preserve">- </w:t>
      </w:r>
      <w:r w:rsidR="001C65FA" w:rsidRPr="001C65FA">
        <w:t>Mobile Infirmary was designated as a Blue Distinction Center+ for Bariatric Surgery, Knee &amp; Hip Replacement, Maternity, and Spine Surgery. These Centers demonstrate better quality care and improved patient outcomes, including lower complication rates following certain procedures.</w:t>
      </w:r>
    </w:p>
    <w:p w14:paraId="5565C289" w14:textId="21761951" w:rsidR="001C65FA" w:rsidRPr="001C65FA" w:rsidRDefault="00CE3700" w:rsidP="00CE3700">
      <w:pPr>
        <w:pStyle w:val="BulletedListmultiplelines"/>
      </w:pPr>
      <w:r w:rsidRPr="00CE3700">
        <w:rPr>
          <w:rStyle w:val="Heading3Char"/>
        </w:rPr>
        <w:t xml:space="preserve">Beacon Award </w:t>
      </w:r>
      <w:r w:rsidR="00066416">
        <w:rPr>
          <w:rStyle w:val="Heading3Char"/>
        </w:rPr>
        <w:t>for</w:t>
      </w:r>
      <w:r w:rsidRPr="00CE3700">
        <w:rPr>
          <w:rStyle w:val="Heading3Char"/>
        </w:rPr>
        <w:t xml:space="preserve"> Excellence</w:t>
      </w:r>
      <w:r w:rsidR="001C65FA" w:rsidRPr="001C65FA">
        <w:t xml:space="preserve"> </w:t>
      </w:r>
      <w:r>
        <w:t xml:space="preserve">- </w:t>
      </w:r>
      <w:r w:rsidR="001C65FA" w:rsidRPr="001C65FA">
        <w:t>Mobile Infirmary's Medical Intensive Care Unit and Surgical Intensive Care Unit received the Gold Beacon Award for Excellence. These two units are the only adult ICUs in Alabama to hold this distinction. Additionally, the Cardiac Care Unit received the Silver Beacon Award for Excellence. The Beacon Award for Excellence provides a road map and tools to assist hospital units on their path to excellence, honoring individual units that distinguish themselves by improving every facet of patient care.</w:t>
      </w:r>
    </w:p>
    <w:p w14:paraId="3BE4D6E3" w14:textId="6BBD86B7" w:rsidR="001C65FA" w:rsidRPr="001C65FA" w:rsidRDefault="00CE3700" w:rsidP="00CE3700">
      <w:pPr>
        <w:pStyle w:val="BulletedListmultiplelines"/>
      </w:pPr>
      <w:r w:rsidRPr="00CE3700">
        <w:rPr>
          <w:rStyle w:val="Heading3Char"/>
        </w:rPr>
        <w:lastRenderedPageBreak/>
        <w:t>Get With The Guidelines Resuscitation</w:t>
      </w:r>
      <w:r w:rsidR="001C65FA" w:rsidRPr="001C65FA">
        <w:t xml:space="preserve"> </w:t>
      </w:r>
      <w:r>
        <w:t xml:space="preserve">- </w:t>
      </w:r>
      <w:r w:rsidR="001C65FA" w:rsidRPr="001C65FA">
        <w:t xml:space="preserve">Mobile Infirmary Medical Center has been participating in the Get With the Guidelines: Resuscitation program since 2012. The program goal is to assist in preventing in-hospital cardiac arrest and to optimize outcomes through benchmarking, quality improvement, knowledge translation, and research. Mobile Infirmary received the Gold award for 2020, 2021, 2022, 2023, and 2024. Mobile Infirmary’s Code Blue Coordinator participates in </w:t>
      </w:r>
      <w:r w:rsidR="00066416">
        <w:t>the American Heart Association’s</w:t>
      </w:r>
      <w:r w:rsidR="001C65FA" w:rsidRPr="001C65FA">
        <w:t xml:space="preserve"> Resuscitation Systems of Care Advisory Workgroup to assist with updating new evidence-based practices for this patient population.</w:t>
      </w:r>
    </w:p>
    <w:p w14:paraId="05041598" w14:textId="60E60CBF" w:rsidR="00B52AFF" w:rsidRDefault="00C25D82" w:rsidP="001C65FA">
      <w:pPr>
        <w:pStyle w:val="BodyText"/>
      </w:pPr>
      <w:r w:rsidRPr="001C65FA">
        <w:rPr>
          <w:noProof/>
          <w:sz w:val="22"/>
        </w:rPr>
        <w:drawing>
          <wp:anchor distT="0" distB="0" distL="114300" distR="114300" simplePos="0" relativeHeight="251661824" behindDoc="1" locked="0" layoutInCell="1" allowOverlap="1" wp14:anchorId="14B71740" wp14:editId="450BB42D">
            <wp:simplePos x="0" y="0"/>
            <wp:positionH relativeFrom="margin">
              <wp:posOffset>-183515</wp:posOffset>
            </wp:positionH>
            <wp:positionV relativeFrom="paragraph">
              <wp:posOffset>332740</wp:posOffset>
            </wp:positionV>
            <wp:extent cx="6925310" cy="4134485"/>
            <wp:effectExtent l="0" t="0" r="0" b="5715"/>
            <wp:wrapTight wrapText="bothSides">
              <wp:wrapPolygon edited="0">
                <wp:start x="0" y="0"/>
                <wp:lineTo x="0" y="21564"/>
                <wp:lineTo x="21549" y="21564"/>
                <wp:lineTo x="21549" y="0"/>
                <wp:lineTo x="0" y="0"/>
              </wp:wrapPolygon>
            </wp:wrapTight>
            <wp:docPr id="777980656"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7980656" name=""/>
                    <pic:cNvPicPr/>
                  </pic:nvPicPr>
                  <pic:blipFill>
                    <a:blip r:embed="rId21">
                      <a:extLst>
                        <a:ext uri="{96DAC541-7B7A-43D3-8B79-37D633B846F1}">
                          <asvg:svgBlip xmlns:asvg="http://schemas.microsoft.com/office/drawing/2016/SVG/main" r:embed="rId22"/>
                        </a:ext>
                      </a:extLst>
                    </a:blip>
                    <a:stretch>
                      <a:fillRect/>
                    </a:stretch>
                  </pic:blipFill>
                  <pic:spPr>
                    <a:xfrm>
                      <a:off x="0" y="0"/>
                      <a:ext cx="6925310" cy="4134485"/>
                    </a:xfrm>
                    <a:prstGeom prst="rect">
                      <a:avLst/>
                    </a:prstGeom>
                  </pic:spPr>
                </pic:pic>
              </a:graphicData>
            </a:graphic>
            <wp14:sizeRelH relativeFrom="margin">
              <wp14:pctWidth>0</wp14:pctWidth>
            </wp14:sizeRelH>
            <wp14:sizeRelV relativeFrom="margin">
              <wp14:pctHeight>0</wp14:pctHeight>
            </wp14:sizeRelV>
          </wp:anchor>
        </w:drawing>
      </w:r>
      <w:r w:rsidR="001C65FA" w:rsidRPr="001C65FA">
        <w:rPr>
          <w:szCs w:val="20"/>
        </w:rPr>
        <w:t xml:space="preserve">For additional information, please visit </w:t>
      </w:r>
      <w:hyperlink r:id="rId23" w:history="1">
        <w:r w:rsidR="001C65FA" w:rsidRPr="001C65FA">
          <w:rPr>
            <w:color w:val="234270" w:themeColor="hyperlink"/>
            <w:szCs w:val="20"/>
            <w:u w:val="single"/>
          </w:rPr>
          <w:t>www.infirmaryhealth.org</w:t>
        </w:r>
      </w:hyperlink>
      <w:r w:rsidR="001C65FA" w:rsidRPr="001C65FA">
        <w:rPr>
          <w:szCs w:val="20"/>
        </w:rPr>
        <w:t xml:space="preserve">   </w:t>
      </w:r>
    </w:p>
    <w:p w14:paraId="4A4C8539" w14:textId="77777777" w:rsidR="00130F56" w:rsidRDefault="00130F56" w:rsidP="00130F56">
      <w:pPr>
        <w:pStyle w:val="Heading1"/>
      </w:pPr>
      <w:bookmarkStart w:id="6" w:name="_Toc155173736"/>
      <w:r>
        <w:lastRenderedPageBreak/>
        <w:t>Position Summary</w:t>
      </w:r>
      <w:bookmarkEnd w:id="6"/>
    </w:p>
    <w:p w14:paraId="1D895652" w14:textId="3457D02B" w:rsidR="005C549A" w:rsidRDefault="002F7880" w:rsidP="005C549A">
      <w:pPr>
        <w:pStyle w:val="Heading2"/>
        <w:rPr>
          <w:rFonts w:asciiTheme="minorHAnsi" w:eastAsiaTheme="minorHAnsi" w:hAnsiTheme="minorHAnsi" w:cstheme="minorBidi"/>
          <w:b w:val="0"/>
          <w:bCs w:val="0"/>
          <w:color w:val="auto"/>
          <w:sz w:val="20"/>
          <w:szCs w:val="22"/>
        </w:rPr>
      </w:pPr>
      <w:r>
        <w:rPr>
          <w:rFonts w:asciiTheme="minorHAnsi" w:eastAsiaTheme="minorHAnsi" w:hAnsiTheme="minorHAnsi" w:cstheme="minorBidi"/>
          <w:b w:val="0"/>
          <w:bCs w:val="0"/>
          <w:color w:val="auto"/>
          <w:sz w:val="20"/>
          <w:szCs w:val="22"/>
        </w:rPr>
        <w:t>The Chief Nursing Officer (CNO) for Mobile Infirmary Medical Center serves as the senior nursing executive responsible for leading, developing, and sustaining professional nursing practice throughout the hospital. In this role, the CNO provides strategic and operational leadership for all nursing and patient care services, ensuring the consistent delivery of high</w:t>
      </w:r>
      <w:r>
        <w:rPr>
          <w:rFonts w:ascii="Cambria Math" w:eastAsiaTheme="minorHAnsi" w:hAnsi="Cambria Math" w:cs="Cambria Math"/>
          <w:b w:val="0"/>
          <w:bCs w:val="0"/>
          <w:color w:val="auto"/>
          <w:sz w:val="20"/>
          <w:szCs w:val="22"/>
        </w:rPr>
        <w:t>‑</w:t>
      </w:r>
      <w:r>
        <w:rPr>
          <w:rFonts w:asciiTheme="minorHAnsi" w:eastAsiaTheme="minorHAnsi" w:hAnsiTheme="minorHAnsi" w:cstheme="minorBidi"/>
          <w:b w:val="0"/>
          <w:bCs w:val="0"/>
          <w:color w:val="auto"/>
          <w:sz w:val="20"/>
          <w:szCs w:val="22"/>
        </w:rPr>
        <w:t>quality, compassionate, and evidence</w:t>
      </w:r>
      <w:r>
        <w:rPr>
          <w:rFonts w:ascii="Cambria Math" w:eastAsiaTheme="minorHAnsi" w:hAnsi="Cambria Math" w:cs="Cambria Math"/>
          <w:b w:val="0"/>
          <w:bCs w:val="0"/>
          <w:color w:val="auto"/>
          <w:sz w:val="20"/>
          <w:szCs w:val="22"/>
        </w:rPr>
        <w:t>‑</w:t>
      </w:r>
      <w:r>
        <w:rPr>
          <w:rFonts w:asciiTheme="minorHAnsi" w:eastAsiaTheme="minorHAnsi" w:hAnsiTheme="minorHAnsi" w:cstheme="minorBidi"/>
          <w:b w:val="0"/>
          <w:bCs w:val="0"/>
          <w:color w:val="auto"/>
          <w:sz w:val="20"/>
          <w:szCs w:val="22"/>
        </w:rPr>
        <w:t>based care aligned with Infirmary Health</w:t>
      </w:r>
      <w:r>
        <w:rPr>
          <w:rFonts w:ascii="Arial" w:eastAsiaTheme="minorHAnsi" w:hAnsi="Arial" w:cs="Arial"/>
          <w:b w:val="0"/>
          <w:bCs w:val="0"/>
          <w:color w:val="auto"/>
          <w:sz w:val="20"/>
          <w:szCs w:val="22"/>
        </w:rPr>
        <w:t>’</w:t>
      </w:r>
      <w:r>
        <w:rPr>
          <w:rFonts w:asciiTheme="minorHAnsi" w:eastAsiaTheme="minorHAnsi" w:hAnsiTheme="minorHAnsi" w:cstheme="minorBidi"/>
          <w:b w:val="0"/>
          <w:bCs w:val="0"/>
          <w:color w:val="auto"/>
          <w:sz w:val="20"/>
          <w:szCs w:val="22"/>
        </w:rPr>
        <w:t>s mission, vision, and values. The CNO partners closely with the executive team, medical staff, clinical directors, and frontline leaders to advance organizational performance across quality, patient safety, workforce engagement, regulatory compliance, and operational efficiency in one of Alabama’s most complex and high</w:t>
      </w:r>
      <w:r>
        <w:rPr>
          <w:rFonts w:ascii="Cambria Math" w:eastAsiaTheme="minorHAnsi" w:hAnsi="Cambria Math" w:cs="Cambria Math"/>
          <w:b w:val="0"/>
          <w:bCs w:val="0"/>
          <w:color w:val="auto"/>
          <w:sz w:val="20"/>
          <w:szCs w:val="22"/>
        </w:rPr>
        <w:t>‑</w:t>
      </w:r>
      <w:r>
        <w:rPr>
          <w:rFonts w:asciiTheme="minorHAnsi" w:eastAsiaTheme="minorHAnsi" w:hAnsiTheme="minorHAnsi" w:cstheme="minorBidi"/>
          <w:b w:val="0"/>
          <w:bCs w:val="0"/>
          <w:color w:val="auto"/>
          <w:sz w:val="20"/>
          <w:szCs w:val="22"/>
        </w:rPr>
        <w:t>volume acute care environments.</w:t>
      </w:r>
    </w:p>
    <w:p w14:paraId="7D81B728" w14:textId="592F5745" w:rsidR="0070158B" w:rsidRDefault="0070158B" w:rsidP="0070158B">
      <w:pPr>
        <w:pStyle w:val="Heading2"/>
      </w:pPr>
      <w:r>
        <w:t>Reporting Relationships</w:t>
      </w:r>
    </w:p>
    <w:p w14:paraId="162F675D" w14:textId="77777777" w:rsidR="00AC6588" w:rsidRPr="00302A26" w:rsidRDefault="00AC6588" w:rsidP="00AC6588">
      <w:pPr>
        <w:pStyle w:val="BodyText"/>
      </w:pPr>
      <w:r w:rsidRPr="00302A26">
        <w:t>The Chief Nursing Officer reports directly to</w:t>
      </w:r>
      <w:r>
        <w:t xml:space="preserve"> Susan Boudreau, </w:t>
      </w:r>
      <w:r w:rsidRPr="00302A26">
        <w:t>President of Mobile Infirmary</w:t>
      </w:r>
      <w:r>
        <w:t>.</w:t>
      </w:r>
    </w:p>
    <w:p w14:paraId="339D1DD9" w14:textId="77777777" w:rsidR="00AC6588" w:rsidRPr="00302A26" w:rsidRDefault="00AC6588" w:rsidP="00AC6588">
      <w:pPr>
        <w:pStyle w:val="BodyText"/>
      </w:pPr>
      <w:r w:rsidRPr="0059135D">
        <w:t>Direct Reports Include:</w:t>
      </w:r>
    </w:p>
    <w:p w14:paraId="2D8ED71D" w14:textId="77777777" w:rsidR="00AC6588" w:rsidRDefault="00AC6588" w:rsidP="00AC6588">
      <w:pPr>
        <w:pStyle w:val="ListBullet"/>
        <w:numPr>
          <w:ilvl w:val="0"/>
          <w:numId w:val="1"/>
        </w:numPr>
      </w:pPr>
      <w:r>
        <w:t>Director, Emergency Department</w:t>
      </w:r>
    </w:p>
    <w:p w14:paraId="5BDF3FBC" w14:textId="77777777" w:rsidR="00AC6588" w:rsidRDefault="00AC6588" w:rsidP="00AC6588">
      <w:pPr>
        <w:pStyle w:val="ListBullet"/>
        <w:numPr>
          <w:ilvl w:val="0"/>
          <w:numId w:val="1"/>
        </w:numPr>
        <w:rPr>
          <w:rFonts w:ascii="Aptos" w:hAnsi="Aptos" w:cs="Aptos"/>
          <w:sz w:val="24"/>
          <w:szCs w:val="24"/>
        </w:rPr>
      </w:pPr>
      <w:r>
        <w:t>Director, Critical Care Services  </w:t>
      </w:r>
    </w:p>
    <w:p w14:paraId="1E9D0516" w14:textId="77777777" w:rsidR="00AC6588" w:rsidRDefault="00AC6588" w:rsidP="00AC6588">
      <w:pPr>
        <w:pStyle w:val="ListBullet"/>
        <w:numPr>
          <w:ilvl w:val="0"/>
          <w:numId w:val="1"/>
        </w:numPr>
      </w:pPr>
      <w:r>
        <w:t>Director, Women’s and Children’s Services  </w:t>
      </w:r>
    </w:p>
    <w:p w14:paraId="08D8E527" w14:textId="77777777" w:rsidR="00AC6588" w:rsidRDefault="00AC6588" w:rsidP="00AC6588">
      <w:pPr>
        <w:pStyle w:val="ListBullet"/>
        <w:numPr>
          <w:ilvl w:val="0"/>
          <w:numId w:val="1"/>
        </w:numPr>
      </w:pPr>
      <w:r>
        <w:t>Director, Telemetry Services  </w:t>
      </w:r>
    </w:p>
    <w:p w14:paraId="03DBB993" w14:textId="77777777" w:rsidR="00AC6588" w:rsidRPr="007C6A21" w:rsidRDefault="00AC6588" w:rsidP="00AC6588">
      <w:pPr>
        <w:pStyle w:val="ListBullet"/>
        <w:numPr>
          <w:ilvl w:val="0"/>
          <w:numId w:val="1"/>
        </w:numPr>
      </w:pPr>
      <w:r>
        <w:t xml:space="preserve">Director, </w:t>
      </w:r>
      <w:proofErr w:type="spellStart"/>
      <w:r>
        <w:t>MedSurg</w:t>
      </w:r>
      <w:proofErr w:type="spellEnd"/>
      <w:r>
        <w:t xml:space="preserve"> </w:t>
      </w:r>
    </w:p>
    <w:p w14:paraId="1F6AFCEB" w14:textId="77777777" w:rsidR="00AC6588" w:rsidRDefault="00AC6588" w:rsidP="00AC6588">
      <w:pPr>
        <w:pStyle w:val="ListBullet"/>
        <w:numPr>
          <w:ilvl w:val="0"/>
          <w:numId w:val="1"/>
        </w:numPr>
      </w:pPr>
      <w:r>
        <w:t>Director, Nursing School Partnership &amp; Programs  </w:t>
      </w:r>
    </w:p>
    <w:p w14:paraId="667585E8" w14:textId="77777777" w:rsidR="00AC6588" w:rsidRPr="00117D4A" w:rsidRDefault="00AC6588" w:rsidP="00AC6588">
      <w:pPr>
        <w:pStyle w:val="ListBullet"/>
        <w:numPr>
          <w:ilvl w:val="0"/>
          <w:numId w:val="1"/>
        </w:numPr>
        <w:rPr>
          <w:lang w:val="fr-FR"/>
        </w:rPr>
      </w:pPr>
      <w:r w:rsidRPr="00117D4A">
        <w:rPr>
          <w:lang w:val="fr-FR"/>
        </w:rPr>
        <w:t xml:space="preserve">Director, </w:t>
      </w:r>
      <w:proofErr w:type="spellStart"/>
      <w:r w:rsidRPr="00117D4A">
        <w:rPr>
          <w:lang w:val="fr-FR"/>
        </w:rPr>
        <w:t>Clinical</w:t>
      </w:r>
      <w:proofErr w:type="spellEnd"/>
      <w:r w:rsidRPr="00117D4A">
        <w:rPr>
          <w:lang w:val="fr-FR"/>
        </w:rPr>
        <w:t xml:space="preserve"> Talent Management </w:t>
      </w:r>
    </w:p>
    <w:p w14:paraId="459EFA82" w14:textId="77777777" w:rsidR="00AC6588" w:rsidRPr="00566803" w:rsidRDefault="00AC6588" w:rsidP="00AC6588">
      <w:pPr>
        <w:pStyle w:val="ListBullet"/>
        <w:numPr>
          <w:ilvl w:val="0"/>
          <w:numId w:val="0"/>
        </w:numPr>
        <w:ind w:left="340"/>
        <w:rPr>
          <w:lang w:val="fr-FR"/>
        </w:rPr>
      </w:pPr>
    </w:p>
    <w:p w14:paraId="7EFD3646" w14:textId="77777777" w:rsidR="00AC6588" w:rsidRPr="00E7085E" w:rsidRDefault="00AC6588" w:rsidP="00AC6588">
      <w:pPr>
        <w:pStyle w:val="BodyText"/>
        <w:spacing w:after="0"/>
      </w:pPr>
      <w:r w:rsidRPr="00FB5B1A">
        <w:t>Key Collaborative Relationships:</w:t>
      </w:r>
      <w:r>
        <w:t xml:space="preserve">  </w:t>
      </w:r>
    </w:p>
    <w:p w14:paraId="53180E98" w14:textId="77777777" w:rsidR="00AC6588" w:rsidRDefault="00AC6588" w:rsidP="00AC6588">
      <w:pPr>
        <w:pStyle w:val="BodyText"/>
        <w:spacing w:after="0"/>
      </w:pPr>
    </w:p>
    <w:p w14:paraId="5CF4BE19" w14:textId="77777777" w:rsidR="00AC6588" w:rsidRPr="00FB5B1A" w:rsidRDefault="00AC6588" w:rsidP="00AC6588">
      <w:pPr>
        <w:pStyle w:val="BodyText"/>
        <w:spacing w:after="0"/>
      </w:pPr>
      <w:r w:rsidRPr="00FB5B1A">
        <w:t xml:space="preserve">The CNO collaborates closely with the Chief </w:t>
      </w:r>
      <w:r>
        <w:t>Operating Officer and</w:t>
      </w:r>
      <w:r w:rsidRPr="00FB5B1A">
        <w:t xml:space="preserve"> Chief Medical Officer</w:t>
      </w:r>
      <w:r>
        <w:t xml:space="preserve"> for Mobile Infirmary as well as Infirmary Health's Chief Financial Officer</w:t>
      </w:r>
      <w:r w:rsidRPr="00FB5B1A">
        <w:t>, VP of Human Resources, VP of Information Technology</w:t>
      </w:r>
      <w:r>
        <w:t>,</w:t>
      </w:r>
      <w:r w:rsidRPr="00FB5B1A">
        <w:t xml:space="preserve"> and system leaders in Quality, Accreditation, Infection Prevention, Physician Practices, and other clinical and operational functions across Infirmary Health. </w:t>
      </w:r>
    </w:p>
    <w:p w14:paraId="342DBFF7" w14:textId="77777777" w:rsidR="00AC6588" w:rsidRDefault="00AC6588" w:rsidP="00AC6588">
      <w:pPr>
        <w:pStyle w:val="BodyText"/>
        <w:spacing w:after="0"/>
      </w:pPr>
    </w:p>
    <w:p w14:paraId="5A2A3C5F" w14:textId="77777777" w:rsidR="00AC6588" w:rsidRPr="00FB5B1A" w:rsidRDefault="00AC6588" w:rsidP="00AC6588">
      <w:pPr>
        <w:pStyle w:val="BodyText"/>
        <w:spacing w:after="0"/>
      </w:pPr>
      <w:r w:rsidRPr="00FB5B1A">
        <w:t>The CNO also partners extensively with Mobile Infirmary’s medical staff leadership, clinical service line directors, and the broader nursing leadership team to ensure consistent delivery of high</w:t>
      </w:r>
      <w:r>
        <w:t>-quality, patient-centered care across all hospital departments</w:t>
      </w:r>
      <w:r w:rsidRPr="00FB5B1A">
        <w:t>.</w:t>
      </w:r>
    </w:p>
    <w:p w14:paraId="185B4E34" w14:textId="77777777" w:rsidR="0070158B" w:rsidRDefault="0070158B" w:rsidP="0070158B">
      <w:pPr>
        <w:pStyle w:val="Heading2"/>
      </w:pPr>
      <w:r>
        <w:t xml:space="preserve">Responsibilities </w:t>
      </w:r>
    </w:p>
    <w:p w14:paraId="15932F46" w14:textId="77777777" w:rsidR="00AC3AB6" w:rsidRPr="00C0387E" w:rsidRDefault="00AC3AB6" w:rsidP="00AC3AB6">
      <w:pPr>
        <w:pStyle w:val="BulletedListmultiplelines"/>
        <w:numPr>
          <w:ilvl w:val="0"/>
          <w:numId w:val="1"/>
        </w:numPr>
        <w:ind w:left="346" w:hanging="346"/>
      </w:pPr>
      <w:r w:rsidRPr="00C0387E">
        <w:t>Set and maintain professional nursing standards and policies to assure evidence</w:t>
      </w:r>
      <w:r w:rsidRPr="00C0387E">
        <w:rPr>
          <w:rFonts w:ascii="Cambria Math" w:hAnsi="Cambria Math" w:cs="Cambria Math"/>
        </w:rPr>
        <w:t>‑</w:t>
      </w:r>
      <w:r w:rsidRPr="00C0387E">
        <w:t>based, patient</w:t>
      </w:r>
      <w:r w:rsidRPr="00C0387E">
        <w:rPr>
          <w:rFonts w:ascii="Cambria Math" w:hAnsi="Cambria Math" w:cs="Cambria Math"/>
        </w:rPr>
        <w:t>‑</w:t>
      </w:r>
      <w:r w:rsidRPr="00C0387E">
        <w:t>centered, and fully compliant care across all units.</w:t>
      </w:r>
    </w:p>
    <w:p w14:paraId="4A895E6E" w14:textId="77777777" w:rsidR="00AC3AB6" w:rsidRPr="00C0387E" w:rsidRDefault="00AC3AB6" w:rsidP="00AC3AB6">
      <w:pPr>
        <w:pStyle w:val="BulletedListmultiplelines"/>
        <w:numPr>
          <w:ilvl w:val="0"/>
          <w:numId w:val="1"/>
        </w:numPr>
        <w:ind w:left="346" w:hanging="346"/>
      </w:pPr>
      <w:r w:rsidRPr="00C0387E">
        <w:t>Direct daily nursing operations and performance, including staffing models, productivity, throughput, and supply utilization.</w:t>
      </w:r>
    </w:p>
    <w:p w14:paraId="12F87F2D" w14:textId="77777777" w:rsidR="00AC3AB6" w:rsidRPr="00C0387E" w:rsidRDefault="00AC3AB6" w:rsidP="00AC3AB6">
      <w:pPr>
        <w:pStyle w:val="BulletedListmultiplelines"/>
        <w:numPr>
          <w:ilvl w:val="0"/>
          <w:numId w:val="1"/>
        </w:numPr>
        <w:ind w:left="346" w:hanging="346"/>
      </w:pPr>
      <w:r w:rsidRPr="00C0387E">
        <w:t>Lead budget planning and fiscal stewardship for nursing services; use data to drive resource allocation and operational decisions.</w:t>
      </w:r>
    </w:p>
    <w:p w14:paraId="62339353" w14:textId="77777777" w:rsidR="00AC3AB6" w:rsidRPr="00C0387E" w:rsidRDefault="00AC3AB6" w:rsidP="00AC3AB6">
      <w:pPr>
        <w:pStyle w:val="BulletedListmultiplelines"/>
        <w:numPr>
          <w:ilvl w:val="0"/>
          <w:numId w:val="1"/>
        </w:numPr>
        <w:ind w:left="346" w:hanging="346"/>
      </w:pPr>
      <w:r w:rsidRPr="00C0387E">
        <w:t>Strengthen physician alignment through regular collaboration with the CMO/medical staff; support shared decision</w:t>
      </w:r>
      <w:r w:rsidRPr="00C0387E">
        <w:rPr>
          <w:rFonts w:ascii="Cambria Math" w:hAnsi="Cambria Math" w:cs="Cambria Math"/>
        </w:rPr>
        <w:t>‑</w:t>
      </w:r>
      <w:r w:rsidRPr="00C0387E">
        <w:t>making for quality and safety.</w:t>
      </w:r>
    </w:p>
    <w:p w14:paraId="6FA7B6E8" w14:textId="77777777" w:rsidR="00AC3AB6" w:rsidRPr="00C0387E" w:rsidRDefault="00AC3AB6" w:rsidP="00AC3AB6">
      <w:pPr>
        <w:pStyle w:val="BulletedListmultiplelines"/>
        <w:numPr>
          <w:ilvl w:val="0"/>
          <w:numId w:val="1"/>
        </w:numPr>
        <w:ind w:left="346" w:hanging="346"/>
      </w:pPr>
      <w:r w:rsidRPr="00C0387E">
        <w:t>Oversee talent strategy for nursing, including recruitment, onboarding, education, competency validation, evaluations, and progression pathways</w:t>
      </w:r>
      <w:r>
        <w:t>.</w:t>
      </w:r>
    </w:p>
    <w:p w14:paraId="1020E7BB" w14:textId="77777777" w:rsidR="00AC3AB6" w:rsidRPr="00C0387E" w:rsidRDefault="00AC3AB6" w:rsidP="00AC3AB6">
      <w:pPr>
        <w:pStyle w:val="BulletedListmultiplelines"/>
        <w:numPr>
          <w:ilvl w:val="0"/>
          <w:numId w:val="1"/>
        </w:numPr>
        <w:ind w:left="346" w:hanging="346"/>
      </w:pPr>
      <w:r w:rsidRPr="00C0387E">
        <w:lastRenderedPageBreak/>
        <w:t>Develop nursing leaders via coaching, mentorship, succession planning, and performance management.</w:t>
      </w:r>
    </w:p>
    <w:p w14:paraId="5966B7BD" w14:textId="77777777" w:rsidR="00AC3AB6" w:rsidRPr="00C0387E" w:rsidRDefault="00AC3AB6" w:rsidP="00AC3AB6">
      <w:pPr>
        <w:pStyle w:val="BulletedListmultiplelines"/>
        <w:numPr>
          <w:ilvl w:val="0"/>
          <w:numId w:val="1"/>
        </w:numPr>
        <w:ind w:left="346" w:hanging="346"/>
      </w:pPr>
      <w:r w:rsidRPr="00C0387E">
        <w:t>Ensure regulatory and accreditation readiness (e.g., Joint Commission/CMS), partnering with quality, accreditation, and infection prevention.</w:t>
      </w:r>
    </w:p>
    <w:p w14:paraId="54A3C073" w14:textId="77777777" w:rsidR="00AC3AB6" w:rsidRPr="00C0387E" w:rsidRDefault="00AC3AB6" w:rsidP="00AC3AB6">
      <w:pPr>
        <w:pStyle w:val="BulletedListmultiplelines"/>
        <w:numPr>
          <w:ilvl w:val="0"/>
          <w:numId w:val="1"/>
        </w:numPr>
        <w:ind w:left="346" w:hanging="346"/>
      </w:pPr>
      <w:r w:rsidRPr="00C0387E">
        <w:t>Advance clinical quality and patient</w:t>
      </w:r>
      <w:r w:rsidRPr="00C0387E">
        <w:rPr>
          <w:rFonts w:ascii="Cambria Math" w:hAnsi="Cambria Math" w:cs="Cambria Math"/>
        </w:rPr>
        <w:t>‑</w:t>
      </w:r>
      <w:r w:rsidRPr="00C0387E">
        <w:t>safety practices by standardizing workflows, documentation, and evidence</w:t>
      </w:r>
      <w:r w:rsidRPr="00C0387E">
        <w:rPr>
          <w:rFonts w:ascii="Cambria Math" w:hAnsi="Cambria Math" w:cs="Cambria Math"/>
        </w:rPr>
        <w:t>‑</w:t>
      </w:r>
      <w:r w:rsidRPr="00C0387E">
        <w:t>based care processes.</w:t>
      </w:r>
    </w:p>
    <w:p w14:paraId="291AE01C" w14:textId="77777777" w:rsidR="00AC3AB6" w:rsidRPr="00C0387E" w:rsidRDefault="00AC3AB6" w:rsidP="00AC3AB6">
      <w:pPr>
        <w:pStyle w:val="BulletedListmultiplelines"/>
        <w:numPr>
          <w:ilvl w:val="0"/>
          <w:numId w:val="1"/>
        </w:numPr>
        <w:ind w:left="346" w:hanging="346"/>
      </w:pPr>
      <w:r w:rsidRPr="00C0387E">
        <w:t>Model visible, values</w:t>
      </w:r>
      <w:r w:rsidRPr="00C0387E">
        <w:rPr>
          <w:rFonts w:ascii="Cambria Math" w:hAnsi="Cambria Math" w:cs="Cambria Math"/>
        </w:rPr>
        <w:t>‑</w:t>
      </w:r>
      <w:r w:rsidRPr="00C0387E">
        <w:t>based leadership through unit rounding, transparent communication, and culture building.</w:t>
      </w:r>
    </w:p>
    <w:p w14:paraId="07144DF8" w14:textId="77777777" w:rsidR="00AC3AB6" w:rsidRPr="00C0387E" w:rsidRDefault="00AC3AB6" w:rsidP="00AC3AB6">
      <w:pPr>
        <w:pStyle w:val="BulletedListmultiplelines"/>
        <w:numPr>
          <w:ilvl w:val="0"/>
          <w:numId w:val="1"/>
        </w:numPr>
        <w:ind w:left="346" w:hanging="346"/>
      </w:pPr>
      <w:r w:rsidRPr="00C0387E">
        <w:t>Coordinate care and operations across service lines (ED, Med/Surg, ICU, Telemetry, Women’s/Children’s, NICU, CV, Surgical, Oncology, Wound Care, Nursing Education, Patient Flow).</w:t>
      </w:r>
    </w:p>
    <w:p w14:paraId="30FFD49F" w14:textId="77777777" w:rsidR="00AC3AB6" w:rsidRPr="00C0387E" w:rsidRDefault="00AC3AB6" w:rsidP="00AC3AB6">
      <w:pPr>
        <w:pStyle w:val="BulletedListmultiplelines"/>
        <w:numPr>
          <w:ilvl w:val="0"/>
          <w:numId w:val="1"/>
        </w:numPr>
        <w:ind w:left="346" w:hanging="346"/>
      </w:pPr>
      <w:r w:rsidRPr="00C0387E">
        <w:t>Partner across the system (finance, HR, IT, compliance, physician practices, quality) to align nursing objectives with Infirmary Health priorities.</w:t>
      </w:r>
    </w:p>
    <w:p w14:paraId="618CB412" w14:textId="77777777" w:rsidR="00AC3AB6" w:rsidRPr="005A049D" w:rsidRDefault="00AC3AB6" w:rsidP="00AC3AB6">
      <w:pPr>
        <w:pStyle w:val="BulletedListmultiplelines"/>
        <w:numPr>
          <w:ilvl w:val="0"/>
          <w:numId w:val="1"/>
        </w:numPr>
        <w:ind w:left="346" w:hanging="346"/>
        <w:rPr>
          <w:b/>
          <w:bCs/>
        </w:rPr>
      </w:pPr>
      <w:r w:rsidRPr="00C0387E">
        <w:t>Represent nursing at the executive table, integrating nursing perspectives into strategic planning, service</w:t>
      </w:r>
      <w:r w:rsidRPr="00C0387E">
        <w:rPr>
          <w:rFonts w:ascii="Cambria Math" w:hAnsi="Cambria Math" w:cs="Cambria Math"/>
        </w:rPr>
        <w:t>‑</w:t>
      </w:r>
      <w:r w:rsidRPr="00C0387E">
        <w:t>line development, and enterprise initiatives.</w:t>
      </w:r>
    </w:p>
    <w:p w14:paraId="749FAB6E" w14:textId="77777777" w:rsidR="00130F56" w:rsidRDefault="00130F56" w:rsidP="00130F56">
      <w:pPr>
        <w:pStyle w:val="Heading1"/>
      </w:pPr>
      <w:bookmarkStart w:id="7" w:name="_Toc155173737"/>
      <w:r>
        <w:lastRenderedPageBreak/>
        <w:t>Goals and Objectives</w:t>
      </w:r>
      <w:bookmarkEnd w:id="7"/>
    </w:p>
    <w:p w14:paraId="37439FFC" w14:textId="77777777" w:rsidR="0070158B" w:rsidRDefault="0070158B" w:rsidP="0070158B">
      <w:pPr>
        <w:pStyle w:val="BodyText"/>
      </w:pPr>
      <w:r>
        <w:t>The following goals and objectives have been identified as priorities for this position:</w:t>
      </w:r>
    </w:p>
    <w:p w14:paraId="6A4F0BA1" w14:textId="77777777" w:rsidR="008C570C" w:rsidRPr="00B23164" w:rsidRDefault="008C570C" w:rsidP="008C570C">
      <w:pPr>
        <w:pStyle w:val="BulletedListmultiplelines"/>
        <w:numPr>
          <w:ilvl w:val="0"/>
          <w:numId w:val="1"/>
        </w:numPr>
        <w:ind w:left="346" w:hanging="346"/>
      </w:pPr>
      <w:r w:rsidRPr="00B23164">
        <w:t>Establish personal and professional credibility as a recognized nursing leader. The CNO will be a visible, approachable, and transparent n</w:t>
      </w:r>
      <w:r>
        <w:t>u</w:t>
      </w:r>
      <w:r w:rsidRPr="00B23164">
        <w:t xml:space="preserve">rse leader who champions excellent care delivery across Mobile Infirmary Medical Center. </w:t>
      </w:r>
    </w:p>
    <w:p w14:paraId="757E071C" w14:textId="77777777" w:rsidR="008C570C" w:rsidRPr="00B23164" w:rsidRDefault="008C570C" w:rsidP="008C570C">
      <w:pPr>
        <w:pStyle w:val="BulletedListmultiplelines"/>
        <w:numPr>
          <w:ilvl w:val="0"/>
          <w:numId w:val="1"/>
        </w:numPr>
        <w:ind w:left="346" w:hanging="346"/>
      </w:pPr>
      <w:r w:rsidRPr="00B23164">
        <w:t>Develop a comprehensive understanding of Mobile Infirmary and establish trusted, productive relationships with the executive team, physicians, leaders, and nursing/clinical staff.</w:t>
      </w:r>
    </w:p>
    <w:p w14:paraId="7EE3C563" w14:textId="77777777" w:rsidR="008C570C" w:rsidRPr="00B23164" w:rsidRDefault="008C570C" w:rsidP="008C570C">
      <w:pPr>
        <w:pStyle w:val="BulletedListmultiplelines"/>
        <w:numPr>
          <w:ilvl w:val="0"/>
          <w:numId w:val="1"/>
        </w:numPr>
        <w:ind w:left="346" w:hanging="346"/>
      </w:pPr>
      <w:r w:rsidRPr="00B23164">
        <w:t>Seek to understand Mobile Infirmary’s people, culture, organizational history, and goals. Build strong relationships across the enterprise and within the community. Foster trust, transparency, and superb communication.</w:t>
      </w:r>
    </w:p>
    <w:p w14:paraId="03186FDD" w14:textId="77777777" w:rsidR="008C570C" w:rsidRPr="00B23164" w:rsidRDefault="008C570C" w:rsidP="008C570C">
      <w:pPr>
        <w:pStyle w:val="BulletedListmultiplelines"/>
        <w:numPr>
          <w:ilvl w:val="0"/>
          <w:numId w:val="1"/>
        </w:numPr>
        <w:ind w:left="346" w:hanging="346"/>
      </w:pPr>
      <w:r w:rsidRPr="00B23164">
        <w:t xml:space="preserve">Continue the success of nursing at Mobile Infirmary while creating a vision to elevate and lead nursing into the future. Deliver a comprehensive strategic plan for nursing that supports today’s needs and addresses what nursing must be in the next 3–5 years as the hospital’s size, case mix, and service complexity evolve. Do this collaboratively while taking clear ownership and accountability for </w:t>
      </w:r>
      <w:r>
        <w:t>advancing the vision</w:t>
      </w:r>
      <w:r w:rsidRPr="00B23164">
        <w:t xml:space="preserve">. </w:t>
      </w:r>
    </w:p>
    <w:p w14:paraId="5B881F5D" w14:textId="77777777" w:rsidR="008C570C" w:rsidRPr="00B23164" w:rsidRDefault="008C570C" w:rsidP="008C570C">
      <w:pPr>
        <w:pStyle w:val="BulletedListmultiplelines"/>
        <w:numPr>
          <w:ilvl w:val="0"/>
          <w:numId w:val="1"/>
        </w:numPr>
        <w:ind w:left="346" w:hanging="346"/>
      </w:pPr>
      <w:r w:rsidRPr="00427CF4">
        <w:t xml:space="preserve">Lead nursing planning, readiness, and operational integration for the </w:t>
      </w:r>
      <w:r>
        <w:t>e</w:t>
      </w:r>
      <w:r w:rsidRPr="00427CF4">
        <w:t xml:space="preserve">mergency </w:t>
      </w:r>
      <w:r>
        <w:t>d</w:t>
      </w:r>
      <w:r w:rsidRPr="00427CF4">
        <w:t>epartment renovation and expansion beginning next year.</w:t>
      </w:r>
      <w:r>
        <w:t xml:space="preserve"> </w:t>
      </w:r>
      <w:r w:rsidRPr="00427CF4">
        <w:t>Ensure minimal disruption to safety and care delivery during construction while optimizing future workflows</w:t>
      </w:r>
    </w:p>
    <w:p w14:paraId="102827D4" w14:textId="77777777" w:rsidR="008C570C" w:rsidRDefault="008C570C" w:rsidP="008C570C">
      <w:pPr>
        <w:pStyle w:val="BulletedListmultiplelines"/>
        <w:numPr>
          <w:ilvl w:val="0"/>
          <w:numId w:val="1"/>
        </w:numPr>
        <w:ind w:left="346" w:hanging="346"/>
      </w:pPr>
      <w:r w:rsidRPr="00B23164">
        <w:t>Implement and communicate metrics</w:t>
      </w:r>
      <w:r w:rsidRPr="00B23164">
        <w:rPr>
          <w:rFonts w:ascii="Cambria Math" w:hAnsi="Cambria Math" w:cs="Cambria Math"/>
        </w:rPr>
        <w:t>‑</w:t>
      </w:r>
      <w:r w:rsidRPr="00B23164">
        <w:t>based operational, clinical, and process improvements for core nursing principles across the care continuum. The CNO will foster innovation in nursing and other clinical care</w:t>
      </w:r>
      <w:r w:rsidRPr="00B23164">
        <w:rPr>
          <w:rFonts w:ascii="Cambria Math" w:hAnsi="Cambria Math" w:cs="Cambria Math"/>
        </w:rPr>
        <w:t>‑</w:t>
      </w:r>
      <w:r w:rsidRPr="00B23164">
        <w:t>delivery models.</w:t>
      </w:r>
    </w:p>
    <w:p w14:paraId="6F8CAFDA" w14:textId="77777777" w:rsidR="008C570C" w:rsidRPr="00B23164" w:rsidRDefault="008C570C" w:rsidP="008C570C">
      <w:pPr>
        <w:pStyle w:val="BulletedListmultiplelines"/>
        <w:numPr>
          <w:ilvl w:val="0"/>
          <w:numId w:val="1"/>
        </w:numPr>
        <w:ind w:left="346" w:hanging="346"/>
      </w:pPr>
      <w:r>
        <w:t>Support, foster, and enhance the organization's high-reliability journey with a focus on safety and quality.</w:t>
      </w:r>
    </w:p>
    <w:p w14:paraId="0343351C" w14:textId="77777777" w:rsidR="008C570C" w:rsidRPr="00B23164" w:rsidRDefault="008C570C" w:rsidP="008C570C">
      <w:pPr>
        <w:pStyle w:val="BulletedListmultiplelines"/>
        <w:numPr>
          <w:ilvl w:val="0"/>
          <w:numId w:val="1"/>
        </w:numPr>
        <w:ind w:left="346" w:hanging="346"/>
      </w:pPr>
      <w:r w:rsidRPr="00B23164">
        <w:t>Coordinate efforts with physician and clinical leadership to develop plans that create consistency in key operational, clinical, and patient</w:t>
      </w:r>
      <w:r w:rsidRPr="00B23164">
        <w:rPr>
          <w:rFonts w:ascii="Cambria Math" w:hAnsi="Cambria Math" w:cs="Cambria Math"/>
        </w:rPr>
        <w:t>‑</w:t>
      </w:r>
      <w:r w:rsidRPr="00B23164">
        <w:t>care measures and outcomes.</w:t>
      </w:r>
    </w:p>
    <w:p w14:paraId="445930D7" w14:textId="76EFFE14" w:rsidR="008C570C" w:rsidRDefault="008C570C" w:rsidP="008C570C">
      <w:pPr>
        <w:pStyle w:val="ListBullet"/>
        <w:numPr>
          <w:ilvl w:val="0"/>
          <w:numId w:val="1"/>
        </w:numPr>
      </w:pPr>
      <w:r w:rsidRPr="00427CF4">
        <w:t>Leverage technology to improve nursing efficiency, enhance reliability, and reduce cognitive and documentation burdens.</w:t>
      </w:r>
      <w:r>
        <w:t xml:space="preserve"> </w:t>
      </w:r>
      <w:r w:rsidRPr="00427CF4">
        <w:t>Promote modernization of nursing practice</w:t>
      </w:r>
      <w:r w:rsidR="00855A46">
        <w:t xml:space="preserve">, </w:t>
      </w:r>
      <w:r w:rsidRPr="00427CF4">
        <w:t>standardization, evidence-based care, and advancements in clinical competencies.</w:t>
      </w:r>
    </w:p>
    <w:p w14:paraId="2CB36E64" w14:textId="77777777" w:rsidR="008C570C" w:rsidRDefault="008C570C" w:rsidP="008C570C">
      <w:pPr>
        <w:pStyle w:val="ListBullet"/>
        <w:numPr>
          <w:ilvl w:val="0"/>
          <w:numId w:val="0"/>
        </w:numPr>
        <w:ind w:left="340"/>
      </w:pPr>
    </w:p>
    <w:p w14:paraId="7A9ECB57" w14:textId="74707A29" w:rsidR="008C570C" w:rsidRDefault="008C570C" w:rsidP="008C570C">
      <w:pPr>
        <w:pStyle w:val="ListBullet"/>
        <w:numPr>
          <w:ilvl w:val="0"/>
          <w:numId w:val="1"/>
        </w:numPr>
      </w:pPr>
      <w:r>
        <w:t xml:space="preserve">Reduce reliance on the Regional Staffing Pool (RSP). </w:t>
      </w:r>
      <w:r w:rsidRPr="00427CF4">
        <w:t xml:space="preserve">Rebalance staffing so </w:t>
      </w:r>
      <w:r w:rsidR="00855A46">
        <w:t xml:space="preserve">that </w:t>
      </w:r>
      <w:r w:rsidRPr="00427CF4">
        <w:t>core staff represent the majority of the workforce, improving continuity of care and reducing labor costs.</w:t>
      </w:r>
      <w:r>
        <w:t xml:space="preserve"> </w:t>
      </w:r>
      <w:r w:rsidRPr="00427CF4">
        <w:t xml:space="preserve">Develop targeted strategies for </w:t>
      </w:r>
      <w:r>
        <w:t>hard-to-staff</w:t>
      </w:r>
      <w:r w:rsidRPr="00427CF4">
        <w:t xml:space="preserve"> areas</w:t>
      </w:r>
      <w:r>
        <w:t>.</w:t>
      </w:r>
    </w:p>
    <w:p w14:paraId="38EBC0B7" w14:textId="77777777" w:rsidR="008C570C" w:rsidRPr="00B23164" w:rsidRDefault="008C570C" w:rsidP="008C570C">
      <w:pPr>
        <w:pStyle w:val="ListBullet"/>
        <w:numPr>
          <w:ilvl w:val="0"/>
          <w:numId w:val="0"/>
        </w:numPr>
      </w:pPr>
    </w:p>
    <w:p w14:paraId="474D0CEA" w14:textId="3F713354" w:rsidR="008C570C" w:rsidRPr="00B23164" w:rsidRDefault="008C570C" w:rsidP="008C570C">
      <w:pPr>
        <w:pStyle w:val="BulletedListmultiplelines"/>
        <w:numPr>
          <w:ilvl w:val="0"/>
          <w:numId w:val="1"/>
        </w:numPr>
        <w:ind w:left="346" w:hanging="346"/>
      </w:pPr>
      <w:r w:rsidRPr="00B23164">
        <w:t>Execute on workforce rebuild needs and expectations. Establish strategies that enhance nurse and clinical staff recruitment, retention, engagement, education, training, and professional development. Strengthen talent pipelines with external educational partners and by developing in</w:t>
      </w:r>
      <w:r w:rsidRPr="00B23164">
        <w:rPr>
          <w:rFonts w:ascii="Cambria Math" w:hAnsi="Cambria Math" w:cs="Cambria Math"/>
        </w:rPr>
        <w:t>‑</w:t>
      </w:r>
      <w:r w:rsidRPr="00B23164">
        <w:t>house capacity for skill</w:t>
      </w:r>
      <w:r w:rsidRPr="00B23164">
        <w:rPr>
          <w:rFonts w:ascii="Cambria Math" w:hAnsi="Cambria Math" w:cs="Cambria Math"/>
        </w:rPr>
        <w:t>‑</w:t>
      </w:r>
      <w:r w:rsidRPr="00B23164">
        <w:t xml:space="preserve">building and leadership development. Through these efforts, reduce reliance on contract labor and create an environment where employees </w:t>
      </w:r>
      <w:r w:rsidR="00496D33">
        <w:t xml:space="preserve">can </w:t>
      </w:r>
      <w:r w:rsidRPr="00B23164">
        <w:t>build a career.</w:t>
      </w:r>
    </w:p>
    <w:p w14:paraId="71F53E14" w14:textId="77777777" w:rsidR="008C570C" w:rsidRPr="00B23164" w:rsidRDefault="008C570C" w:rsidP="008C570C">
      <w:pPr>
        <w:pStyle w:val="BulletedListmultiplelines"/>
        <w:numPr>
          <w:ilvl w:val="0"/>
          <w:numId w:val="1"/>
        </w:numPr>
        <w:ind w:left="346" w:hanging="346"/>
      </w:pPr>
      <w:r w:rsidRPr="00B23164">
        <w:t>Develop rigor around nursing operations and financial performance. Continue building the infrastructure required to achieve optimal organizational performance</w:t>
      </w:r>
      <w:r>
        <w:t xml:space="preserve">, </w:t>
      </w:r>
      <w:r w:rsidRPr="00B23164">
        <w:t>focusing on excellent patient care while continuously improving throughput, productivity, labor costs, and overall resource utilization.</w:t>
      </w:r>
    </w:p>
    <w:p w14:paraId="685B73A2" w14:textId="77777777" w:rsidR="008C570C" w:rsidRPr="00B23164" w:rsidRDefault="008C570C" w:rsidP="008C570C">
      <w:pPr>
        <w:pStyle w:val="BulletedListmultiplelines"/>
        <w:numPr>
          <w:ilvl w:val="0"/>
          <w:numId w:val="1"/>
        </w:numPr>
        <w:ind w:left="346" w:hanging="346"/>
      </w:pPr>
      <w:r w:rsidRPr="00B23164">
        <w:t>Collaborate with peers as a strategic partner. The CNO must take a team approach to elevate nursing practice within the hospital and across Infirmary Health; this individual will be seen as a trusted advisor and partner to executive leadership in advancing existing and new service offerings.</w:t>
      </w:r>
    </w:p>
    <w:p w14:paraId="176FFD1F" w14:textId="77777777" w:rsidR="008C570C" w:rsidRPr="00B23164" w:rsidRDefault="008C570C" w:rsidP="008C570C">
      <w:pPr>
        <w:pStyle w:val="BulletedListmultiplelines"/>
        <w:numPr>
          <w:ilvl w:val="0"/>
          <w:numId w:val="1"/>
        </w:numPr>
        <w:ind w:left="346" w:hanging="346"/>
      </w:pPr>
      <w:r w:rsidRPr="00B23164">
        <w:lastRenderedPageBreak/>
        <w:t>Review and evaluate the current staff and organizational structure. Hire, mentor, coach, and develop the team as needed. Continue to enhance a culture that is patient</w:t>
      </w:r>
      <w:r w:rsidRPr="00B23164">
        <w:rPr>
          <w:rFonts w:ascii="Cambria Math" w:hAnsi="Cambria Math" w:cs="Cambria Math"/>
        </w:rPr>
        <w:t>‑</w:t>
      </w:r>
      <w:r w:rsidRPr="00B23164">
        <w:t>focused, supportive of staff, and appropriately holds individuals accountable.</w:t>
      </w:r>
    </w:p>
    <w:p w14:paraId="3E4E5DFC" w14:textId="77777777" w:rsidR="008C570C" w:rsidRPr="00B23164" w:rsidRDefault="008C570C" w:rsidP="008C570C">
      <w:pPr>
        <w:pStyle w:val="BulletedListmultiplelines"/>
        <w:numPr>
          <w:ilvl w:val="0"/>
          <w:numId w:val="1"/>
        </w:numPr>
        <w:ind w:left="346" w:hanging="346"/>
      </w:pPr>
      <w:r w:rsidRPr="00B23164">
        <w:t>Build upon a culture that supports mutual respect between nursing and medical staff. Deepen partnership with the Chief Medical Officer and other key medical staff leaders to create synergy between nursing and the medical staff.</w:t>
      </w:r>
    </w:p>
    <w:p w14:paraId="5F787093" w14:textId="77777777" w:rsidR="008C570C" w:rsidRPr="00B23164" w:rsidRDefault="008C570C" w:rsidP="008C570C">
      <w:pPr>
        <w:pStyle w:val="BulletedListmultiplelines"/>
        <w:numPr>
          <w:ilvl w:val="0"/>
          <w:numId w:val="1"/>
        </w:numPr>
        <w:ind w:left="346" w:hanging="346"/>
      </w:pPr>
      <w:r w:rsidRPr="00B23164">
        <w:t>Partner with the executive team on quality, safety, patient experience, productivity, workflows, throughput, and length</w:t>
      </w:r>
      <w:r w:rsidRPr="00B23164">
        <w:rPr>
          <w:rFonts w:ascii="Cambria Math" w:hAnsi="Cambria Math" w:cs="Cambria Math"/>
        </w:rPr>
        <w:t>‑</w:t>
      </w:r>
      <w:r w:rsidRPr="00B23164">
        <w:t>of</w:t>
      </w:r>
      <w:r w:rsidRPr="00B23164">
        <w:rPr>
          <w:rFonts w:ascii="Cambria Math" w:hAnsi="Cambria Math" w:cs="Cambria Math"/>
        </w:rPr>
        <w:t>‑</w:t>
      </w:r>
      <w:r w:rsidRPr="00B23164">
        <w:t>stay initiatives, with attention to the metrics that influence Mobile Infirmary</w:t>
      </w:r>
      <w:r w:rsidRPr="00B23164">
        <w:rPr>
          <w:rFonts w:ascii="Arial" w:hAnsi="Arial" w:cs="Arial"/>
        </w:rPr>
        <w:t>’</w:t>
      </w:r>
      <w:r w:rsidRPr="00B23164">
        <w:t>s projected Leapfrog Safety Grade</w:t>
      </w:r>
      <w:r>
        <w:t>.</w:t>
      </w:r>
    </w:p>
    <w:p w14:paraId="2A83A40D" w14:textId="77777777" w:rsidR="008C570C" w:rsidRPr="00B23164" w:rsidRDefault="008C570C" w:rsidP="008C570C">
      <w:pPr>
        <w:pStyle w:val="BulletedListmultiplelines"/>
        <w:numPr>
          <w:ilvl w:val="0"/>
          <w:numId w:val="1"/>
        </w:numPr>
        <w:ind w:left="346" w:hanging="346"/>
      </w:pPr>
      <w:r>
        <w:rPr>
          <w:noProof/>
        </w:rPr>
        <w:drawing>
          <wp:anchor distT="0" distB="0" distL="114300" distR="114300" simplePos="0" relativeHeight="251663872" behindDoc="1" locked="0" layoutInCell="1" allowOverlap="1" wp14:anchorId="173948BD" wp14:editId="0BA82F1D">
            <wp:simplePos x="0" y="0"/>
            <wp:positionH relativeFrom="column">
              <wp:posOffset>104775</wp:posOffset>
            </wp:positionH>
            <wp:positionV relativeFrom="paragraph">
              <wp:posOffset>542290</wp:posOffset>
            </wp:positionV>
            <wp:extent cx="6400800" cy="3600450"/>
            <wp:effectExtent l="0" t="0" r="0" b="0"/>
            <wp:wrapTight wrapText="bothSides">
              <wp:wrapPolygon edited="0">
                <wp:start x="0" y="0"/>
                <wp:lineTo x="0" y="21486"/>
                <wp:lineTo x="21536" y="21486"/>
                <wp:lineTo x="21536" y="0"/>
                <wp:lineTo x="0" y="0"/>
              </wp:wrapPolygon>
            </wp:wrapTight>
            <wp:docPr id="1835066124"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5066124" name="Picture 1835066124"/>
                    <pic:cNvPicPr/>
                  </pic:nvPicPr>
                  <pic:blipFill>
                    <a:blip r:embed="rId24" cstate="print">
                      <a:extLst>
                        <a:ext uri="{28A0092B-C50C-407E-A947-70E740481C1C}">
                          <a14:useLocalDpi xmlns:a14="http://schemas.microsoft.com/office/drawing/2010/main" val="0"/>
                        </a:ext>
                      </a:extLst>
                    </a:blip>
                    <a:stretch>
                      <a:fillRect/>
                    </a:stretch>
                  </pic:blipFill>
                  <pic:spPr>
                    <a:xfrm>
                      <a:off x="0" y="0"/>
                      <a:ext cx="6400800" cy="3600450"/>
                    </a:xfrm>
                    <a:prstGeom prst="rect">
                      <a:avLst/>
                    </a:prstGeom>
                  </pic:spPr>
                </pic:pic>
              </a:graphicData>
            </a:graphic>
          </wp:anchor>
        </w:drawing>
      </w:r>
      <w:r w:rsidRPr="00B23164">
        <w:t>Develop a structured approach to improving the overall patient experience. Hold nursing accountable for its role by creating consistent, high</w:t>
      </w:r>
      <w:r w:rsidRPr="00B23164">
        <w:rPr>
          <w:rFonts w:ascii="Cambria Math" w:hAnsi="Cambria Math" w:cs="Cambria Math"/>
        </w:rPr>
        <w:t>‑</w:t>
      </w:r>
      <w:r w:rsidRPr="00B23164">
        <w:t>level performance.</w:t>
      </w:r>
    </w:p>
    <w:p w14:paraId="38A3DEF8" w14:textId="77777777" w:rsidR="002F2592" w:rsidRDefault="002F2592" w:rsidP="0070158B">
      <w:pPr>
        <w:pStyle w:val="BodyText"/>
      </w:pPr>
    </w:p>
    <w:p w14:paraId="2C807EFE" w14:textId="77777777" w:rsidR="00130F56" w:rsidRDefault="00130F56" w:rsidP="00130F56">
      <w:pPr>
        <w:pStyle w:val="Heading1"/>
      </w:pPr>
      <w:bookmarkStart w:id="8" w:name="_Toc155173738"/>
      <w:r>
        <w:lastRenderedPageBreak/>
        <w:t>Candidate Qualifications</w:t>
      </w:r>
      <w:bookmarkEnd w:id="8"/>
    </w:p>
    <w:p w14:paraId="5857BE7A" w14:textId="77777777" w:rsidR="00EF33CC" w:rsidRDefault="00EF33CC" w:rsidP="00EF33CC">
      <w:pPr>
        <w:pStyle w:val="Heading2"/>
      </w:pPr>
      <w:r>
        <w:t>Education &amp; Licensure</w:t>
      </w:r>
    </w:p>
    <w:p w14:paraId="39333D71" w14:textId="77777777" w:rsidR="00EF33CC" w:rsidRDefault="00EF33CC" w:rsidP="00EF33CC">
      <w:pPr>
        <w:pStyle w:val="BulletedListmultiplelines"/>
        <w:numPr>
          <w:ilvl w:val="0"/>
          <w:numId w:val="1"/>
        </w:numPr>
        <w:ind w:left="346" w:hanging="346"/>
      </w:pPr>
      <w:r>
        <w:t xml:space="preserve">Graduate of an accredited nursing program with a master’s degree (MSN, MBA, or MHA) required. </w:t>
      </w:r>
    </w:p>
    <w:p w14:paraId="7DC8D9D6" w14:textId="77777777" w:rsidR="00EF33CC" w:rsidRDefault="00EF33CC" w:rsidP="00EF33CC">
      <w:pPr>
        <w:pStyle w:val="BulletedListmultiplelines"/>
        <w:numPr>
          <w:ilvl w:val="0"/>
          <w:numId w:val="1"/>
        </w:numPr>
        <w:ind w:left="346" w:hanging="346"/>
      </w:pPr>
      <w:r>
        <w:t xml:space="preserve">Active Alabama RN license or multistate RN (NLC) eligibility; must maintain good standing with state licensure requirements. </w:t>
      </w:r>
    </w:p>
    <w:p w14:paraId="1D59D304" w14:textId="77777777" w:rsidR="00EF33CC" w:rsidRDefault="00EF33CC" w:rsidP="00EF33CC">
      <w:pPr>
        <w:pStyle w:val="Heading2"/>
      </w:pPr>
      <w:r>
        <w:t>Experience</w:t>
      </w:r>
    </w:p>
    <w:p w14:paraId="1A010610" w14:textId="77777777" w:rsidR="00EF33CC" w:rsidRDefault="00EF33CC" w:rsidP="00EF33CC">
      <w:pPr>
        <w:pStyle w:val="BulletedListmultiplelines"/>
        <w:numPr>
          <w:ilvl w:val="0"/>
          <w:numId w:val="1"/>
        </w:numPr>
        <w:ind w:left="346" w:hanging="346"/>
      </w:pPr>
      <w:r>
        <w:t xml:space="preserve">10+ years of progressive nursing leadership in a complex hospital setting; experience as a CNO or assistant CNO preferred. </w:t>
      </w:r>
    </w:p>
    <w:p w14:paraId="345263D6" w14:textId="77777777" w:rsidR="00EF33CC" w:rsidRDefault="00EF33CC" w:rsidP="00EF33CC">
      <w:pPr>
        <w:pStyle w:val="BulletedListmultiplelines"/>
        <w:numPr>
          <w:ilvl w:val="0"/>
          <w:numId w:val="1"/>
        </w:numPr>
        <w:ind w:left="346" w:hanging="346"/>
      </w:pPr>
      <w:r>
        <w:t xml:space="preserve">Demonstrated success leading operations, budgeting, productivity/throughput, and resource stewardship in acute care. </w:t>
      </w:r>
    </w:p>
    <w:p w14:paraId="57CCE248" w14:textId="77777777" w:rsidR="00EF33CC" w:rsidRDefault="00EF33CC" w:rsidP="00EF33CC">
      <w:pPr>
        <w:pStyle w:val="BulletedListmultiplelines"/>
        <w:numPr>
          <w:ilvl w:val="0"/>
          <w:numId w:val="1"/>
        </w:numPr>
        <w:ind w:left="346" w:hanging="346"/>
      </w:pPr>
      <w:r>
        <w:t xml:space="preserve">Proven track record partnering with medical staff leadership to drive quality, safety, and performance improvement. </w:t>
      </w:r>
    </w:p>
    <w:p w14:paraId="6A11C051" w14:textId="77777777" w:rsidR="00EF33CC" w:rsidRDefault="00EF33CC" w:rsidP="00EF33CC">
      <w:pPr>
        <w:pStyle w:val="Heading2"/>
      </w:pPr>
      <w:r>
        <w:t>Skills &amp; Competencies</w:t>
      </w:r>
    </w:p>
    <w:p w14:paraId="460BCD4D" w14:textId="77777777" w:rsidR="00EF33CC" w:rsidRDefault="00EF33CC" w:rsidP="00EF33CC">
      <w:pPr>
        <w:pStyle w:val="BulletedListmultiplelines"/>
        <w:numPr>
          <w:ilvl w:val="0"/>
          <w:numId w:val="1"/>
        </w:numPr>
        <w:ind w:left="346" w:hanging="346"/>
      </w:pPr>
      <w:r>
        <w:t xml:space="preserve">Data-driven leader with fluency in clinical quality, patient safety, workforce, and financial metrics to support accountability and decision making (e.g., CMS, Joint Commission, Leapfrog). </w:t>
      </w:r>
    </w:p>
    <w:p w14:paraId="4DCFCFB3" w14:textId="77777777" w:rsidR="00EF33CC" w:rsidRDefault="00EF33CC" w:rsidP="00EF33CC">
      <w:pPr>
        <w:pStyle w:val="BulletedListmultiplelines"/>
        <w:numPr>
          <w:ilvl w:val="0"/>
          <w:numId w:val="1"/>
        </w:numPr>
        <w:ind w:left="346" w:hanging="346"/>
      </w:pPr>
      <w:r>
        <w:t xml:space="preserve">Strength in talent strategy: recruitment, onboarding, competency validation, coaching, and leadership development/succession. </w:t>
      </w:r>
    </w:p>
    <w:p w14:paraId="385FDFDE" w14:textId="77777777" w:rsidR="00EF33CC" w:rsidRDefault="00EF33CC" w:rsidP="00EF33CC">
      <w:pPr>
        <w:pStyle w:val="BulletedListmultiplelines"/>
        <w:numPr>
          <w:ilvl w:val="0"/>
          <w:numId w:val="1"/>
        </w:numPr>
        <w:ind w:left="346" w:hanging="346"/>
      </w:pPr>
      <w:r>
        <w:t xml:space="preserve">Collaborative communicator who builds trust with nurses, physicians, and executives; models visibility, transparency, and values-based leadership. </w:t>
      </w:r>
    </w:p>
    <w:p w14:paraId="511C1952" w14:textId="77777777" w:rsidR="00EF33CC" w:rsidRDefault="00EF33CC" w:rsidP="00EF33CC">
      <w:pPr>
        <w:pStyle w:val="BulletedListmultiplelines"/>
        <w:numPr>
          <w:ilvl w:val="0"/>
          <w:numId w:val="1"/>
        </w:numPr>
        <w:ind w:left="346" w:hanging="346"/>
      </w:pPr>
      <w:r>
        <w:t xml:space="preserve">Advanced abilities in change management, problem solving, and interdisciplinary coordination across diverse service lines. </w:t>
      </w:r>
    </w:p>
    <w:p w14:paraId="3E04382E" w14:textId="77777777" w:rsidR="00EF33CC" w:rsidRDefault="00EF33CC" w:rsidP="00EF33CC">
      <w:pPr>
        <w:pStyle w:val="Heading2"/>
      </w:pPr>
      <w:r>
        <w:t>Preferred Credentials</w:t>
      </w:r>
    </w:p>
    <w:p w14:paraId="42EC0AF0" w14:textId="77777777" w:rsidR="00EF33CC" w:rsidRPr="00811591" w:rsidRDefault="00EF33CC" w:rsidP="00EF33CC">
      <w:pPr>
        <w:pStyle w:val="ListBullet"/>
        <w:numPr>
          <w:ilvl w:val="0"/>
          <w:numId w:val="1"/>
        </w:numPr>
      </w:pPr>
      <w:r>
        <w:t>CHE, FACHE, CNE, CNA, or CNAA (or progress toward one of these designations).</w:t>
      </w:r>
    </w:p>
    <w:p w14:paraId="58949CA1" w14:textId="77777777" w:rsidR="00130F56" w:rsidRDefault="00130F56" w:rsidP="00130F56">
      <w:pPr>
        <w:pStyle w:val="Heading1"/>
      </w:pPr>
      <w:bookmarkStart w:id="9" w:name="_Toc155173739"/>
      <w:r>
        <w:lastRenderedPageBreak/>
        <w:t>The Community</w:t>
      </w:r>
      <w:bookmarkEnd w:id="9"/>
    </w:p>
    <w:p w14:paraId="36897315" w14:textId="3F480CFC" w:rsidR="0070158B" w:rsidRDefault="00601239" w:rsidP="0070158B">
      <w:pPr>
        <w:pStyle w:val="Heading2"/>
      </w:pPr>
      <w:r>
        <w:t>Mobile, Alabama</w:t>
      </w:r>
    </w:p>
    <w:p w14:paraId="0444FE9D" w14:textId="074CC717" w:rsidR="001C1317" w:rsidRDefault="001C1317" w:rsidP="001C1317">
      <w:pPr>
        <w:pStyle w:val="BodyText"/>
      </w:pPr>
      <w:r>
        <w:rPr>
          <w:noProof/>
        </w:rPr>
        <w:drawing>
          <wp:anchor distT="0" distB="0" distL="114300" distR="114300" simplePos="0" relativeHeight="251665920" behindDoc="1" locked="0" layoutInCell="1" allowOverlap="1" wp14:anchorId="666FC4A1" wp14:editId="68D7469A">
            <wp:simplePos x="0" y="0"/>
            <wp:positionH relativeFrom="column">
              <wp:posOffset>2282825</wp:posOffset>
            </wp:positionH>
            <wp:positionV relativeFrom="paragraph">
              <wp:posOffset>5080</wp:posOffset>
            </wp:positionV>
            <wp:extent cx="4065905" cy="2286000"/>
            <wp:effectExtent l="0" t="0" r="0" b="0"/>
            <wp:wrapTight wrapText="bothSides">
              <wp:wrapPolygon edited="0">
                <wp:start x="0" y="0"/>
                <wp:lineTo x="0" y="21420"/>
                <wp:lineTo x="21455" y="21420"/>
                <wp:lineTo x="21455" y="0"/>
                <wp:lineTo x="0" y="0"/>
              </wp:wrapPolygon>
            </wp:wrapTight>
            <wp:docPr id="1068070800" name="draw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2364757" name="Picture 922364757"/>
                    <pic:cNvPicPr/>
                  </pic:nvPicPr>
                  <pic:blipFill>
                    <a:blip r:embed="rId25">
                      <a:extLst>
                        <a:ext uri="{28A0092B-C50C-407E-A947-70E740481C1C}">
                          <a14:useLocalDpi xmlns:a14="http://schemas.microsoft.com/office/drawing/2010/main"/>
                        </a:ext>
                      </a:extLst>
                    </a:blip>
                    <a:stretch>
                      <a:fillRect/>
                    </a:stretch>
                  </pic:blipFill>
                  <pic:spPr>
                    <a:xfrm>
                      <a:off x="0" y="0"/>
                      <a:ext cx="4065905" cy="2286000"/>
                    </a:xfrm>
                    <a:prstGeom prst="rect">
                      <a:avLst/>
                    </a:prstGeom>
                  </pic:spPr>
                </pic:pic>
              </a:graphicData>
            </a:graphic>
            <wp14:sizeRelH relativeFrom="page">
              <wp14:pctWidth>0</wp14:pctWidth>
            </wp14:sizeRelH>
            <wp14:sizeRelV relativeFrom="page">
              <wp14:pctHeight>0</wp14:pctHeight>
            </wp14:sizeRelV>
          </wp:anchor>
        </w:drawing>
      </w:r>
      <w:r>
        <w:t xml:space="preserve">Mobile, Alabama, is a vibrant, coastal town with almost 200,000 residents and a 325-year history. Founded as a French settlement in 1702, Mobile is now a major port city and the state's only saltwater port. During WWII, Mobile grew rapidly due to the shipbuilding industry, and the city has continued to grow, with the port serving as an economic driver. Today, Mobile is home to many industries, including aerospace, healthcare, and logistics. </w:t>
      </w:r>
    </w:p>
    <w:p w14:paraId="65E8739F" w14:textId="77777777" w:rsidR="001C1317" w:rsidRDefault="001C1317" w:rsidP="001C1317">
      <w:pPr>
        <w:pStyle w:val="BodyText"/>
      </w:pPr>
      <w:r>
        <w:t>Mobile is recognized as the cultural hub of the Gulf Coast, offering a diverse array of museums that celebrate history, art, archaeology, and sports. Whether exploring historical landmarks or admiring artistic masterpieces, the city provides numerous opportunities to engage with culture. The performing arts scene is equally vibrant, featuring esteemed institutions such as the Mobile Ballet, Mobile Symphony, and Mobile Opera, as well as the iconic Saenger Theatre, which hosts a variety of live performances throughout the year.</w:t>
      </w:r>
    </w:p>
    <w:p w14:paraId="21A88982" w14:textId="77777777" w:rsidR="001C1317" w:rsidRDefault="001C1317" w:rsidP="001C1317">
      <w:pPr>
        <w:pStyle w:val="BodyText"/>
      </w:pPr>
      <w:r>
        <w:t>For those who love the outdoors, Mobile offers a wealth of opportunities for adventure. The region is home to the Mobile-Tensaw Delta, Alabama's largest river delta and wetland, and one of the most expansive in the country. Few places in the world rival the ecological diversity found in Mobile’s bayous, bays, and beaches. Outdoor enthusiasts can enjoy boating, fishing, golf, and scenic trails, while those eager to learn more about the local ecosystem can visit the 5 Rivers Delta Center or the Alabama Aquarium at the Dauphin Island Sea Lab to explore Mobile’s unique natural environment.</w:t>
      </w:r>
    </w:p>
    <w:p w14:paraId="59B00589" w14:textId="568598D7" w:rsidR="001C1317" w:rsidRDefault="001C1317" w:rsidP="001C1317">
      <w:pPr>
        <w:pStyle w:val="BodyText"/>
      </w:pPr>
      <w:r>
        <w:t xml:space="preserve">Mobile offers an exceptionally affordable cost of living, with expenses 13% lower than the national average and housing costs approximately 21% below the national average. This makes it an attractive option for families, young professionals, and retirees alike. In addition to affordability, Mobile </w:t>
      </w:r>
      <w:r w:rsidR="00875C84">
        <w:t>offers diverse educational opportunities, including public, private, and faith-based schools, ensuring families have plenty of choices for</w:t>
      </w:r>
      <w:r>
        <w:t xml:space="preserve"> their children's education.</w:t>
      </w:r>
    </w:p>
    <w:p w14:paraId="50D13348" w14:textId="77777777" w:rsidR="001C1317" w:rsidRDefault="001C1317" w:rsidP="00875C84">
      <w:pPr>
        <w:pStyle w:val="Heading3"/>
      </w:pPr>
      <w:r>
        <w:t>Surrounding Areas:</w:t>
      </w:r>
    </w:p>
    <w:p w14:paraId="04A93B2F" w14:textId="77777777" w:rsidR="001C1317" w:rsidRDefault="001C1317" w:rsidP="001C1317">
      <w:pPr>
        <w:pStyle w:val="BodyText"/>
      </w:pPr>
      <w:r>
        <w:rPr>
          <w:b/>
        </w:rPr>
        <w:t>Mobile Bay</w:t>
      </w:r>
      <w:r>
        <w:t>: The bay area is the cultural center of the Gulf Coast, offering stunning views and a rich history. It's perfect for outdoor activities like boating, fishing, and bird watching.</w:t>
      </w:r>
    </w:p>
    <w:p w14:paraId="6B502E5F" w14:textId="77777777" w:rsidR="001C1317" w:rsidRDefault="001C1317" w:rsidP="001C1317">
      <w:pPr>
        <w:pStyle w:val="BodyText"/>
      </w:pPr>
      <w:r>
        <w:rPr>
          <w:b/>
        </w:rPr>
        <w:t>Dauphin Island</w:t>
      </w:r>
      <w:r>
        <w:t>: Just a short drive from Mobile, Dauphin Island is a paradise for nature lovers. It features beautiful beaches, the Audubon Bird Sanctuary, and historic Fort Gaines. It's an ideal spot for a relaxing day trip.</w:t>
      </w:r>
    </w:p>
    <w:p w14:paraId="7E0FEA78" w14:textId="77777777" w:rsidR="001C1317" w:rsidRDefault="001C1317" w:rsidP="001C1317">
      <w:pPr>
        <w:pStyle w:val="BodyText"/>
      </w:pPr>
      <w:r>
        <w:rPr>
          <w:b/>
        </w:rPr>
        <w:t>Gulf Shores</w:t>
      </w:r>
      <w:r>
        <w:t>: Known for its pristine white-sand beaches and crystal-clear waters, Gulf Shores is a popular destination for beachgoers and water sports enthusiasts. The area also offers great dining and shopping options.</w:t>
      </w:r>
    </w:p>
    <w:p w14:paraId="43A2F674" w14:textId="4FCAC4BA" w:rsidR="001C1317" w:rsidRDefault="001C1317" w:rsidP="001C1317">
      <w:pPr>
        <w:pStyle w:val="BodyText"/>
      </w:pPr>
      <w:r>
        <w:rPr>
          <w:b/>
        </w:rPr>
        <w:t>Fairhope</w:t>
      </w:r>
      <w:r>
        <w:t xml:space="preserve">: This charming town </w:t>
      </w:r>
      <w:r w:rsidR="00875C84">
        <w:t>on the eastern shore of Mobile Bay is known for its picturesque downtown</w:t>
      </w:r>
      <w:r>
        <w:t>, art galleries, and beautiful parks. It's a perfect place to unwind and enjoy the local culture.</w:t>
      </w:r>
    </w:p>
    <w:p w14:paraId="5DD59987" w14:textId="27DFA6BD" w:rsidR="001C1317" w:rsidRDefault="001C1317" w:rsidP="001C1317">
      <w:pPr>
        <w:pStyle w:val="BodyText"/>
      </w:pPr>
      <w:r>
        <w:rPr>
          <w:b/>
        </w:rPr>
        <w:lastRenderedPageBreak/>
        <w:t>Orange Beach</w:t>
      </w:r>
      <w:r>
        <w:t xml:space="preserve">: </w:t>
      </w:r>
      <w:r w:rsidR="00875C84">
        <w:t>A stunning coastal destination offering</w:t>
      </w:r>
      <w:r>
        <w:t xml:space="preserve"> a perfect blend of relaxation and adventure. Renowned for its pristine white-sand beaches and clear turquoise waters, it's a haven for outdoor enthusiasts with activities like kayaking, paddleboarding, and fishing. Family-friendly attractions like The Wharf and the Alabama Gulf Coast Zoo make it perfect for a fun day out.</w:t>
      </w:r>
    </w:p>
    <w:p w14:paraId="1F96318D" w14:textId="64590946" w:rsidR="0070158B" w:rsidRPr="0070158B" w:rsidRDefault="001377AD" w:rsidP="0070158B">
      <w:pPr>
        <w:pStyle w:val="BodyText"/>
      </w:pPr>
      <w:r>
        <w:rPr>
          <w:noProof/>
        </w:rPr>
        <w:drawing>
          <wp:inline distT="0" distB="0" distL="0" distR="0" wp14:anchorId="46C5B658" wp14:editId="29F127BC">
            <wp:extent cx="6400800" cy="3276600"/>
            <wp:effectExtent l="0" t="0" r="0" b="0"/>
            <wp:docPr id="1407528115" name="Picture 1" descr="A beach with boats and buildings&#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7528115" name="Picture 1" descr="A beach with boats and buildings&#10;&#10;AI-generated content may be incorrect."/>
                    <pic:cNvPicPr>
                      <a:picLocks noChangeAspect="1" noChangeArrowheads="1"/>
                    </pic:cNvPicPr>
                  </pic:nvPicPr>
                  <pic:blipFill>
                    <a:blip r:embed="rId26">
                      <a:extLst>
                        <a:ext uri="{28A0092B-C50C-407E-A947-70E740481C1C}">
                          <a14:useLocalDpi xmlns:a14="http://schemas.microsoft.com/office/drawing/2010/main" val="0"/>
                        </a:ext>
                      </a:extLst>
                    </a:blip>
                    <a:srcRect/>
                    <a:stretch>
                      <a:fillRect/>
                    </a:stretch>
                  </pic:blipFill>
                  <pic:spPr bwMode="auto">
                    <a:xfrm>
                      <a:off x="0" y="0"/>
                      <a:ext cx="6400800" cy="3276600"/>
                    </a:xfrm>
                    <a:prstGeom prst="rect">
                      <a:avLst/>
                    </a:prstGeom>
                    <a:noFill/>
                    <a:ln>
                      <a:noFill/>
                    </a:ln>
                  </pic:spPr>
                </pic:pic>
              </a:graphicData>
            </a:graphic>
          </wp:inline>
        </w:drawing>
      </w:r>
    </w:p>
    <w:p w14:paraId="5849BBD5" w14:textId="4A64B5EE" w:rsidR="00A403AF" w:rsidRDefault="00130F56" w:rsidP="00A403AF">
      <w:pPr>
        <w:pStyle w:val="Heading1"/>
      </w:pPr>
      <w:bookmarkStart w:id="10" w:name="_Toc155173740"/>
      <w:r>
        <w:lastRenderedPageBreak/>
        <w:t>Procedure for Candidacy</w:t>
      </w:r>
      <w:bookmarkEnd w:id="10"/>
    </w:p>
    <w:p w14:paraId="5A37B46E" w14:textId="77777777" w:rsidR="00F6051B" w:rsidRPr="00343D3A" w:rsidRDefault="00F6051B" w:rsidP="00F6051B">
      <w:pPr>
        <w:pStyle w:val="BodyText"/>
        <w:spacing w:after="120" w:line="240" w:lineRule="auto"/>
      </w:pPr>
      <w:r w:rsidRPr="00343D3A">
        <w:t xml:space="preserve">Please submit all applications, nominations, and inquiries to the search team through the WittKieffer Candidate Portal by </w:t>
      </w:r>
      <w:hyperlink r:id="rId27" w:tgtFrame="_blank" w:tooltip="https://candidateportal.wittkieffer.com/" w:history="1">
        <w:r w:rsidRPr="00E83B86">
          <w:rPr>
            <w:b/>
            <w:bCs/>
            <w:i/>
            <w:iCs/>
            <w:color w:val="55919C" w:themeColor="text2" w:themeShade="BF"/>
          </w:rPr>
          <w:t>clicking here</w:t>
        </w:r>
      </w:hyperlink>
      <w:r w:rsidRPr="00E83B86">
        <w:rPr>
          <w:color w:val="55919C" w:themeColor="text2" w:themeShade="BF"/>
        </w:rPr>
        <w:t>.</w:t>
      </w:r>
      <w:r w:rsidRPr="00343D3A">
        <w:t xml:space="preserve"> New users should select “Register Here” to create an account before proceeding. After logging in, navigate to “Open Positions</w:t>
      </w:r>
      <w:r>
        <w:t xml:space="preserve">,” then locate the role by entering the institution’s name and clicking </w:t>
      </w:r>
      <w:r w:rsidRPr="00343D3A">
        <w:t>the search wheel.</w:t>
      </w:r>
    </w:p>
    <w:tbl>
      <w:tblPr>
        <w:tblStyle w:val="TableGrid"/>
        <w:tblW w:w="0" w:type="auto"/>
        <w:tblLook w:val="04A0" w:firstRow="1" w:lastRow="0" w:firstColumn="1" w:lastColumn="0" w:noHBand="0" w:noVBand="1"/>
      </w:tblPr>
      <w:tblGrid>
        <w:gridCol w:w="3358"/>
        <w:gridCol w:w="3359"/>
        <w:gridCol w:w="3359"/>
      </w:tblGrid>
      <w:tr w:rsidR="0070158B" w14:paraId="6AB9522E" w14:textId="77777777" w:rsidTr="0070158B">
        <w:tc>
          <w:tcPr>
            <w:tcW w:w="3358" w:type="dxa"/>
          </w:tcPr>
          <w:p w14:paraId="4DE8C51E" w14:textId="15309195" w:rsidR="0070158B" w:rsidRDefault="004C451E" w:rsidP="0070158B">
            <w:pPr>
              <w:pStyle w:val="Heading3"/>
            </w:pPr>
            <w:r>
              <w:t>Kyle Wiederhold</w:t>
            </w:r>
          </w:p>
          <w:p w14:paraId="75DEF3DA" w14:textId="37660BB7" w:rsidR="0070158B" w:rsidRPr="00CA2248" w:rsidRDefault="004C451E" w:rsidP="0070158B">
            <w:pPr>
              <w:pStyle w:val="Heading3"/>
              <w:rPr>
                <w:b w:val="0"/>
                <w:bCs w:val="0"/>
              </w:rPr>
            </w:pPr>
            <w:r w:rsidRPr="00CA2248">
              <w:rPr>
                <w:b w:val="0"/>
                <w:bCs w:val="0"/>
              </w:rPr>
              <w:t xml:space="preserve">Principal </w:t>
            </w:r>
          </w:p>
          <w:p w14:paraId="7C4A48FF" w14:textId="77777777" w:rsidR="0070158B" w:rsidRPr="00CA2248" w:rsidRDefault="0014654F" w:rsidP="0070158B">
            <w:pPr>
              <w:pStyle w:val="Heading3"/>
              <w:rPr>
                <w:b w:val="0"/>
                <w:bCs w:val="0"/>
              </w:rPr>
            </w:pPr>
            <w:r w:rsidRPr="00CA2248">
              <w:rPr>
                <w:b w:val="0"/>
                <w:bCs w:val="0"/>
              </w:rPr>
              <w:t>678-302-1570</w:t>
            </w:r>
          </w:p>
          <w:p w14:paraId="3857542A" w14:textId="764A0C46" w:rsidR="0014654F" w:rsidRPr="0014654F" w:rsidRDefault="0014654F" w:rsidP="0014654F">
            <w:pPr>
              <w:pStyle w:val="BodyText"/>
            </w:pPr>
            <w:hyperlink r:id="rId28" w:history="1">
              <w:r w:rsidRPr="00CA2248">
                <w:rPr>
                  <w:rStyle w:val="Hyperlink"/>
                </w:rPr>
                <w:t>kwiederhold@wittkieffer.com</w:t>
              </w:r>
            </w:hyperlink>
            <w:r>
              <w:t xml:space="preserve"> </w:t>
            </w:r>
          </w:p>
        </w:tc>
        <w:tc>
          <w:tcPr>
            <w:tcW w:w="3359" w:type="dxa"/>
          </w:tcPr>
          <w:p w14:paraId="6FF83C6A" w14:textId="237C55D2" w:rsidR="0070158B" w:rsidRDefault="0014654F" w:rsidP="0070158B">
            <w:pPr>
              <w:pStyle w:val="Heading3"/>
            </w:pPr>
            <w:r>
              <w:t>Stacy Lind</w:t>
            </w:r>
          </w:p>
          <w:p w14:paraId="21329935" w14:textId="781DB90A" w:rsidR="0070158B" w:rsidRPr="00CA2248" w:rsidRDefault="0014654F" w:rsidP="0070158B">
            <w:pPr>
              <w:pStyle w:val="Heading3"/>
              <w:rPr>
                <w:b w:val="0"/>
                <w:bCs w:val="0"/>
              </w:rPr>
            </w:pPr>
            <w:r w:rsidRPr="00CA2248">
              <w:rPr>
                <w:b w:val="0"/>
                <w:bCs w:val="0"/>
              </w:rPr>
              <w:t>Senior Associate</w:t>
            </w:r>
          </w:p>
          <w:p w14:paraId="2D6124AE" w14:textId="77777777" w:rsidR="0070158B" w:rsidRPr="00CA2248" w:rsidRDefault="009E4B10" w:rsidP="0070158B">
            <w:pPr>
              <w:pStyle w:val="Heading3"/>
              <w:rPr>
                <w:b w:val="0"/>
                <w:bCs w:val="0"/>
              </w:rPr>
            </w:pPr>
            <w:r w:rsidRPr="00CA2248">
              <w:rPr>
                <w:b w:val="0"/>
                <w:bCs w:val="0"/>
              </w:rPr>
              <w:t>630-575-6131</w:t>
            </w:r>
          </w:p>
          <w:p w14:paraId="09449B9D" w14:textId="346B02BB" w:rsidR="009E4B10" w:rsidRPr="009E4B10" w:rsidRDefault="009E4B10" w:rsidP="009E4B10">
            <w:pPr>
              <w:pStyle w:val="BodyText"/>
            </w:pPr>
            <w:hyperlink r:id="rId29" w:history="1">
              <w:r w:rsidRPr="00CA2248">
                <w:rPr>
                  <w:rStyle w:val="Hyperlink"/>
                </w:rPr>
                <w:t>slind@wittkieffer.com</w:t>
              </w:r>
            </w:hyperlink>
            <w:r w:rsidRPr="00CA2248">
              <w:t xml:space="preserve"> </w:t>
            </w:r>
          </w:p>
        </w:tc>
        <w:tc>
          <w:tcPr>
            <w:tcW w:w="3359" w:type="dxa"/>
          </w:tcPr>
          <w:p w14:paraId="6DE00B9F" w14:textId="5F65CD01" w:rsidR="0070158B" w:rsidRDefault="009E4B10" w:rsidP="0070158B">
            <w:pPr>
              <w:pStyle w:val="Heading3"/>
            </w:pPr>
            <w:r>
              <w:t>Daniel Young</w:t>
            </w:r>
          </w:p>
          <w:p w14:paraId="472AD4B0" w14:textId="7AA3DB30" w:rsidR="0070158B" w:rsidRPr="00CA2248" w:rsidRDefault="009E4B10" w:rsidP="0070158B">
            <w:pPr>
              <w:pStyle w:val="Heading3"/>
              <w:rPr>
                <w:b w:val="0"/>
                <w:bCs w:val="0"/>
              </w:rPr>
            </w:pPr>
            <w:r w:rsidRPr="00CA2248">
              <w:rPr>
                <w:b w:val="0"/>
                <w:bCs w:val="0"/>
              </w:rPr>
              <w:t>Senior Partner</w:t>
            </w:r>
          </w:p>
          <w:p w14:paraId="636FF63C" w14:textId="77777777" w:rsidR="0070158B" w:rsidRPr="00CA2248" w:rsidRDefault="00CA2248" w:rsidP="0070158B">
            <w:pPr>
              <w:pStyle w:val="Heading3"/>
              <w:rPr>
                <w:b w:val="0"/>
                <w:bCs w:val="0"/>
              </w:rPr>
            </w:pPr>
            <w:r w:rsidRPr="00CA2248">
              <w:rPr>
                <w:b w:val="0"/>
                <w:bCs w:val="0"/>
              </w:rPr>
              <w:t>615-800-2296</w:t>
            </w:r>
          </w:p>
          <w:p w14:paraId="28128D09" w14:textId="7AAA5DB0" w:rsidR="00CA2248" w:rsidRPr="00CA2248" w:rsidRDefault="00CA2248" w:rsidP="00CA2248">
            <w:pPr>
              <w:pStyle w:val="BodyText"/>
            </w:pPr>
            <w:hyperlink r:id="rId30" w:history="1">
              <w:r w:rsidRPr="00CA2248">
                <w:rPr>
                  <w:rStyle w:val="Hyperlink"/>
                </w:rPr>
                <w:t>dyoung@wittkieffer.com</w:t>
              </w:r>
            </w:hyperlink>
            <w:r>
              <w:t xml:space="preserve"> </w:t>
            </w:r>
          </w:p>
        </w:tc>
      </w:tr>
    </w:tbl>
    <w:p w14:paraId="75BB2989" w14:textId="77777777" w:rsidR="0070158B" w:rsidRDefault="0070158B" w:rsidP="0070158B">
      <w:pPr>
        <w:pStyle w:val="BodyText"/>
      </w:pPr>
    </w:p>
    <w:p w14:paraId="28355406" w14:textId="513E8559" w:rsidR="0070158B" w:rsidRDefault="00114D79" w:rsidP="0070158B">
      <w:pPr>
        <w:pStyle w:val="EEOStatement"/>
      </w:pPr>
      <w:r>
        <w:t>Infirmary Health</w:t>
      </w:r>
      <w:r w:rsidR="00644CB7">
        <w:t xml:space="preserve">'s non-discrimination notice can be found </w:t>
      </w:r>
      <w:hyperlink r:id="rId31" w:history="1">
        <w:r w:rsidR="00644CB7" w:rsidRPr="00A353F0">
          <w:rPr>
            <w:rStyle w:val="Hyperlink"/>
          </w:rPr>
          <w:t>here</w:t>
        </w:r>
      </w:hyperlink>
      <w:r w:rsidR="00644CB7">
        <w:t xml:space="preserve">. </w:t>
      </w:r>
    </w:p>
    <w:p w14:paraId="20E52959" w14:textId="77777777" w:rsidR="0070158B" w:rsidRDefault="0070158B" w:rsidP="0070158B">
      <w:pPr>
        <w:pStyle w:val="BodyText"/>
      </w:pPr>
    </w:p>
    <w:p w14:paraId="676D169C" w14:textId="77777777" w:rsidR="0070158B" w:rsidRDefault="0070158B" w:rsidP="0070158B">
      <w:pPr>
        <w:pStyle w:val="BodyText"/>
      </w:pPr>
    </w:p>
    <w:p w14:paraId="021CD07F" w14:textId="77777777" w:rsidR="0070158B" w:rsidRDefault="0070158B" w:rsidP="0070158B">
      <w:pPr>
        <w:pStyle w:val="BodyText"/>
      </w:pPr>
    </w:p>
    <w:p w14:paraId="60D33E7B" w14:textId="77777777" w:rsidR="0070158B" w:rsidRDefault="0070158B" w:rsidP="0070158B">
      <w:pPr>
        <w:pStyle w:val="BodyText"/>
      </w:pPr>
    </w:p>
    <w:p w14:paraId="4AB9D6C0" w14:textId="77777777" w:rsidR="00BD79F6" w:rsidRDefault="00BD79F6" w:rsidP="0070158B">
      <w:pPr>
        <w:pStyle w:val="BodyText"/>
      </w:pPr>
    </w:p>
    <w:p w14:paraId="2DD7B1A5" w14:textId="77777777" w:rsidR="00BD79F6" w:rsidRDefault="00BD79F6" w:rsidP="0070158B">
      <w:pPr>
        <w:pStyle w:val="BodyText"/>
      </w:pPr>
    </w:p>
    <w:p w14:paraId="5B700711" w14:textId="77777777" w:rsidR="0070158B" w:rsidRDefault="0070158B" w:rsidP="0070158B">
      <w:pPr>
        <w:pStyle w:val="BodyText"/>
      </w:pPr>
    </w:p>
    <w:p w14:paraId="153D3C97" w14:textId="77777777" w:rsidR="0070158B" w:rsidRDefault="0070158B" w:rsidP="0070158B">
      <w:pPr>
        <w:pStyle w:val="BodyText"/>
      </w:pPr>
    </w:p>
    <w:p w14:paraId="42F54DD9" w14:textId="0A093EE5" w:rsidR="0070158B" w:rsidRDefault="0070158B" w:rsidP="00053289">
      <w:pPr>
        <w:pStyle w:val="BodyTextSmall"/>
      </w:pPr>
      <w:r>
        <w:t xml:space="preserve">The material presented in this leadership profile should be relied on for informational purposes only. This material has been copied, compiled, or quoted in part from </w:t>
      </w:r>
      <w:r w:rsidR="00A353F0">
        <w:t>Infirmary Health</w:t>
      </w:r>
      <w:r>
        <w:t xml:space="preserve"> documents and personal interviews and is believed to be reliable. While every effort has been made to ensure the accuracy of this information, the original source documents and factual situations govern. </w:t>
      </w:r>
    </w:p>
    <w:p w14:paraId="2FF7FC92" w14:textId="6FCBD54A" w:rsidR="00A54CFB" w:rsidRDefault="0070158B" w:rsidP="00053289">
      <w:pPr>
        <w:pStyle w:val="BodyTextSmall"/>
        <w:sectPr w:rsidR="00A54CFB" w:rsidSect="000D1DD0">
          <w:footerReference w:type="default" r:id="rId32"/>
          <w:footerReference w:type="first" r:id="rId33"/>
          <w:pgSz w:w="12240" w:h="15840" w:code="1"/>
          <w:pgMar w:top="1440" w:right="1077" w:bottom="1440" w:left="1077" w:header="720" w:footer="431" w:gutter="0"/>
          <w:pgNumType w:start="1"/>
          <w:cols w:space="708"/>
          <w:docGrid w:linePitch="360"/>
        </w:sectPr>
      </w:pPr>
      <w:r>
        <w:t xml:space="preserve">All images and logos used in this leadership profile were attained from </w:t>
      </w:r>
      <w:r w:rsidR="00A353F0">
        <w:t xml:space="preserve">Infirmary Health </w:t>
      </w:r>
      <w:r>
        <w:t>and/or are owned by Witt/Kieffer Inc. via Getty Images.</w:t>
      </w:r>
    </w:p>
    <w:p w14:paraId="2D183272" w14:textId="57B85293" w:rsidR="0070158B" w:rsidRPr="0070158B" w:rsidRDefault="0070158B" w:rsidP="0070158B">
      <w:pPr>
        <w:pStyle w:val="BodyText"/>
      </w:pPr>
    </w:p>
    <w:sectPr w:rsidR="0070158B" w:rsidRPr="0070158B" w:rsidSect="001B2C39">
      <w:headerReference w:type="first" r:id="rId34"/>
      <w:footerReference w:type="first" r:id="rId35"/>
      <w:pgSz w:w="12240" w:h="15840" w:code="1"/>
      <w:pgMar w:top="1440" w:right="1077" w:bottom="1440" w:left="1077" w:header="720" w:footer="43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B44044D" w14:textId="77777777" w:rsidR="00842CB0" w:rsidRDefault="00842CB0" w:rsidP="00A160B2">
      <w:pPr>
        <w:spacing w:after="0" w:line="240" w:lineRule="auto"/>
      </w:pPr>
      <w:r>
        <w:separator/>
      </w:r>
    </w:p>
  </w:endnote>
  <w:endnote w:type="continuationSeparator" w:id="0">
    <w:p w14:paraId="6F2040B2" w14:textId="77777777" w:rsidR="00842CB0" w:rsidRDefault="00842CB0" w:rsidP="00A160B2">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086" w:type="dxa"/>
      <w:tblBorders>
        <w:top w:val="single" w:sz="12" w:space="0" w:color="auto"/>
      </w:tblBorders>
      <w:tblLook w:val="04A0" w:firstRow="1" w:lastRow="0" w:firstColumn="1" w:lastColumn="0" w:noHBand="0" w:noVBand="1"/>
    </w:tblPr>
    <w:tblGrid>
      <w:gridCol w:w="5043"/>
      <w:gridCol w:w="5043"/>
    </w:tblGrid>
    <w:tr w:rsidR="00B04E9C" w14:paraId="2685C9EB" w14:textId="77777777" w:rsidTr="00A9131B">
      <w:trPr>
        <w:trHeight w:val="567"/>
      </w:trPr>
      <w:tc>
        <w:tcPr>
          <w:tcW w:w="5043" w:type="dxa"/>
          <w:vAlign w:val="bottom"/>
        </w:tcPr>
        <w:p w14:paraId="11A9DBFC" w14:textId="77777777" w:rsidR="00B04E9C" w:rsidRDefault="00B04E9C" w:rsidP="00BC6DB5">
          <w:pPr>
            <w:pStyle w:val="Footer"/>
          </w:pPr>
          <w:r>
            <w:rPr>
              <w:noProof/>
            </w:rPr>
            <w:drawing>
              <wp:inline distT="0" distB="0" distL="0" distR="0" wp14:anchorId="67305C4B" wp14:editId="45518EA0">
                <wp:extent cx="914400" cy="192024"/>
                <wp:effectExtent l="0" t="0" r="0" b="0"/>
                <wp:docPr id="1051469548" name="Picture 105146954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43" w:type="dxa"/>
        </w:tcPr>
        <w:p w14:paraId="3C691635" w14:textId="2E85EFCC" w:rsidR="00B04E9C" w:rsidRPr="008C54FE" w:rsidRDefault="006F58C9" w:rsidP="00CC4FB5">
          <w:pPr>
            <w:pStyle w:val="Footer"/>
            <w:spacing w:before="300"/>
            <w:ind w:firstLine="720"/>
            <w:jc w:val="right"/>
            <w:rPr>
              <w:sz w:val="18"/>
              <w:szCs w:val="18"/>
            </w:rPr>
          </w:pPr>
          <w:r w:rsidRPr="001C7CAC">
            <w:rPr>
              <w:szCs w:val="14"/>
            </w:rPr>
            <w:t>© WittKieffer. All rights reserved</w:t>
          </w:r>
        </w:p>
      </w:tc>
    </w:tr>
  </w:tbl>
  <w:p w14:paraId="75A00DF7" w14:textId="77777777" w:rsidR="00A160B2" w:rsidRPr="00B04E9C" w:rsidRDefault="00A160B2" w:rsidP="00B04E9C">
    <w:pPr>
      <w:pStyle w:val="TableSpaceAf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99A032" w14:textId="495479DA" w:rsidR="00453B8D" w:rsidRDefault="00611691" w:rsidP="006F58C9">
    <w:pPr>
      <w:pStyle w:val="Footer"/>
      <w:jc w:val="right"/>
    </w:pPr>
    <w:r>
      <w:rPr>
        <w:noProof/>
      </w:rPr>
      <w:drawing>
        <wp:anchor distT="0" distB="0" distL="114300" distR="114300" simplePos="0" relativeHeight="251660288" behindDoc="0" locked="0" layoutInCell="1" allowOverlap="1" wp14:anchorId="64D960BF" wp14:editId="55C9D7E4">
          <wp:simplePos x="0" y="0"/>
          <wp:positionH relativeFrom="column">
            <wp:posOffset>0</wp:posOffset>
          </wp:positionH>
          <wp:positionV relativeFrom="paragraph">
            <wp:posOffset>-374142</wp:posOffset>
          </wp:positionV>
          <wp:extent cx="2385695" cy="730623"/>
          <wp:effectExtent l="0" t="0" r="0" b="6350"/>
          <wp:wrapSquare wrapText="bothSides"/>
          <wp:docPr id="829567102" name="Graphic 82956710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9889504" name="Graphic 1049889504"/>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85695" cy="730623"/>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6F58C9" w:rsidRPr="006F58C9">
      <w:t>© WittKieffer. All rights reserved. This document contains proprietary and confidential information belonging to WittKieffer. It is intended only for the addressee. Any unauthorized disclosure, copying, or distribution is strictly prohibited without written consent.</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086" w:type="dxa"/>
      <w:tblBorders>
        <w:top w:val="single" w:sz="12" w:space="0" w:color="auto"/>
      </w:tblBorders>
      <w:tblLook w:val="04A0" w:firstRow="1" w:lastRow="0" w:firstColumn="1" w:lastColumn="0" w:noHBand="0" w:noVBand="1"/>
    </w:tblPr>
    <w:tblGrid>
      <w:gridCol w:w="5043"/>
      <w:gridCol w:w="5043"/>
    </w:tblGrid>
    <w:tr w:rsidR="000D1DD0" w14:paraId="53396025" w14:textId="77777777" w:rsidTr="00A9131B">
      <w:trPr>
        <w:trHeight w:val="567"/>
      </w:trPr>
      <w:tc>
        <w:tcPr>
          <w:tcW w:w="5043" w:type="dxa"/>
          <w:vAlign w:val="bottom"/>
        </w:tcPr>
        <w:p w14:paraId="14B3BE66" w14:textId="5857773B" w:rsidR="000D1DD0" w:rsidRDefault="000D1DD0" w:rsidP="00BC6DB5">
          <w:pPr>
            <w:pStyle w:val="Footer"/>
          </w:pPr>
          <w:r>
            <w:rPr>
              <w:noProof/>
            </w:rPr>
            <w:drawing>
              <wp:inline distT="0" distB="0" distL="0" distR="0" wp14:anchorId="011ADC8A" wp14:editId="7E8B38A0">
                <wp:extent cx="914400" cy="192024"/>
                <wp:effectExtent l="0" t="0" r="0" b="0"/>
                <wp:docPr id="65651997" name="Picture 6565199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WittKieffer_rgb.emf"/>
                        <pic:cNvPicPr/>
                      </pic:nvPicPr>
                      <pic:blipFill>
                        <a:blip r:embed="rId1">
                          <a:extLst>
                            <a:ext uri="{28A0092B-C50C-407E-A947-70E740481C1C}">
                              <a14:useLocalDpi xmlns:a14="http://schemas.microsoft.com/office/drawing/2010/main" val="0"/>
                            </a:ext>
                          </a:extLst>
                        </a:blip>
                        <a:stretch>
                          <a:fillRect/>
                        </a:stretch>
                      </pic:blipFill>
                      <pic:spPr>
                        <a:xfrm>
                          <a:off x="0" y="0"/>
                          <a:ext cx="914400" cy="192024"/>
                        </a:xfrm>
                        <a:prstGeom prst="rect">
                          <a:avLst/>
                        </a:prstGeom>
                      </pic:spPr>
                    </pic:pic>
                  </a:graphicData>
                </a:graphic>
              </wp:inline>
            </w:drawing>
          </w:r>
        </w:p>
      </w:tc>
      <w:tc>
        <w:tcPr>
          <w:tcW w:w="5043" w:type="dxa"/>
        </w:tcPr>
        <w:p w14:paraId="4E9C0A06" w14:textId="0C9A7973" w:rsidR="000D1DD0" w:rsidRPr="008C54FE" w:rsidRDefault="006F58C9" w:rsidP="00CC4FB5">
          <w:pPr>
            <w:pStyle w:val="Footer"/>
            <w:spacing w:before="300"/>
            <w:ind w:firstLine="720"/>
            <w:jc w:val="right"/>
            <w:rPr>
              <w:sz w:val="18"/>
              <w:szCs w:val="18"/>
            </w:rPr>
          </w:pPr>
          <w:r w:rsidRPr="001C7CAC">
            <w:rPr>
              <w:szCs w:val="14"/>
            </w:rPr>
            <w:t>© WittKieffer. All rights reserved</w:t>
          </w:r>
          <w:r>
            <w:rPr>
              <w:sz w:val="18"/>
              <w:szCs w:val="18"/>
            </w:rPr>
            <w:t xml:space="preserve"> | </w:t>
          </w:r>
          <w:r w:rsidR="000D1DD0" w:rsidRPr="008C54FE">
            <w:rPr>
              <w:sz w:val="18"/>
              <w:szCs w:val="18"/>
            </w:rPr>
            <w:fldChar w:fldCharType="begin"/>
          </w:r>
          <w:r w:rsidR="000D1DD0" w:rsidRPr="008C54FE">
            <w:rPr>
              <w:sz w:val="18"/>
              <w:szCs w:val="18"/>
            </w:rPr>
            <w:instrText xml:space="preserve"> PAGE   \* MERGEFORMAT </w:instrText>
          </w:r>
          <w:r w:rsidR="000D1DD0" w:rsidRPr="008C54FE">
            <w:rPr>
              <w:sz w:val="18"/>
              <w:szCs w:val="18"/>
            </w:rPr>
            <w:fldChar w:fldCharType="separate"/>
          </w:r>
          <w:r w:rsidR="000D1DD0" w:rsidRPr="008C54FE">
            <w:rPr>
              <w:noProof/>
              <w:sz w:val="18"/>
              <w:szCs w:val="18"/>
            </w:rPr>
            <w:t>1</w:t>
          </w:r>
          <w:r w:rsidR="000D1DD0" w:rsidRPr="008C54FE">
            <w:rPr>
              <w:noProof/>
              <w:sz w:val="18"/>
              <w:szCs w:val="18"/>
            </w:rPr>
            <w:fldChar w:fldCharType="end"/>
          </w:r>
        </w:p>
      </w:tc>
    </w:tr>
  </w:tbl>
  <w:p w14:paraId="5B2A4EB8" w14:textId="77777777" w:rsidR="000D1DD0" w:rsidRPr="00B04E9C" w:rsidRDefault="000D1DD0" w:rsidP="00B04E9C">
    <w:pPr>
      <w:pStyle w:val="TableSpaceAf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4E56975" w14:textId="77777777" w:rsidR="000D1DD0" w:rsidRDefault="000D1DD0">
    <w:pPr>
      <w:pStyle w:val="Footer"/>
    </w:pPr>
    <w:r>
      <w:rPr>
        <w:noProof/>
      </w:rPr>
      <w:drawing>
        <wp:inline distT="0" distB="0" distL="0" distR="0" wp14:anchorId="200BA458" wp14:editId="79AC7ABD">
          <wp:extent cx="2385695" cy="730623"/>
          <wp:effectExtent l="0" t="0" r="0" b="0"/>
          <wp:docPr id="1775222584" name="Graphic 177522258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9889504" name="Graphic 1049889504"/>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l="9524" t="-2683" b="26587"/>
                  <a:stretch/>
                </pic:blipFill>
                <pic:spPr bwMode="auto">
                  <a:xfrm>
                    <a:off x="0" y="0"/>
                    <a:ext cx="2390976" cy="732240"/>
                  </a:xfrm>
                  <a:prstGeom prst="rect">
                    <a:avLst/>
                  </a:prstGeom>
                  <a:ln>
                    <a:noFill/>
                  </a:ln>
                  <a:extLst>
                    <a:ext uri="{53640926-AAD7-44D8-BBD7-CCE9431645EC}">
                      <a14:shadowObscured xmlns:a14="http://schemas.microsoft.com/office/drawing/2010/main"/>
                    </a:ext>
                  </a:extLst>
                </pic:spPr>
              </pic:pic>
            </a:graphicData>
          </a:graphic>
        </wp:inline>
      </w:drawing>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AEEC7D7" w14:textId="49C1639C" w:rsidR="00A54CFB" w:rsidRDefault="006F58C9" w:rsidP="006F58C9">
    <w:pPr>
      <w:pStyle w:val="Footer"/>
      <w:jc w:val="right"/>
    </w:pPr>
    <w:r w:rsidRPr="001C7CAC">
      <w:rPr>
        <w:szCs w:val="14"/>
      </w:rPr>
      <w:t>© WittKieffer. All rights reserved</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6FE1EBB" w14:textId="77777777" w:rsidR="00842CB0" w:rsidRDefault="00842CB0" w:rsidP="00A160B2">
      <w:pPr>
        <w:spacing w:after="0" w:line="240" w:lineRule="auto"/>
      </w:pPr>
      <w:r>
        <w:separator/>
      </w:r>
    </w:p>
  </w:footnote>
  <w:footnote w:type="continuationSeparator" w:id="0">
    <w:p w14:paraId="003D0E7E" w14:textId="77777777" w:rsidR="00842CB0" w:rsidRDefault="00842CB0" w:rsidP="00A160B2">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0" w:type="auto"/>
      <w:tblBorders>
        <w:bottom w:val="single" w:sz="12" w:space="0" w:color="auto"/>
      </w:tblBorders>
      <w:tblLook w:val="04A0" w:firstRow="1" w:lastRow="0" w:firstColumn="1" w:lastColumn="0" w:noHBand="0" w:noVBand="1"/>
    </w:tblPr>
    <w:tblGrid>
      <w:gridCol w:w="5040"/>
      <w:gridCol w:w="4860"/>
    </w:tblGrid>
    <w:tr w:rsidR="008820F3" w:rsidRPr="009A59A5" w14:paraId="3489DED9" w14:textId="77777777" w:rsidTr="008820F3">
      <w:tc>
        <w:tcPr>
          <w:tcW w:w="5040" w:type="dxa"/>
        </w:tcPr>
        <w:sdt>
          <w:sdtPr>
            <w:rPr>
              <w:b/>
              <w:bCs/>
            </w:rPr>
            <w:alias w:val="Insert Company name"/>
            <w:id w:val="422150937"/>
            <w:lock w:val="sdtLocked"/>
            <w:placeholder>
              <w:docPart w:val="F230776E602204488C4D639B101E89CA"/>
            </w:placeholder>
          </w:sdtPr>
          <w:sdtEndPr/>
          <w:sdtContent>
            <w:p w14:paraId="091E0968" w14:textId="064BDDD6" w:rsidR="00A160B2" w:rsidRPr="002734F7" w:rsidRDefault="00C73035" w:rsidP="002734F7">
              <w:pPr>
                <w:pStyle w:val="Header"/>
                <w:rPr>
                  <w:b/>
                  <w:bCs/>
                </w:rPr>
              </w:pPr>
              <w:r>
                <w:rPr>
                  <w:b/>
                  <w:bCs/>
                </w:rPr>
                <w:t>Mobile Infirmary</w:t>
              </w:r>
              <w:r w:rsidR="00751BBB">
                <w:rPr>
                  <w:b/>
                  <w:bCs/>
                </w:rPr>
                <w:t xml:space="preserve"> Medical Center</w:t>
              </w:r>
            </w:p>
          </w:sdtContent>
        </w:sdt>
      </w:tc>
      <w:tc>
        <w:tcPr>
          <w:tcW w:w="4860" w:type="dxa"/>
        </w:tcPr>
        <w:sdt>
          <w:sdtPr>
            <w:alias w:val="Insert Job title"/>
            <w:id w:val="221639375"/>
            <w:lock w:val="sdtLocked"/>
            <w:placeholder>
              <w:docPart w:val="23048876AE915C49BCBE12A366CA3AF4"/>
            </w:placeholder>
          </w:sdtPr>
          <w:sdtEndPr/>
          <w:sdtContent>
            <w:p w14:paraId="605B95AC" w14:textId="7062F755" w:rsidR="00A160B2" w:rsidRPr="009A59A5" w:rsidRDefault="00587DDC" w:rsidP="002734F7">
              <w:pPr>
                <w:pStyle w:val="Header"/>
                <w:jc w:val="right"/>
              </w:pPr>
              <w:r>
                <w:t>Chief Nursing Officer</w:t>
              </w:r>
            </w:p>
          </w:sdtContent>
        </w:sdt>
      </w:tc>
    </w:tr>
  </w:tbl>
  <w:p w14:paraId="2836EBDF" w14:textId="77777777" w:rsidR="00A160B2" w:rsidRPr="00A160B2" w:rsidRDefault="00A160B2" w:rsidP="00B04E9C">
    <w:pPr>
      <w:pStyle w:val="TableSpaceAft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6F1F7BA" w14:textId="473F07E7" w:rsidR="00A54CFB" w:rsidRDefault="00566AAF">
    <w:pPr>
      <w:pStyle w:val="Header"/>
    </w:pPr>
    <w:r>
      <w:rPr>
        <w:noProof/>
      </w:rPr>
      <mc:AlternateContent>
        <mc:Choice Requires="wpg">
          <w:drawing>
            <wp:anchor distT="0" distB="0" distL="114300" distR="114300" simplePos="0" relativeHeight="251659264" behindDoc="0" locked="0" layoutInCell="1" allowOverlap="1" wp14:anchorId="581F1616" wp14:editId="2D67F55F">
              <wp:simplePos x="0" y="0"/>
              <wp:positionH relativeFrom="column">
                <wp:posOffset>32385</wp:posOffset>
              </wp:positionH>
              <wp:positionV relativeFrom="paragraph">
                <wp:posOffset>533400</wp:posOffset>
              </wp:positionV>
              <wp:extent cx="6315075" cy="7543800"/>
              <wp:effectExtent l="0" t="0" r="9525" b="0"/>
              <wp:wrapNone/>
              <wp:docPr id="634383873" name="Group 2"/>
              <wp:cNvGraphicFramePr/>
              <a:graphic xmlns:a="http://schemas.openxmlformats.org/drawingml/2006/main">
                <a:graphicData uri="http://schemas.microsoft.com/office/word/2010/wordprocessingGroup">
                  <wpg:wgp>
                    <wpg:cNvGrpSpPr/>
                    <wpg:grpSpPr>
                      <a:xfrm>
                        <a:off x="0" y="0"/>
                        <a:ext cx="6315075" cy="7543800"/>
                        <a:chOff x="0" y="0"/>
                        <a:chExt cx="6315075" cy="7543800"/>
                      </a:xfrm>
                    </wpg:grpSpPr>
                    <pic:pic xmlns:pic="http://schemas.openxmlformats.org/drawingml/2006/picture">
                      <pic:nvPicPr>
                        <pic:cNvPr id="804174834" name="Picture 3" descr="A picture containing screenshot, graphics, design&#10;&#10;Description automatically generated"/>
                        <pic:cNvPicPr>
                          <a:picLocks noChangeAspect="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315075" cy="7543800"/>
                        </a:xfrm>
                        <a:prstGeom prst="rect">
                          <a:avLst/>
                        </a:prstGeom>
                        <a:noFill/>
                      </pic:spPr>
                    </pic:pic>
                    <wps:wsp>
                      <wps:cNvPr id="434992958" name="Text Box 2"/>
                      <wps:cNvSpPr txBox="1"/>
                      <wps:spPr>
                        <a:xfrm>
                          <a:off x="2910840" y="2415540"/>
                          <a:ext cx="3322320" cy="2552700"/>
                        </a:xfrm>
                        <a:prstGeom prst="rect">
                          <a:avLst/>
                        </a:prstGeom>
                        <a:noFill/>
                        <a:ln w="6350">
                          <a:noFill/>
                        </a:ln>
                      </wps:spPr>
                      <wps:txbx>
                        <w:txbxContent>
                          <w:p w14:paraId="0B8E3B83" w14:textId="77777777" w:rsidR="00A54CFB" w:rsidRPr="00566AAF" w:rsidRDefault="00A54CFB" w:rsidP="00A54CFB">
                            <w:pPr>
                              <w:pStyle w:val="LeadParagraph"/>
                              <w:rPr>
                                <w:sz w:val="20"/>
                                <w:szCs w:val="20"/>
                              </w:rPr>
                            </w:pPr>
                            <w:r w:rsidRPr="00566AAF">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sidRPr="00566AAF">
                              <w:rPr>
                                <w:sz w:val="20"/>
                                <w:szCs w:val="20"/>
                              </w:rPr>
                              <w:br/>
                            </w:r>
                          </w:p>
                          <w:p w14:paraId="6A8DC51D" w14:textId="77777777" w:rsidR="00A54CFB" w:rsidRPr="00566AAF" w:rsidRDefault="00A54CFB" w:rsidP="00A54CFB">
                            <w:pPr>
                              <w:pStyle w:val="LeadParagraph"/>
                              <w:rPr>
                                <w:sz w:val="16"/>
                                <w:szCs w:val="16"/>
                              </w:rPr>
                            </w:pPr>
                            <w:r w:rsidRPr="00566AAF">
                              <w:rPr>
                                <w:sz w:val="20"/>
                                <w:szCs w:val="20"/>
                              </w:rPr>
                              <w:t xml:space="preserve">Visit </w:t>
                            </w:r>
                            <w:hyperlink r:id="rId2" w:history="1">
                              <w:r w:rsidRPr="00566AAF">
                                <w:rPr>
                                  <w:rStyle w:val="Hyperlink"/>
                                  <w:sz w:val="20"/>
                                  <w:szCs w:val="20"/>
                                </w:rPr>
                                <w:t>WittKieffer.com</w:t>
                              </w:r>
                            </w:hyperlink>
                            <w:r w:rsidRPr="00566AAF">
                              <w:rPr>
                                <w:sz w:val="20"/>
                                <w:szCs w:val="20"/>
                              </w:rPr>
                              <w:t xml:space="preserve"> to learn more.</w:t>
                            </w:r>
                          </w:p>
                          <w:p w14:paraId="5BCFD009" w14:textId="77777777" w:rsidR="00A54CFB" w:rsidRDefault="00A54CFB" w:rsidP="00A54CFB">
                            <w:pPr>
                              <w:spacing w:line="320" w:lineRule="exact"/>
                              <w:rPr>
                                <w:sz w:val="24"/>
                                <w:szCs w:val="24"/>
                              </w:rPr>
                            </w:pPr>
                          </w:p>
                        </w:txbxContent>
                      </wps:txbx>
                      <wps:bodyPr rot="0" spcFirstLastPara="0" vertOverflow="clip" horzOverflow="clip" vert="horz" wrap="square" lIns="91440" tIns="45720" rIns="91440" bIns="45720" numCol="1" spcCol="0" rtlCol="0" fromWordArt="0" anchor="t" anchorCtr="0" forceAA="0" compatLnSpc="1">
                        <a:prstTxWarp prst="textNoShape">
                          <a:avLst/>
                        </a:prstTxWarp>
                        <a:noAutofit/>
                      </wps:bodyPr>
                    </wps:wsp>
                    <wps:wsp>
                      <wps:cNvPr id="976782917" name="Rectangle 1"/>
                      <wps:cNvSpPr/>
                      <wps:spPr>
                        <a:xfrm>
                          <a:off x="2758440" y="2065020"/>
                          <a:ext cx="154305" cy="3015615"/>
                        </a:xfrm>
                        <a:prstGeom prst="rect">
                          <a:avLst/>
                        </a:prstGeom>
                        <a:solidFill>
                          <a:schemeClr val="bg2">
                            <a:lumMod val="50000"/>
                          </a:schemeClr>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218988429" name="Graphic 1"/>
                        <pic:cNvPicPr>
                          <a:picLocks noChangeAspect="1"/>
                        </pic:cNvPicPr>
                      </pic:nvPicPr>
                      <pic:blipFill rotWithShape="1">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l="9524" t="-2683" b="26587"/>
                        <a:stretch/>
                      </pic:blipFill>
                      <pic:spPr bwMode="auto">
                        <a:xfrm>
                          <a:off x="60960" y="6065520"/>
                          <a:ext cx="2385695" cy="730250"/>
                        </a:xfrm>
                        <a:prstGeom prst="rect">
                          <a:avLst/>
                        </a:prstGeom>
                        <a:ln>
                          <a:noFill/>
                        </a:ln>
                        <a:extLst>
                          <a:ext uri="{53640926-AAD7-44D8-BBD7-CCE9431645EC}">
                            <a14:shadowObscured xmlns:a14="http://schemas.microsoft.com/office/drawing/2010/main"/>
                          </a:ext>
                        </a:extLst>
                      </pic:spPr>
                    </pic:pic>
                  </wpg:wgp>
                </a:graphicData>
              </a:graphic>
            </wp:anchor>
          </w:drawing>
        </mc:Choice>
        <mc:Fallback>
          <w:pict>
            <v:group w14:anchorId="581F1616" id="Group 2" o:spid="_x0000_s1026" style="position:absolute;margin-left:2.55pt;margin-top:42pt;width:497.25pt;height:594pt;z-index:251659264" coordsize="63150,75438" o:gfxdata="UEsDBBQABgAIAAAAIQBpWsSsHAEAAH0CAAATAAAAW0NvbnRlbnRfVHlwZXNdLnhtbJSSQU7DMBBF&#10;90jcwfIWJQ5dIISadEHKEhAqB7DsSWKIx5bHhPb2OGkrQZVWYunxvD//j71cbW3PBghkHJb8Ni84&#10;A1ROG2xL/r55yu45oyhRy94hlHwHxFfV9dVys/NALNFIJe9i9A9CkOrASsqdB0w3jQtWxnQMrfBS&#10;fcoWxKIo7oRyGAFjFkcNXi1raORXH9l6m8p7Jx8eWs4e943jrJIbOwpMF2KW8TiPjPV5IkBPJ1Ok&#10;971RMqZ9iAH1SZbskCNP5NRDnfF0k8KemUDDvKdUv0CNen/D/7Z1mPaSni0YDexVhvgsbVqR0IEE&#10;LFztVH5ZY4xmKXNNYxTkdaD1RB09ndPW7hsDDP8VrxP2BsNRXUyfp/oBAAD//wMAUEsDBBQABgAI&#10;AAAAIQA4/SH/1gAAAJQBAAALAAAAX3JlbHMvLnJlbHOkkMFqwzAMhu+DvYPRfXGawxijTi+j0Gvp&#10;HsDYimMaW0Yy2fr2M4PBMnrbUb/Q94l/f/hMi1qRJVI2sOt6UJgd+ZiDgffL8ekFlFSbvV0oo4Eb&#10;ChzGx4f9GRdb25HMsYhqlCwG5lrLq9biZkxWOiqY22YiTra2kYMu1l1tQD30/bPm3wwYN0x18gb4&#10;5AdQl1tp5j/sFB2T0FQ7R0nTNEV3j6o9feQzro1iOWA14Fm+Q8a1a8+Bvu/d/dMb2JY5uiPbhG/k&#10;tn4cqGU/er3pcvwCAAD//wMAUEsDBBQABgAIAAAAIQARIoHh/wQAABcPAAAOAAAAZHJzL2Uyb0Rv&#10;Yy54bWzcV11v2zYUfR+w/0BowJ6aWJItW/biFF6yBAWyNmg65JmmKEuoJGokHTv99TuXlOzEadAu&#10;W4dtAazwS5eHh+ceUievt3XF7qQ2pWrmQXQcBkw2QmVls5oHv324OEoDZixvMl6pRs6De2mC16ff&#10;f3eyaWcyVoWqMqkZgjRmtmnnQWFtOxsMjChkzc2xamWDzlzpmltU9WqQab5B9LoaxGE4HmyUzlqt&#10;hDQGree+Mzh18fNcCvsuz420rJoHwGbdU7vnkp6D0xM+W2neFqXoYPAXoKh52WDSXahzbjlb6/JJ&#10;qLoUWhmV22Oh6oHK81JItwasJgoPVnOp1bp1a1nNNqt2RxOoPeDpxWHF27tL3d601xpMbNoVuHA1&#10;Wss21zX9B0q2dZTd7yiTW8sEGsfDKAknScAE+ibJaJiGHamiAPNP3hPFL194c9BPPHgEpy3FDL+O&#10;A5SecPBlreAtu9Yy6ILUXxWj5vrjuj3CdrXclsuyKu29kx42hkA1d9eluNa+AjqvNSuzeZCGo2gy&#10;SoejgDW8hvIxiiZnw4Bl0ghocME6QEyoxkJBEDBDj5SNKZR9xTpdmlf0Rrlqfvxhu/jJPc4pQtla&#10;ZB3ja6uQHaXgVXXPVrKRmluZkbQJH0HyADkReKXER8MadVbwZiUXpkWKIHFp9ODxcFd9tLplVbYX&#10;ZVWRKKjc8YilHMjxM1vhpX6uxLqWjfW5q2UF3AqrLVsTMD2T9VKCO/0mc4D4zGjxHgBdlhqrpRUF&#10;TZ4DRNcOuew6HOI9SFqOgbLZcvOryrAFxJTL0r+i7J0+Qac29lKqmlEBsIHUhed3V4YwY2g/hFA3&#10;isjriSZkHecASskHBzQ9p6g9YfVPJflNwVsJNBR2r8rRcDSdxtMEruxV+YES+We1ZTEpoBtMdsDs&#10;Fs2dMqjd4+2Tc+cK8TQK0xGsFfkfj6IkQdltV+8Qw2EcD2MMIIeIkySeeIf4G3jks6phGzKhJHTE&#10;7xmmLrC7B04lu11uu1UuVXaPRWqFfQM204qLEpt4xY295hpHABpxrNl3eOSVwiQCgg9YofSnwzYa&#10;h81CT8A2OErmgfl9zclnqjcNtnEajYgg6yqjZEJk6Ic9y4c9zbo+UzitIofKFWm8rfpirlV9i1Nv&#10;QbOiizcCc88D2xfPLGrowKkp5GLhyt6+rpqbFqYXObJImh+2t1y3nX4ttuyt6oXDZwcy9mO9kBfI&#10;pLx0GidiPZsd3xDxP6Tm6WQ8SSHASa9m8gTYWiWZ8w+CBu2TnLttf07EkyR1e0QSDcdJiC16JOII&#10;J1vYnXLDMErGUUIDXq5ho6oy673U3XbkWaXZHcfOL1ex26BqXcO3fFsS4q+bcjfcAXgUiUT/0Gg+&#10;mwbG3leSxlXNe5njtEKa+xl3kf2kXAh4tVeLKXgmfTNO/GewuIAU2Rt0F7sLQFe6/SL72J7Fbjy9&#10;Kt2tbQfMJ/YzwPzLuzfczDhKdy/XZaO04/IgQIVVdTP78b1XeGr2mv5fOYSw+t/kEXQ+4/efudLF&#10;UTpN01E87e3msvtucFqi1XyDuxYJ8La0hbPl3rq/8eXL3QV2ly/6dJomMS6yOG+O4nGKG+wSjjFO&#10;0ol3ye4CRglFLLzgBjYOp2OcWLDfMew3ObTfeJgm42n/lTEMY5z3Pn37m1x/z/rKq9gzPkno/RHh&#10;FoKq8wX39eXMtruR0+fdw7obtf+ePf0DAAD//wMAUEsDBAoAAAAAAAAAIQAlN7jMaTITAGkyEwAV&#10;AAAAZHJzL21lZGlhL2ltYWdlMS5qcGVn/9j/4AAQSkZJRgABAgEBLAEsAAD/7QAsUGhvdG9zaG9w&#10;IDMuMAA4QklNA+0AAAAAABABLAAAAAEAAQEsAAAAAQAB/+IMWElDQ19QUk9GSUxFAAEBAAAMSExp&#10;bm8CEAAAbW50clJHQiBYWVogB84AAgAJAAYAMQAAYWNzcE1TRlQAAAAASUVDIHNSR0IAAAAAAAAA&#10;AAAAAAAAAPbWAAEAAAAA0y1IUCAgAAAAAAAAAAAAAAAAAAAAAAAAAAAAAAAAAAAAAAAAAAAAAAAA&#10;AAAAAAAAAAAAAAARY3BydAAAAVAAAAAzZGVzYwAAAYQAAABsd3RwdAAAAfAAAAAUYmtwdAAAAgQA&#10;AAAUclhZWgAAAhgAAAAUZ1hZWgAAAiwAAAAUYlhZWgAAAkAAAAAUZG1uZAAAAlQAAABwZG1kZAAA&#10;AsQAAACIdnVlZAAAA0wAAACGdmlldwAAA9QAAAAkbHVtaQAAA/gAAAAUbWVhcwAABAwAAAAkdGVj&#10;aAAABDAAAAAMclRSQwAABDwAAAgMZ1RSQwAABDwAAAgMYlRSQwAABDwAAAgMdGV4dAAAAABDb3B5&#10;cmlnaHQgKGMpIDE5OTggSGV3bGV0dC1QYWNrYXJkIENvbXBhbnkAAGRlc2MAAAAAAAAAEnNSR0Ig&#10;SUVDNjE5NjYtMi4xAAAAAAAAAAAAAAASc1JHQiBJRUM2MTk2Ni0yLjEAAAAAAAAAAAAAAAAAAAAA&#10;AAAAAAAAAAAAAAAAAAAAAAAAAAAAAAAAAAAAAAAAAAAAAFhZWiAAAAAAAADzUQABAAAAARbMWFla&#10;IAAAAAAAAAAAAAAAAAAAAABYWVogAAAAAAAAb6IAADj1AAADkFhZWiAAAAAAAABimQAAt4UAABja&#10;WFlaIAAAAAAAACSgAAAPhAAAts9kZXNjAAAAAAAAABZJRUMgaHR0cDovL3d3dy5pZWMuY2gAAAAA&#10;AAAAAAAAABZJRUMgaHR0cDovL3d3dy5pZWMuY2gAAAAAAAAAAAAAAAAAAAAAAAAAAAAAAAAAAAAA&#10;AAAAAAAAAAAAAAAAAAAAAAAAZGVzYwAAAAAAAAAuSUVDIDYxOTY2LTIuMSBEZWZhdWx0IFJHQiBj&#10;b2xvdXIgc3BhY2UgLSBzUkdCAAAAAAAAAAAAAAAuSUVDIDYxOTY2LTIuMSBEZWZhdWx0IFJHQiBj&#10;b2xvdXIgc3BhY2UgLSBzUkdCAAAAAAAAAAAAAAAAAAAAAAAAAAAAAGRlc2MAAAAAAAAALFJlZmVy&#10;ZW5jZSBWaWV3aW5nIENvbmRpdGlvbiBpbiBJRUM2MTk2Ni0yLjEAAAAAAAAAAAAAACxSZWZlcmVu&#10;Y2UgVmlld2luZyBDb25kaXRpb24gaW4gSUVDNjE5NjYtMi4xAAAAAAAAAAAAAAAAAAAAAAAAAAAA&#10;AAAAAAB2aWV3AAAAAAATpP4AFF8uABDPFAAD7cwABBMLAANcngAAAAFYWVogAAAAAABMCVYAUAAA&#10;AFcf521lYXMAAAAAAAAAAQAAAAAAAAAAAAAAAAAAAAAAAAKPAAAAAnNpZyAAAAAAQ1JUIGN1cnYA&#10;AAAAAAAEAAAAAAUACgAPABQAGQAeACMAKAAtADIANwA7AEAARQBKAE8AVABZAF4AYwBoAG0AcgB3&#10;AHwAgQCGAIsAkACVAJoAnwCkAKkArgCyALcAvADBAMYAywDQANUA2wDgAOUA6wDwAPYA+wEBAQcB&#10;DQETARkBHwElASsBMgE4AT4BRQFMAVIBWQFgAWcBbgF1AXwBgwGLAZIBmgGhAakBsQG5AcEByQHR&#10;AdkB4QHpAfIB+gIDAgwCFAIdAiYCLwI4AkECSwJUAl0CZwJxAnoChAKOApgCogKsArYCwQLLAtUC&#10;4ALrAvUDAAMLAxYDIQMtAzgDQwNPA1oDZgNyA34DigOWA6IDrgO6A8cD0wPgA+wD+QQGBBMEIAQt&#10;BDsESARVBGMEcQR+BIwEmgSoBLYExATTBOEE8AT+BQ0FHAUrBToFSQVYBWcFdwWGBZYFpgW1BcUF&#10;1QXlBfYGBgYWBicGNwZIBlkGagZ7BowGnQavBsAG0QbjBvUHBwcZBysHPQdPB2EHdAeGB5kHrAe/&#10;B9IH5Qf4CAsIHwgyCEYIWghuCIIIlgiqCL4I0gjnCPsJEAklCToJTwlkCXkJjwmkCboJzwnlCfsK&#10;EQonCj0KVApqCoEKmAquCsUK3ArzCwsLIgs5C1ELaQuAC5gLsAvIC+EL+QwSDCoMQwxcDHUMjgyn&#10;DMAM2QzzDQ0NJg1ADVoNdA2ODakNww3eDfgOEw4uDkkOZA5/DpsOtg7SDu4PCQ8lD0EPXg96D5YP&#10;sw/PD+wQCRAmEEMQYRB+EJsQuRDXEPURExExEU8RbRGMEaoRyRHoEgcSJhJFEmQShBKjEsMS4xMD&#10;EyMTQxNjE4MTpBPFE+UUBhQnFEkUahSLFK0UzhTwFRIVNBVWFXgVmxW9FeAWAxYmFkkWbBaPFrIW&#10;1hb6Fx0XQRdlF4kXrhfSF/cYGxhAGGUYihivGNUY+hkgGUUZaxmRGbcZ3RoEGioaURp3Gp4axRrs&#10;GxQbOxtjG4obshvaHAIcKhxSHHscoxzMHPUdHh1HHXAdmR3DHeweFh5AHmoelB6+HukfEx8+H2kf&#10;lB+/H+ogFSBBIGwgmCDEIPAhHCFIIXUhoSHOIfsiJyJVIoIiryLdIwojOCNmI5QjwiPwJB8kTSR8&#10;JKsk2iUJJTglaCWXJccl9yYnJlcmhya3JugnGCdJJ3onqyfcKA0oPyhxKKIo1CkGKTgpaymdKdAq&#10;Aio1KmgqmyrPKwIrNitpK50r0SwFLDksbiyiLNctDC1BLXYtqy3hLhYuTC6CLrcu7i8kL1ovkS/H&#10;L/4wNTBsMKQw2zESMUoxgjG6MfIyKjJjMpsy1DMNM0YzfzO4M/E0KzRlNJ402DUTNU01hzXCNf02&#10;NzZyNq426TckN2A3nDfXOBQ4UDiMOMg5BTlCOX85vDn5OjY6dDqyOu87LTtrO6o76DwnPGU8pDzj&#10;PSI9YT2hPeA+ID5gPqA+4D8hP2E/oj/iQCNAZECmQOdBKUFqQaxB7kIwQnJCtUL3QzpDfUPARANE&#10;R0SKRM5FEkVVRZpF3kYiRmdGq0bwRzVHe0fASAVIS0iRSNdJHUljSalJ8Eo3Sn1KxEsMS1NLmkvi&#10;TCpMcky6TQJNSk2TTdxOJU5uTrdPAE9JT5NP3VAnUHFQu1EGUVBRm1HmUjFSfFLHUxNTX1OqU/ZU&#10;QlSPVNtVKFV1VcJWD1ZcVqlW91dEV5JX4FgvWH1Yy1kaWWlZuFoHWlZaplr1W0VblVvlXDVchlzW&#10;XSddeF3JXhpebF69Xw9fYV+zYAVgV2CqYPxhT2GiYfViSWKcYvBjQ2OXY+tkQGSUZOllPWWSZedm&#10;PWaSZuhnPWeTZ+loP2iWaOxpQ2maafFqSGqfavdrT2una/9sV2yvbQhtYG25bhJua27Ebx5veG/R&#10;cCtwhnDgcTpxlXHwcktypnMBc11zuHQUdHB0zHUodYV14XY+dpt2+HdWd7N4EXhueMx5KnmJeed6&#10;RnqlewR7Y3vCfCF8gXzhfUF9oX4BfmJ+wn8jf4R/5YBHgKiBCoFrgc2CMIKSgvSDV4O6hB2EgITj&#10;hUeFq4YOhnKG14c7h5+IBIhpiM6JM4mZif6KZIrKizCLlov8jGOMyo0xjZiN/45mjs6PNo+ekAaQ&#10;bpDWkT+RqJIRknqS45NNk7aUIJSKlPSVX5XJljSWn5cKl3WX4JhMmLiZJJmQmfyaaJrVm0Kbr5wc&#10;nImc951kndKeQJ6unx2fi5/6oGmg2KFHobaiJqKWowajdqPmpFakx6U4pammGqaLpv2nbqfgqFKo&#10;xKk3qamqHKqPqwKrdavprFys0K1ErbiuLa6hrxavi7AAsHWw6rFgsdayS7LCszizrrQltJy1E7WK&#10;tgG2ebbwt2i34LhZuNG5SrnCuju6tbsuu6e8IbybvRW9j74KvoS+/796v/XAcMDswWfB48JfwtvD&#10;WMPUxFHEzsVLxcjGRsbDx0HHv8g9yLzJOsm5yjjKt8s2y7bMNcy1zTXNtc42zrbPN8+40DnQutE8&#10;0b7SP9LB00TTxtRJ1MvVTtXR1lXW2Ndc1+DYZNjo2WzZ8dp22vvbgNwF3IrdEN2W3hzeot8p36/g&#10;NuC94UThzOJT4tvjY+Pr5HPk/OWE5g3mlucf56noMui86Ubp0Opb6uXrcOv77IbtEe2c7ijutO9A&#10;78zwWPDl8XLx//KM8xnzp/Q09ML1UPXe9m32+/eK+Bn4qPk4+cf6V/rn+3f8B/yY/Sn9uv5L/tz/&#10;bf///+4AE0Fkb2JlAGSAAAAAAQUAAklE/9sAhAABAQEBAQEBAQEBAQEBAQECAQEBAQICAgICAgIC&#10;AgICAgICAgICAgICAgICAwMDAwMDAwMDAwMDAwMDAwMDAwMDAQEBAQIBAgMCAgMDAwMDAwMDAwMD&#10;AwMDAwMDAwMDAwQEBAQDAwMEBAQEBAMEBAQEBAQEBAQEBAQEBAQEBAQEBAT/wAARCAzkCfYDAREA&#10;AhEBAxEB/8QBogAAAAYCAwEAAAAAAAAAAAAABwgGBQQJAwoCAQALAQAABgMBAQEAAAAAAAAAAAAG&#10;BQQDBwIIAQkACgsQAAIBAwQBAwMCAwMDAgYJdQECAwQRBRIGIQcTIgAIMRRBMiMVCVFCFmEkMxdS&#10;cYEYYpElQ6Gx8CY0cgoZwdE1J+FTNoLxkqJEVHNFRjdHYyhVVlcassLS4vJkg3SThGWjs8PT4yk4&#10;ZvN1Kjk6SElKWFlaZ2hpanZ3eHl6hYaHiImKlJWWl5iZmqSlpqeoqaq0tba3uLm6xMXGx8jJytTV&#10;1tfY2drk5ebn6Onq9PX29/j5+hEAAgEDAgQEAwUEBAQGBgVtAQIDEQQhEgUxBgAiE0FRBzJhFHEI&#10;QoEjkRVSoWIWMwmxJMHRQ3LwF+GCNCWSUxhjRPGisiY1GVQ2RWQnCnODk0Z0wtLi8lVldVY3hIWj&#10;s8PT4/MpGpSktMTU5PSVpbXF1eX1KEdXZjh2hpamtsbW5vZnd4eXp7fH1+f3SFhoeIiYqLjI2Oj4&#10;OUlZaXmJmam5ydnp+So6SlpqeoqaqrrK2ur6/9oADAMBAAIRAxEAPwDf4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T/8A8Ouf9+F/9en/APNz3KH+tv8A8vH/AFR/669Qf/ry/wDLn/2cf9cOvf8A&#10;Drn/AH4X/wBen/8ANz37/W3/AOXj/qj/ANdevf68v/Ln/wBnH/XDr3/Drn/fhf8A16f/AM3Pej7b&#10;0/4k/wDVH/rr17/Xl/5c/wDs4/64de/4dc/78L/69P8A+bnun+t1/wAvH/VL/rr17/Xl/wCXP/s4&#10;/wCuHWJv5sSrwOhNX+tunj/3nPdx7b1/4kf9Uf8Arr1Q+9FP+If/AGcf9cOuH/Dsf/fgv/Xq/wDz&#10;c9+PtxT/AIk/9Uf+uvW195y/Cy/7OP8Arh17/h2P/vwX/r1f/m57p/rdf8vH/VL/AK69Pf68X/Lp&#10;/wBnH/XDr3/Dsf8A34L/ANer/wDNz37/AFuv+Xj/AKpf9deqH3lp/wAQ/wDs4/64ddH+bKB9eg/9&#10;h/er/wDNz37/AFuv+Xj/AKpf9devD3kr/wAQ/wDs4/64dcP+HZ/+/A/+vV/+bfv3+t1/y8f9Uv8A&#10;rr1f/Xi/5dP+zj/rj17/AIdn/wC/A/8Ar1f/AJt+7j23/wCXj/ql/wBdeqH3l/5c/wDs4/64ddH+&#10;bQB9egf9h/er/wDNv34+3FP+JP8A1R/669eHvJX/AIh/9nH/AFw64f8ADtX/AH4D/wBev/8ANv3T&#10;/W6/5eP+qX/XXq/+vF/y6f8AZx/1x69/w7V/34D/ANev/wDNv37/AFuv+Xj/AKpf9deqH3l/5c/+&#10;zj/rh1xP82wD/mgHP9P71/8A5t+7D24r/wASP+qX/XXrY95K/wDEP/s4/wCuHXH/AIdu/wDAfv8A&#10;16//AM2/dv8AW3p/xJ/6o/8AXXq3+vFT/iJ/2cf9cOvf8O3f+A/f+vX/APm37ofbr/l4/wCqP/XX&#10;ps+8v/Ln/wBnH/XDrif5uAH/AHL/AHP9P71//m171/rdf8vH/VL/AK69WHvHX/iH/wBnH/XDrif5&#10;uQH1+P3/AK9f/wCbXv3+t1/y8f8AVL/rr1b/AF4v+XT/ALOP+uPWP/h3X+nx8/8AXs//ADa9+/1u&#10;v+Xj/ql/1169/rxf8un/AGcf9cevf8O6/wDgPn/r2f8A5te/f63X/Lx/1S/669e/14v+XT/s4/64&#10;9dH+bsB9fj5/69n/AObXv3+t1/y8f9Uv+uvXv9eL/l0/7OP+uPXD/h3n/wAB7/8AXs//ADa9+/1u&#10;v+Xj/ql/1169/rxf8un/AGcf9cevf8O8/wDgPf8A69n/AObPv3+t1/y8f9Uv+uvXv9eL/l0/7OP+&#10;uPXv+Hef/Ae//Xs//Nn37/W6/wCXj/ql/wBdetH3jp/xE/7OP+uPXv8Ah3n/AMB7/wDXs/8AzZ9+&#10;/wBbr/l4/wCqX/XXqn+vL/y5/wDZx/1w64H+b4B9Pj1f/wAmz/8ANn37/W6/5eP+qX/XXq494q/8&#10;Q/8As4/64ddf8O+/+A8/+vb/APmz79/rdf8ALx/1S/669ePvHT/iJ/2cf9cOvf8ADvv/AID1/wCv&#10;b/8Amz79/rdf8vH/AFS/669U/wBeX/lz/wCzj/rh1wP84AD6fHm//k2//mz79/rdf8vH/VL/AK69&#10;XHvFX/iH/wBnH/XDrif5wQH1+PH+w/vb/wDmz79/rdf8vH/VL/rr1v8A14v+XT/s4/649cP+HhP/&#10;AAHf/wBe7/8ANj37/W6/5eP+qX/XXr3+vF/y5/8AZx/1w69/w8J/4Dv/AOvd/wDmx79/rdf8vH/V&#10;L/rr1ce7/wDy6f8AZx/1x64n+cMB/wBy78/0/vd/+bHv3+t1/wAvH/VL/rr1o+8FP+In/Vf/AK49&#10;Yz/OJsbf7Lpf/wAm7/8ANj37/W6/5eP+qX/XXqv+vF/y5/8AZx/1w65D+cQfz8dbf+Td/wDmx79/&#10;rdf8vH/VL/rr1ce73/Lp/wBnH/XHrg/84tU/7l2uf6Dd3/5se/f63X/Lx/1S/wCuvWj7wU/4if8A&#10;Vf8A649Yv+Hj/wDwHP8A9e//APNf37/W6/5eP+qX/XXqv+vDX/iH/wBnH/XHr3/Dx/8A4Dn/AOvf&#10;/wDmv79/rdf8vH/VL/rr1ce73/Lp/wBnH/XHr3/Dx/8A4Dn/AOvf/wDmv79/rdf8vH/VL/rr1v8A&#10;13v+XT/qv/1x69/w8f8A+A5/+vf/APmv78fbun/Ej/ql/wBdevf673/Lp/1X/wCuPXv+Hj//AAHP&#10;/wBe/wD/ADX9t/633/Lx/wBUv+unXv8AXe/5dP8Aqv8A9ceuJ/nIgf8Acudz/wCHf/8Amv7sPbuv&#10;/Ej/AKpf9dOvf673/Lp/1X/649cD/OUsL/7Ll/sP73//AJr+9n27p/xI/wCqX/XXr3+u9/y6f9V/&#10;+uPXD/h5b/wHD/18P/zX90/1vv8Al4/6pf8AXTr3+u9/y6f9V/8Arj1wP85kD6fHC/8A5OH/AOa3&#10;u49u6/8AEj/ql/1069/rvf8ALp/1X/649cT/ADmwPr8cP/Xw/wDzW9+Pt3T/AIkf9Uv+uvXv9d7/&#10;AJdP+q//AFx64f8ADzv/AIDd/wCvh/8Amt7p/rff8vH/AFS/66de/wBd7/l0/wCq/wD1x69/w87/&#10;AOA3f+vh/wDmt79/rff8vH/VL/rp17/Xe/5dP+q//XHro/znwPr8bv8A18P/AM1vfv8AW+/5eP8A&#10;ql/1069/rvf8un/Vf/rj1w/4eh/8Bt/9fH/81ffv9b7/AJeP+qX/AF069/rvf8un/Vf/AK49e/4e&#10;h/8AAbf/AF8f/wA1ffv9b7/l4/6pf9dOvf673/Lp/wBV/wDrj10f50QH1+Nv+w/vj/8Amt79/rff&#10;8vH/AFS/66dbHu7X/iJ/1X/649YT/OosSP8AZavof+ey/wDzV9+/1vv+Xj/ql/106v8A67f/AC6f&#10;9V/+uPXX/D1H/gNX/r5f/mr79/rff8vH/VL/AK6de/12/wDl0/6r/wDXHrif51QH/ctXP9P75f8A&#10;5q+/f633/Lx/1S/66de/12/+XT/qv/1x64/8PWf+A0/+vl/+anvTe3+n/R/+qX/XTr3+u3/y6f8A&#10;Vf8A649e/wCHrP8AwGn/ANfL/wDNT3T+oP8Aw/8A6pf9dOvf67f/AC6f9V/+uPXE/wA64D/uWnn+&#10;n98v/wA1Pfv6g/8AD/8Aql/1069/rt/8un/Vf/rj1xP87AD6/Gj/ANfP/wDNT37+oP8Aw/8A6pf9&#10;dOvf67f/AC6f9V/+uPXA/wA7Mfj4z3/8nP8A/NT37+oP/D/+qX/XTr3+u3/y6f8AVf8A649e/wCH&#10;sxb/ALJn5/p/fP8A/NT3ce39f9H/AOqX/XTqy+7Nf+In/Vf/AK49dH+doB9fjP8A+vn/APmp703I&#10;Gn/R/wDql/1062fdin/EX/qv/wBcesf/AA9t/wCAy/8Ar5//AJp+6/1B/wCH/wDVL/rp1T/Xb/5d&#10;P+q//XHr3/D2/wD4DL/6+f8A+afv39Qf+H/9Uv8Arp1Ye7Ff+In/AFX/AOuPXR/ncAfX4zf+vn/+&#10;afv39Qf+H/8AVL/rp1b/AF1/+XX/AKr/APXHrB/w99/4DH/6+n/5p+/f1B/4f/1S/wCunXv9df8A&#10;5df+q/8A1x69/wAPff8AgMX/AK+n/wCafv39Qf8Ah/8A1S/66de/11/+XX/qv/1x69/w99/4DF/6&#10;+n/5p+/f1B/4f/1S/wCunXv9df8A5df+q/8A1x69/wAPff8AgMX/AK+n/wCafv39Qf8Ah/8A1S/6&#10;6de/11/+XX/qv/1x64H+eCB9PjFf/wAnT/8ANL3Q8iU/0f8A6pf9dOrj3Ur/AMRf+q//AFx66/4f&#10;B/8AAYf/AF9f/wA0vfhyJX/R/wDql/1068fdWn/EX/qv/wBcevf8Phf+Aw/+vr/+aXu/9Qv+H/8A&#10;VL/rp1T/AF1/+XX/AKr/APXHrgf54oH0+MN//J1//NL3Q8i0/wBH/wCqX/XTq491K/8AEX/qv/1x&#10;64n+eOB9fjB/sP76/wD5pe9f1F/4f/1S/wCunW/9dP8A5df+q/8A1x64f8Pk/wDgL/8A6+3/AOaX&#10;v39Rf+H/APVL/rp17/XT/wCXX/qv/wBceha2P/OI2pviH7OHqGDBboddNLg89ufxQTyHhUhrk29I&#10;r3JAsYhKT+mJgL+6nkan+jf9U/8Arp04vugG/wCI2f8Amt/1y6SW8v5yG6dhVv2W5fiTUURdiKWr&#10;Xeuunnt+YZ12iY345K3Dr/aUHj3scjV/0f8A6pf9dOqt7oFONr/1X/649Ir/AIfQ/wDAXP8A19v/&#10;AM0fe/6i/wDD/wDql/106r/rp/8ALr/1X/649e/4fQ/8Bc/9fb/80ffv6i/8P/6pf9dOvf66f/Lr&#10;/wBV/wDrj1npP559E1VAmQ+MlTTUbSAVNRR7xWeVE/LJC+16dJGH+pMiX/r79/UX/h//AFT/AOun&#10;Wx7p/wDLr/1W/wCuXQw5T+bbVVOAXdPXfx6puxcLFEGysWO3gabIUbm5Kz49trTy2sP7LMxsWCeM&#10;azX+o/rP/wBUv+unTx9zaiq21f8Am9/1y6BBv56xVip+LJBU2IO97G4/w/uh7t/UX/h//VL/AK6d&#10;U/10P+Xb/qt/1y66/wCH1/8AwFr/ANff/wDND37+ov8Aw/8A6pf9dOqn3Sp/xG/6rf8AXLqRRfz1&#10;aOSsp4sh8YamkoXkAqqqk3ks8kaflkhfa1OshH+pMiX/AK+/f1F/4f8A9U/+unW190dX/Eb/AKrf&#10;9cujFVX81CXLbTi3Z1n0XQ9hwC5q8ZDu77KqjAAJQRPtqoJnXnVE/je1ink1AGh5Ipxn/wCqf/XT&#10;p7/XLqKi2r/ze/65dFvqv56c1FNNTVXxTmp6mnkMM9NPvVkdHU2ZXVtnhlZTwQRcHg+7f1H8vH/6&#10;pf8AXTpr/XP/AOXb/qt/1y6i/wDD73/gK/8A6/H/AOZ/vf8AUX/h/wD1S/66de/10P8Al2/6rf8A&#10;XLqfiv57WLqMlS0+a+M1VisbLIEqsjR7wFXJED9HFOdrU3kUH9QEgYC5UMbKdHkX/h//AFT/AOun&#10;Wx7of8u3/Vb/AK5dDjvD+bFksVtql3nsb470nZG15acz1dbiN4mGeAD9TNTDatQzIg4kswkiYESR&#10;qFJ91HJHrNT/AJt/9dOrn3L9Lav/ADe/65dF6P8APjA+vxW/9fn/APM/3f8AqL/w/wD6pf8AXTqv&#10;+udiv03/AFW/65dcP+H5v/AVf/X5/wDzP9+/qL/w/wD6pf8AXTqv+uh/y7f9Vv8Arl0K3V/86fbP&#10;Yde+DyHRy7Sz8zacPSV26hNT1ZI9MaVX93IPHOW4EbR+oW8bOx0BtuSdP+jV/wCbf/XTp1fcvV/x&#10;Gp/ze/65dJjfH86zcnXeblwW5/iM1JVKPJS1Cb51QVMV7Canl/ucBJGfz9GU+l1VgQPDkmv+jf8A&#10;VP8A66dePuWR/wARv+q3/XLpGf8AD9P/AICn/wCvz/8Amd79/Un/AId/1T/66da/1zP+Xb/qt/1y&#10;6eMB/Pfw1dl6Kkz/AMaqjA4mol8VXl6bd/3rQAg2kNMNq07SIGtq0vqC3Kq5AU+/qT/w7/qn/wBd&#10;Oqj3PFafTf8AVb/rl0Jfan84XMdbQ47N0nxjg3bsrMwxyYrd2M3sEhdpE1COWNdpz+FmFzGdbJIv&#10;KtqDonv6k/8ADv8Aqn/106cb3K0/8Rv+q3/XLoFP+H8f/AUf/X6//M737+pP/Dv+qf8A106r/rmf&#10;8u3/AFW/65dOOJ/n1YypyVFT5j4wVGKxc1QsdbkqXeX3UkCHgyCn/upT+XT9SokU2vpubKff1J/4&#10;d/1T/wCunWx7mV/4jf8AVb/rl0LHaX84nJdeUmI3DjPjRT7y2PnqeOXGbuxm9fHEXddXimiG05/C&#10;zWJQl2DgEXDq6L7+pP8Aw7/qn/106v8A65H/AC7/APVb/rl0C3/D+NuT8Uf/AF+v/wAzvfv6k/8A&#10;Dv8Aqn/1069/rk0/4j/9Vv8Arl1Mxf8APtx1TkqGnyvxfmxmMnqkirslT70+5eCJmAeVaf8AulCZ&#10;vGOdIdSQLA3sPfv6k/8ADv8Aqn/106p/rmD/AJRv+q3/AFy6Ue+/53+Q2JmEx9V8VoMljchSJldu&#10;5+h33emyNDLcwVUJ/ucbBwLOhOqNwVN7Amo5Kr/o3/VP/ofq/wDrk/8ALt/1W/65dIj/AIf4/wDA&#10;Tv8A1+//AMzfdv6k/wDDv+qf/XTr3+uR/wAu/wD1W/65dCHtL+d2N6YPcc+F+Mnk3bgIP4pFs996&#10;euuoEUmpmoqgbTJlqaX9T03iDNFd43YqyCp5Lp/o3/VP/rp17/XI/wCXf/qt/wBcug6P8/oD/uU6&#10;5/8AD7//ADN9+HJVf9G/6p/9D9e/1yP+Xf8A6rf9culfsH+e1hd2bqxW3c78cRtOky832cObk3kK&#10;qKOd+IEmT+6tN44pZCEMmohCQzDRqZdnkmn+jf8AVP8A66de/wBcj/l2/wCq3/XLqHvL+efmdi7k&#10;y+1s/wDERqfJ4eqanlH9+zpkX9UU8ROzAWhnjKujflWH0Nx7qeTKf6N/1T/6H63/AK5H/Lv/ANVv&#10;+uXTPiP5/GOqsrjqXL/FyXEYuprY6evysO9fuWponYK84p/7owmbxg6iodSQDY3sDr+pn/Dv+qf/&#10;AEP1s+49P+I//Vb/AK5dLDtH+d7ker92VO2634qxZSkemjyeCztNvrRDX0M4Jgqoh/c6RQGsVYB3&#10;CurKHcAMdnkun+jf9U/+h+q/65P/AC7f9Vv+uXSIxf8AP8oanJY+mynxYkxmNqK2KHIZKHe/3DU8&#10;LOqyzLANoRGYxISwTWpa2nUL396/qZ/w7/qn/wBD9e/1yP8Al3/6rf8AXLoQtx/zvqXa268/s7Mf&#10;HGmocjQzJJt3J1e9WGNyVJMnlpqg1kW0ZmpPuoXjaO8ckCszLNURCMsff1M/4d/1T/6H63/rkf8A&#10;Lv8A9Vv+uXWLa387bK57dj7LynxPl29nqzB1WR21FPvcTxZGpigaopqaKdNpJF4a5Y2WKpjaZGfS&#10;FV9dx7+plf8ARv8Aqn/0P17/AFx/+Xf/AKrf9cugwf8A4UCtGWDfEcqynSytvyxBBsQR/cvgj37+&#10;pn/Dv+qf/Q/Xh7j1NPp/+q3/AFy6XNb/AD2KSh2rsreL/GCeow+566uxOXWj3mGmxtXQSRl4ND7U&#10;jjqTLSVEM8ZLw3DshA0Fj7+pn/Dv+qf/AEP1b/XF/wCXf/qr/wBculViv51M24afcWT218aqPcOF&#10;w+16zcNLXY3e7GbyUcS1LUORo5NoR1GLmemWUpKRNTyzR+Gnlm1F19/Uz/h3/VP/AKH69/rjU/4j&#10;/wDVX/rl0GG2P5/FNntybfwdZ8VxiKTM5ulxVTlTvrzCmSonSFpzF/c+LyCEPrK61uBbUPr79/Uz&#10;/h3/AFT/AOh+t/64v/Lv/wBVf+uXXJf5+LQ7oG2sn8TvsGiz38DyFUN9h/CVqPt5ZNDbOiDeMgnS&#10;XS9rFl+o9/Uz/h3/AFT/AOh+vf64v/Lv/wBVf+uXSw23/PRxOV35ldhZ342z7craPI1mJoskd3/d&#10;U7z0bTBxVePa0c1NGwhPqjSpIJAK2u3uo5OqaeN/1T/6H69/rielv/1V/wCuXUHcX88bcG1cFU57&#10;MfEOIUP8VosfhsjjuwI6rH5GKshyMpqKPIQbOaCUQGgCugu6mW0oidNDePJ1P9G/6p/9D9e/1xf+&#10;Xf8A6q/9cukluP8An+/3fzVfhv8AZTTVvj5RBLOd9mK8mhTIoQ7MYgI5Kgk8gXsL2GjyfT/Rv+qf&#10;/Q/Xv9cX/l3/AOqv/XLpk/6CFf8AwET/ANf/AP8AzK96/qh/w7/qn/0P1Ye4df8AiP8A9Vf+uXSo&#10;2p/woC2xl8iaLdHxsqdpU80eijyq7vavp1lP0+8EW04aiCn/AKyQxVLj/jifexyh/wAO/wCqf/Q/&#10;Wz7hU/4j/wDVX/rn1N3j/PU3Nsn7Sqyfw7p67BZTUcJuvB9iLV4uuVSbmlrYtlGNnA5aJ9E8fAli&#10;Q8e/Hk+n+i/9U/8Aofrw9w6/8R/+qv8A1z6Qrf8AChqwv/soX/r/AP8A+ZXvX9UP+Hf9U/8Aofrf&#10;+uD/AMu//VX/AK59cP8AoIc/8BC/9f8A/wDzJ9+/qh/w7/qn/wBD9e/1wf8Al3/6q/8AXPp525/w&#10;oV29XZelpdz/ABayO38NM2ioy+M3kuRkhJsAxpW2rQ64x9WKyFwB6Uc+n37+qH/Dv+qf/Q/Wj7he&#10;lv8A9Vf+uXRid6fziododNSdww9DYfc+OqctFRYKm27vSWSmq6eafwrO1ZLtCKWlljKyLLBJTao5&#10;ozCX1G4seTqCvjf9U/8AofptfcbU2n6fyz+r/wBc+irD/hRET9Ph9/7ED/8AMn3X+qH/AA7/AKp/&#10;9D9O/wCuD/y7/wDVX/rn1z/6CIP/AAED/wBiB/8AmT79/VD/AId/1T/6H69/rg/8u/8A1V/659Kb&#10;Z3/Cg/amazKY3dvxqqdnUE6GODNxbwbIwxzEgIKqOPadPNDTn+1LEs7r/wAcWFyPf1Q/4d/1T/6H&#10;60fcIjhb/wDVX/rl0P8Anf5v2b2z01vLtvM/GnFPHtvM09HhaDBb9ir6HMUNTU42miyVJlYtqLoh&#10;aSukHjamMganZHCMx0W/qdivjf8AVP8A6H6a/wBcerBfp/8Aqrw/6pdFS/6CJ/8AwD7/ANiD/wDm&#10;R7r/AFQ/4d/1T/6H6e/1wf8Al3/6q/8AXPqVj/8AhRNjpa+kiyvxIq6LGyVCpXVtBvpKmaKImzvF&#10;TvtClSZ1HIQzRhvprH19+/qh/wAO/wCqf/Q/Xv8AXB/5d/8Aqr/1z6OVTfzaKfM7D3t2TtPpTEbo&#10;2lt7akm5duVtBvBlkyMlLS1NRXY6sgbaxlxFbSmBFCuJw6zxsCpDol/6nefjf9U/+h+mf9cbIX6b&#10;Nc/q/wDXPPRI/wDoIu/8A7/9iD/+Y/un9UP+Hf8AVP8A6H6Vf1+/4R/1V/659Gq6A/nUbQ73p6qg&#10;p+l12tvaijkqJ9o126POZIFICVFJVDbsAqYrMBKBGskLfWNkKyNZeTq/6N/1T/6H6TT+4pgz9NUe&#10;vjf9cug56x/nuYveXZ3+i/eXxok67ysuRm2/SVk28hXRnKQzGEUMynatCYWmkVo43u95tEeka9Q0&#10;OT6/6N/1T/6H6df3B0iot6/83fL/AJx9JHsb+fnmust7bi2NuD4cgZLb2QakadOwCEniIElPUxg7&#10;Iv4qmndJUvyFYBrMCPfjyfT/AEb/AKp/9D9aHuFUV+n/AOqv/XPq+XpTsb/TD011J25/B/7u/wCl&#10;LrLA9jf3f+4+7+x/jmKpMn9n934KX7r7X7rx+XwxeTTr8Ud9ACNzD9PI8da6WZa8K6SRXz9OpAs7&#10;j6uGOWlNaK9K1pqUGlaCtK+nQm+2OlP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af8A7yg6wf697bL+nXuuDyKn&#10;1Nz/AEH++491ALdVLU6jPIz8fQf0HtwKF6bJLdY/dS/p08kPr+zr3tvp4kL176cn37pskt1jL/0/&#10;2/v3Vgnr1j92C16sWA68SB9fbgAXpskt1iL3+nHuhevDq4SnHrh7p14sB10SB9fewK9UqW6xlyfp&#10;wPbgSnHq4SnHrh78Xp14vTrokD6+2ya9Uy3WMuT9OB711cJTrCXA+nJ9+6v1jJJ+vv3Xuuvfuvdc&#10;C/8ATn/H37r3WMkn6+/de669+691737psv6dcSwH+v8A09+6qAW6xlif9b+nv3TgUL1x9+6qX9Ou&#10;JYD/AF/6e/dVClusTMfybD37pwKB1iL/ANP9v791brH791YLXrxIH19+6cAC9Yi9/px791QvXh1w&#10;9+68Fr10SB9ffur4XqM8rG4HpF/r+ffuqF69cAhP1490L068Er1zNlUj/D3StT04KL1h9vdb6970&#10;cde66JA+vtqhbr3WJnJ/wHtwKB17rEX/AAP9v70X9OvdYmb8m59t/EevdYWcn82Ht0KF691hL/0/&#10;2/upf0691j+vJ9t8evde9+691jL/ANP9v7917rH7917rxIH19+68BXrGX/A/2/v3TgT16ws4H+J9&#10;+6sWA6wnnn37rYz1xbhT791vrD7qXp17r3tvLde6xuSOBx/j78w09e6wsbC/vRWnXusRJP1PvwFe&#10;vdde3AtOvdcC9vpz78Xpw6sGoOsZJP19tk169Qt117104Fp1wL/gf7f37q3WFmt9Tc+/de6we/de&#10;697917romwv791sCvWIsT/rf090fp0AL1x96CevVS/p1xLAf4n+ntzqoUt1iZr/U2Htpqk06cAC9&#10;Yi/4H+392CevVC/p1j90bj1deHXRIH1916t1jLk/Tge/de6GbZveOdw1CNt7vo6ffmzpVEM2Izlp&#10;JoktpH29Q4dhoH6VfUq2AjMROr351FcdPpORg5HSlrupdodg0c+d6Wzay1Ucf3FfsDOyCOsgBNiI&#10;JJGIZQbD1uyf9NBNk911aePWzEriqfs6LnlMdksNXVGMy1DV4yvpX8dRR1qNHIh/xVgDY/UH6Ecg&#10;ke7dMEEcemw8An/D37rwz07be3Pn9qZOHMbdytXisjBws9M1gy3BKSIQY5Y2tyjqyn8g+9EV6eDe&#10;HkdDt/eLrnuP9neUNH15v+RdMO7sagXG18pP/LwhJ/akb/joWHPJmChYjXK9XMglwcHoJN79d7p6&#10;/rUpNwUOmnqOcfl6MmWjqltcNBOAATbnQwWQCxZACCbBtXTRiK8ekMWA+v8Atve+rAU6Uu0d77m2&#10;Nlo8ztnJz46qWyzxqdUM6A38VREfRLGT+GHB9SkMARR+HV1Yrw6NTHlurvkfTR0Odhpth9p+MR02&#10;Tp7CGtZQFCgsQKlTYWikYToLCGR1D3bBIOOnqiXjg9Fe7A633V1rlP4duSgKRSswx+VpbvS1Sr9W&#10;hlIXkAjUjBZFuNSgEEvBgemWQpx6DxmvyePe+q9CH1x2tuvrDKiu2/V+ShnkU5TCVRJpapR/qk/3&#10;XKB+mVLOv09SFkbRWvVlYr0YTN7C2B37jard3VMlLtzfkSGp3BsisZIkmc/qeMCyRvIx9MyAQSMR&#10;5VhkZ2Deorg9PFRJkY6J9lcXkcHX1WKzFDVY3I0Mphq6KsRo5I2H4ZWAPI5B+hBBBIIPvRJbqoUL&#10;02+VlYMhKspurDggj6Ef092CevVS/p0azY/cO3d8YGHrPvGP7/GHTDgN7sQKqik4VDPMQzLYWHn5&#10;9I01CyIzOtHWhqPzHSgMPPoJ+1Oos/1fkENUy5bbWQbVg9zUa/sTqwLIj2LLFUaBfRqIYXaNnUEi&#10;oNemJEIPQQl/6cf4+99eCevQ5dSdzybJWfaW66NNz9a5xzDmsDWKJjAHtqnpVc6QQQGaPhXI1KUk&#10;s/vRFenVNMeXWTtzpuDa9DSb92HXf3l6xzxE9BkoLu9AZGIWnqv7WkN6FkYKwcGKZVlA8m+vMtOi&#10;/e/daHHofene5I9lx1ezN6Uf94+sNxk02Zw1QDIaUyH1VNMt7ixAZ0UgkgSRlZVBPuni2nps7l6i&#10;fYNXSbh25VHcHW25QKra+44GEqqJF1ilqHUBVmQA6GIAlRSwAdZEj0DXqjLU9Ab731sJToYdi7rw&#10;uZw56t3/AFIh2zW1TVO19yyAtJgMjLx515BfHVJstTCSFF/Mul1ZjUjzHV+g23XtfM7Kz1ftzcFL&#10;9pksfIFdVOqORGGqOaFxxJBMhDI44KkfQ3AsDXr3TdhM7lduZjHZ3CVkuPymKq0raGrhPqR0Nx/g&#10;ykcMpuGUlWBBI96Kg8evdC12JhMVu3Bx9vbOo4KKirqpaPsHbVHe2Iy0lz5o05KY3Jm7wHlY5NcO&#10;oEBFpq09e6A0sB9f9t7oTXr3RqXb/ZgOsHls8/b/AFRitUpvqmzeAjJu1j65ayhZufqz3/tyVACb&#10;4jrfHopTMDwP6/X3XrZWnRptsEd3dQ1mxJSajsfqailzux2N2mr8NdRV4xTyzyU3pMK8kjwxxgKJ&#10;GHutV6KgWJ/1v6e/da6MFkW/0mdMUWWB828OmfHhMpfmSp23VSH7Gbkln/hdWzQkKtkhkVmPv3W6&#10;V6DLafYee2fUY807Q5LH4zJx5ijxGTDPFDVRukiVNI6ss1DUh41Jlp3jZwoSXyRFo291ZQT0K/bX&#10;X9HuLN0W9+v56aek7JxS71odnXCVUc08jJkKTHkBYci9JXpIjQRaalLgLTNEvlOz1ZcdJTYgmz+w&#10;e0eu6gOK6gok7J29TTBgyVmGLRZOJU+okmxNRMzAi5NMg+oAOurU6RfVm7pdjdh7Q3Qs0kNPjM5A&#10;2T8bFNdFI4jrYiQR6ZKZ3U3uOeQfp78OvEVHS73pSbUXeu5ds7iji2Luvbu4qnFw7qwlOTi6t4Kl&#10;1jnr8bAuuhMiBX81AhjAtagLMXHiade6be/MHlsR2RmNwS0xix285ot54bM0F3o6r+JU8GQmejql&#10;/bmWKepYalN/o3AZSW2Yjrw6fpyaj5Q0s8QVZNydkUmWp1X0qXzM0NXEB63sHasAuWIsbkgfT34u&#10;rGi9J/rrd2VwfX268bRQ4/Kpmew9tY+TA56mWsoaiGai3Ms8bwPzG7yrTkSQtHOpjRo5UZFI0DTr&#10;QFT1P3lt7ZnYm8N1VOycuNu7pqdy10j7P3dPFHT1rmokOvF5ZzHTpJM3IpKwxFbhIqmoYhffmyer&#10;hacegJzGJyu38jVYfN42uxOVoZPDWY7JRPDNE31s8ciqwuORxyORx7pSnVi9Omkkn6+/dX6W20Ow&#10;9z7K+7p8VVU9XhcmNGa2vmolq8ZXJ/qamilvGzAcLKuiaP6xyIefewadaIr0tW25172UPJsWsh2F&#10;vGUln2FueqH8Mq3/AAmGzNQUEDuf0UtewNzpSslayn3HqtSvHoH89gsztjJVmE3Fi6/C5ehcxVeO&#10;yUTwzIfxdHAOlhyrD0sLFSQQfeuHV616TpYnj6f4D37r3VmXce+Nx9GdF/HTZ+2qylpq7I4RsruP&#10;F1kENTT1MZoomq6OtpZ0eOeknqMrICrrZmjDraSMFXCdIHSdUDsT+X+r9nRWv4D1n28Q+zZcb1X2&#10;HPy+yMzOy4HJym5IxGTnYnG1EhFkpKtvCzMqRVCgaTXB6dqV45Hr5/6vs/Z0Bu5Nu7g2lmKzAbnw&#10;+QwOZoH0VeNyUbRSrflWswGpHHKut0dSGUkEH3XqwNeHSbP1P+v791vqxXrbc9Psr4S57LZbCYbd&#10;eKr+yzQ1e2c4ZPBV00stAksIeMpJTzoYmmhljOqGVEmAYqVLwNF/PpOy6pP9r/l6LJmeqsHvPE1u&#10;8Oj66uz9BQU/3u5OucppO4MOt/XJGkYC5jGxm1qmnXyRqQJ4lIZ/bdK8OndVMH8vQ9F4ZiCRYgg2&#10;N/8AinuvT4T16Px/L6zUo7H3vtCplE2K3JsCeokxdWDLSz1FNVUsaeaAgo4+2qZwSxAKFkN9QHty&#10;M8fs6Zuh2gjyPQa7w6h2r2PhMr2P0DBVKMRGajfvT1XJ5sphHBIlnx5F3yOL1A6WW8iAXt+qKGtN&#10;WR+zpwSFDR/yPkf9noBetN5VfXnYG0N60jSrLtrcFPkp44mKtLAsgFVTkjnTUUzSROPyrkfn3oGn&#10;XpP1AV9cdWOfKfpDbvYO8K7OdXvHQdtJt2n30226Vgg3LjG1r/EsUy2H8VpZYGEsS+uZBFLYSSKZ&#10;buOkNvIUWjcK0r/CfQ/L0PlwPSY3ftKX5afH/D9l4qBpe7urKWTbO8ceqhZ8nFRgySRvHYSGpkjY&#10;VUFgAZnqqZUZipj98Y6er4bU8jkf6v8AV5dbhHwo/wCyNfiTcEH/AGWTYVwf/DVxXuINy/3Il/5q&#10;P/x49ZCbPizg/wCaMX/HF6M37RdGX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afxIUXJsPeTRJbrB4mnUd5ieFu&#10;B/X8/wDGvdwlOPTZevDrB78Wp1ZIi2T1722TXpQAI+ve9dVL164FwPpz7914JXrGST9fewK9XwvX&#10;XtwJTqhevXAuB9OT78Xpw68Erx6xkk/X22TXq9QvXXvXTZYnrgX/AAP9v7cCevWwnr1jJJ+vuxIX&#10;q5IXrr22WJ6bLFusZf8Ap/t/derBPXrEzAfU3Pv3TnDrEWJ/1v6e/de64+/de64lgP8AX/p7917r&#10;EWJ+v+29+69117917r3v3VS1OvEgfX37pskt1iL3+nHv3VwlOPXD37rxanXRIH1Pv3VMt1jLk/Tj&#10;37q4SnWEuB9Offur9YySfqffutgV669+6cCAdcC4H05Pv3Xi9OHWMkn6+/dUoW669+6cCgdcC/4H&#10;+39+6qX9OsZJP196LU6qAW64WAuf95PtotXpwKF64l/6f7f3Xqpf06x+9jj1QcevfTk+3+n+sZf+&#10;n+39+691iZrcm596+XXusJYn6/7b2yWr17rr3rr3WORgFP5PvYNOvdRCSfr78TXr3XXvXXuuBcD6&#10;cn37r3WMkn6+/de669+691wLgfTn37r3WJm/JPv3Timg6xFyf8B791UvXrh791XrosB9f9t70Wp0&#10;+OHWIsT/AID+ntotXrfXH3Xr3XRYD6/7b3dOvdYWa/14A9u9e6wswPA/2/vRFevdYiwH+v8A096L&#10;BevdYyxP+t/T22Wr17j1x916cCevXEsB/if6e7Ba9OdYma/1Nh7cAC9e6wl/6cf4+2jnr3XD3rr3&#10;Xvfuvde9+691jZhaw59+62DTrESB9ffut5brGXJ+nA9+6uEp1hLgfTk+/deL04dYySfqfeiQOqZb&#10;rr22Xr1cJTrgXt9OfdOr9YWa3JNz7917rEzE/wCA9+691hL/ANP9v7917qRQ5CvxdZBkMbW1WPr6&#10;WQS01ZRSNFLGw+jI6FWU/wCsffutg04dGHxvcG2980MG3e68MuRWNBBQb4xKLHX0vJ5lEa3dLm50&#10;AqbeqCVjqFNOnh0+JQ+G/b0md69J5jDY7+9Gzq6DfWy54/PHl8PZ5oUtcipp0LMPGOGdbhbHyLEf&#10;T72G9eqtERlc9AV7t02FLde+nJ9+6cC06FnZHcOY2xRvtvOUdPvLY9UngrNsZr1qiX/VRysGamdT&#10;yoAKA+oKr2cVK16dV6dKXM9S4TeGOqd19K5CbOUUI82U2NXEDL0F+SEQsTVRA3C2LMbaUedtRGtR&#10;HHqxTVlf2dF7lR4JJIpkeKWJzHLHICrKymzKymxDAixB5B9tkk9NdR2lZfUhKMpDKw4IIPBB/BHv&#10;acevdGd6/wDkDBUYr+4vcVAu79o1KCnTK1SmWrph9FMpB8lQsf1WRSKmM3Ku50qtyvp08svk3TT2&#10;Z0BPiscN7da1p3jsWrhNav2jCWppI+SS2j/gTCnILKBJHYiVBoZz4P69VZPTos3u/TfThiM5lNvZ&#10;KkzGDr6nG5ShlEtLWUjFXQ/6/wBGVhwym6sCVYEEj3QrU9XDUHRvsXuzYHyNxtJtnf60u1O0IIRS&#10;YLdlKqpFWP8A2I2BKqzSN9ad2F2JNM6M/jFT2Z6dBEgoePRYt/dd7n63zT4XctEYWfU9BkILtTVU&#10;YNvJBLYBgLjUps6EgOqki+i+rh1Xw9PHpBlwPpyfdetkV6MH1X3dFgMfJsHsWj/vT1rk0+1moqhf&#10;JNQBiTrpuVYwhzqKAh4yBJAyuCslStenFamD1C7c6Vl2hTQbz2XW/wB6etMuBUY/M0Z8r0oc2WKq&#10;KC2jV6FlsBqHjkCSWDW6rTovnv3Wuhq6h7kyfWtZNja+D+PbEzRaDce16kLJG6SL45JoFk9Cz+Ph&#10;lNkmUaJLeh4/U6ulelD291Dj8Tj6fsrrSoOd6yzn+UI8BZ5MY7tYwT3/AHBCr+hWezxuPDNZwrSV&#10;B8j1cKB0W9mB4H9fr7t1sivRgOm+3qHbdLW9db/p1zPWG6WNNkqWYFnx8kxANZAVBcIrAO6p61ZR&#10;NDaVSJKsK5HWxjpMdxdT1/WmXglo6hs1srOoKzau5odLxTxOokWJ5IiY/OiEG4ssq2lQAEqu1Nev&#10;dAwzEcD/AG/vfXuh92rW0nbu3aHrbcFTDT74wdMYOr9x1jBfuUW7Db1ZM9h4nN/sWZgIpD4h6WCN&#10;Umh69XoBq6jq8bWVWPyFNPRV1DUPSVlJVKUkiljYq8bowDK6MCCCLgi3ttiT17pY9db7fY+eepqa&#10;NcvtvL0j4Xdu35T+3XY+biWPkgLNHxJC9wUkVTfSWB117rJ2XsePZuYppsTVnLbO3LSfxzZmdX6V&#10;NFIf0ScDRV0rftTxkBlcXKgMvvx62RTpj2TvLM7A3Rh924GYRZHD1QnRHvomjIKzU8oBBMU8TMjg&#10;WNmupDAEa68OhN722fhY5MN2psOErsDsZTWw08YUDG5P1GtxkgUlYysis8YFlsJEjBSIMfdbJqOg&#10;i2Tu/L7C3Xg934STRkcHXLVxoxYLKnKzQSaSGMVRCzRuAblWPv3DqvQq9+7RxFDmsR2Js5CdhdpU&#10;TbkwoUKBSVZa2Rx7hPQj01QSdA4QMYlv4mPuzDrfSJ6n3pBsfedDkMnH91trKwybb3hj2uVqMVXL&#10;4KxGVSCxjQiVBcfuRp70OvL0ydi7Mqtgbzzu1amRamPHVerHV8ZBSqo5lE1HVIykqVnpnR+CQCSt&#10;7qfeunga9L7AFt6dM7m276pM51Xkf7+4DTcyHFVrRUuZgQD9MdPUCmqifxeU3Hv3XuB6j9cdswYb&#10;eO2cxvfH/wAcixlasE24IWEeTWjlRqWqp6iUgpkqWSkleNo6lWlCWSGohQaT7rxFek/2d1flNhbh&#10;3LR0ckGcwOFzD0X8VxzGTwRu2qlFdEQs1K80LoUd18MxJNPLMo1e6sadeB6ydyn+I1+y96AX/vx1&#10;7jMpVyLyGraFHwteb/TW9VjGlYckeQXJJPuhBbrw6ftx71zWH211XlKN6bJ4TO7D/hG4NtZyMVWP&#10;qajD5LI49fLTtbRKmPFP454mjqIg5MU0bHhzh17oTaPEba3N3b03uXDZWm2/mKmTY+Zqtp5tljhe&#10;CmpsTCf4XXl2SolVaVlNPU+KoldbwtO8oiSnE9eIx+3oK9hYyrxCYLF5/HVNGYO6sTPm8XXxyRVE&#10;UeMpqmeqSSJ4nZP2J2vqjOnTdhb3pR/h6dAx0X2aaSeSSWVtTyuZJG/qzEknj+pPunVSxboSsR2Q&#10;8uNpdt78xSb42xSR/b0C1UphymNj+gGKymiWWBE+op5lnpD/AMq4J1C2r16sE9es2R63iylFV57r&#10;PKyb2w1HD91kMQYhBncdHbUxrMarymeCIfqqqR54APVIYSdA1T06sD69BGzE/Xge9dW6xF/6f7f3&#10;7r3QtYLteWTFUu0uxsPH2Fs6ljNPj4q6UxZXFoxF2xGVCvPThbXFPKJqRrWMAuW97B6qR59Knb/R&#10;1JvjcGAfrHPDem18lnqKhzVFOgpc5h6epqo4ZJcljw8mqmhR7tWUjzU4A1OYT6BuleHWi+kVP+x0&#10;JPzv3LHk+5KTbtNpjptnbSo8Y8KCyrNUmSubSBwoNPPALD/U+9vx6rD8NfX/AIr/ACdEn906d6G/&#10;b/cCVeHotl9s4iTsDZVGBBi6lpRFnMMnC3xGTdXYRKAD9pOJKZ9IULHy3uwPr1Ur5jB/w9Nu7eo5&#10;YMNVb463zUXYnX8DA1+RoImiyWJLltMObxpLTUZGkgTrrpZLaklFwvvxX068G8jg/wCH7P8AVXow&#10;u5Y/4R8A9gE6Fbc/Z80jAKbnRU5oDUf9UVx4Ib/U2HvZ+HpkGsh+Q/zHoj2IzWW27kqPNYLJ1uHy&#10;+OmFRQZLHSvDNE4+jJIhDKfweeQSDwT7pWnSgCvQ/HN7D71Hi3dJiOtu3JiBBvWCNafA56Um2nM0&#10;8KBMVkJWNzWxL4JWLGojjNn92rXq1DFwyPTzH+f7OhC+KW3dz9bfKja21d2YmrwuUrMdlKN4KgKU&#10;liOLq6mKaGVWMU9PKaYGOWNnR/opPNvLg9N3EgKEj5f4ei/7gzm4+qe5t4V+08vWYLO7U37laGjr&#10;qJxqH29fPC0bgKIpoZFTTJGymKRSVZCpI964HrdfEHyPQ3VeD2d8paOrzOy6XF7I79p6Z67P7Gj0&#10;U+M3P41Z5qzDljppskVUyTQMdMhJck2lnNqa+HH09eqVMfHh6+Y+3/P0ue2cruk/H748du46Sv29&#10;2B1BnajrLOyNG0NbST0mqGmWqjkQG8ceNXyJIOTVFJFbW497Y1A9Rjr0aAswPA5/z/t6MD8Wewtu&#10;9j7qyO+9tJS7X3tnaFMZ3TsKhKrTVsiEmh3bioWb0yR1LtFVoQwVaiSSQGQJJVXjNT/hH+Xpq4TQ&#10;KHIHwnz+w/5Otmf4Z9u1GT2xiepN2mipc/t3btPWbNlpD/k9bhlTxLTUzFIw74eSNqVgqrZItGnV&#10;BMfcacw2PhytMnAuwYfwvX/A3H/ix1LfJO+G4jFpMe9UDRH+OL0+1CNJ+yn4T0ej2G+h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WngWLG5Nz7yeqF6waCl+uvbZavShIgnXvdetl/TrosB9f9t791UAt1iLE/639P&#10;funAoXrj7cCevVS/p1xLAf6/9PdiwXqoUt1jLE/639PbZavTgUL1x916qX9OuJYD/X/p7sFr1UKW&#10;6xFifr/tvbgAXpwAL117qX9OqF/TriWA/wAT7b60FJ6xM35J49+6dAp1hLk/Tge/db64e/de66JA&#10;+p9+691jLk/Tj37r3XD37r3XvfutE0697902Wr1wL2+nPv3XglePWMkn6+/dXJC9de/dNliesZf+&#10;n+39+6sE9esTNb6m59+6uBTrEWJ/1v6e/db64+/dOBPXriWA/wBf+nv3ViwXrGWJ/wBb+nv3TZJb&#10;rj791YJ69cSwH+J/p791YsB1iLE/X/be/dNkluuvfurBPXriWA/xPujLqPViwHWIkn6+2zjpomvX&#10;XvXWuuBcD6cn3dV6uq9YySfr7d6d6696PDr3WN2B4H9fbKmnXusRIH19+Ar17rGXJ/wHuzLQde6x&#10;P+k+6de6wFgPr/tvfutha9YixP8AgP6e/dXK0HXH37pvriWA/wBf+nv3VgtesbMT9eB7915l09YS&#10;/wDT/b+3Anr1XrH70/Hr3XvpyfdOvdYy/wDT/b+/de6x+2Dx6fHDrokKLk2HvwFet9R2mJIC8C/J&#10;PtwJTj17rv3fr3WOT8e/de6wuSBx/X3VzQde6w+2evddEgfX3sCvTycOsZcn6cD24Ep1brEzaf8A&#10;XPvxenDr3WIkn6+2ya9e6696691737r3XRYD6/7b37r3WIsT/gP6e/de64MbAke66qnpwJ69R2a3&#10;J5926sSF6xFif9b+nv3TZYt1x9tl/TqwT164lgP9f+ntvpzrEzH8mw9+691iL/0/2/v3XusLMB/i&#10;fdgtevdYixP1/wBt7cAC9e669s9e64FwP8T7917rGST9ffutgV6Wmyuwt19f1/3+2spLSq7BqvHy&#10;3elqAOLTwEhWNjYMLOt/Syn3ogHp5Kp/qx0OIXqrvHiP7XrLsuoP6Tb+GZGY/wBP0qssj/00S3b6&#10;VJHuuV+fT2H+3oA96bD3VsHJHG7nxk1G7lvtKxPXTVCqf1wTAaHFrErw63GtVJt7sGB6oVK9I322&#10;Xr1Xpxw+ey23clTZfBZGrxeTo3109ZRuUZf6g24ZGHDKbqwJDAgke6kU62CVyOjAxbt6/wC54o8f&#10;2GtJsnsIxrT4/fuOjCUda44VcnACFR2+nkuFH9mSJAIm9SvTwIl48fXoGd+9d7r68yIoNx0Bjgnu&#10;2Oy1KTJR1aDnXBPYK3BBKHS6gjUouLuIB1Vo9A6D8v8Agf7f3fproS+tu3d19XZE1GGqfusXUyB8&#10;ngKwsaaccAsAOYZ9IsJUseAGDoChqy16sraejB5nr/r3v/FVe7Oq6im25viCI1Wd2dWFIklkP6jp&#10;X0xtI5sk8f7MjECVY5GZloCU6cID5/1fn0TjMYbK7fyVViM1QVOMydFIYqqjq1KOh/1jwVI5VhdW&#10;BBUkEH24DXqoT16aywX88j6W9t6ST1YkL0arYHduD3Phk627wp/43t6e0OK3ZNqaroXtpjaaUXlI&#10;T+zOLyLysoljY6PFdOR15X1YPQddt9KZvrWVMrRzruHZOR0yYfc9FZ0tILxxVOi6RyEcqwJjlWzI&#10;2rUiU6cK06Av37qvQ1dSdzZbrapnxddTjcGxswTDuDbFXpdGSRSkklOsl40lKGzqfRMo0Sf2XT3V&#10;h0sO0+nMS+G/0o9R1Bz2wK7VU5HG093nxDaQ8iSLdpPBFq9Yf9yAW16k/c9+62AK56LGWA/xPv3T&#10;vQtdSdvZbq/LTaohmNpZgfb7m2zUWaKoiYaGkjV7os6oSORpkX9uS6kFdMK9e6VncXVOHpMTS9p9&#10;WznLdbZ19c8EOppMTO5sYJwbukHkOhS/qie0Tk3jaTSknrVei1+7db6Mp0/2dgpcTN1D2oFrevc7&#10;J48VkJrCTDVkjHRURTHmKDyOWLciJiWI8TzK2j1o/LoL+1ess31buaXCZT/KqCoU1eAzcQAhrqUn&#10;0ypZmCyLcCSPUSjflkZHZst14GvQZrM8LpJC7pLG4kjkjJBVgbhlI5BBFwR9Pfglet9GAysa927V&#10;qt00qqe1dm41X3fQxD1ZzGQgIuWhQC5rqNdKVSgHyJplFiNB84p17/V/q/1f5Oi7+6de6HPrLNY7&#10;duHqemd1VUVPRZqqNbsDO1X0xWbYaY42flloMmbRTKAwEhSRVDFnGxnrfQLZnE5LAZXI4XMUstFl&#10;MTVyUFfSTfqjliYq68cEXHBFwwsQSCD711qnQ59G7nxGWhzfS29KhYNo9iMq4nIS8/wvNqAKKsju&#10;RpE7qkUn01WjVmWMyX31dloOgQ3RtvLbP3Dl9sZyn+2yuErnoayL6qSp9LobDVFKhDo30ZGVhwfe&#10;uqdD/wBMVMPY2z909DZWaMVuSD7t6zqqoi1Pl6WNnmpVZv0JXU4YHkKgEzWLuPe+vdFhqYp6aeel&#10;qopKeoppmgqIJQVZHRiro4PIZWBBB+hHvXTwUDoc9zMOwOm9ubxjIl3F1dURbA3Tx65MVUa5MHVs&#10;foEp3ElHc+onx8WF/fut8OkP1Fuuk2j2DgchlbSbfyEkm3d0078pJjMlG1FWhxcagkExkAPGtFP4&#10;9+68RXpM772xV7I3jubaVaxebb2Znxnl+gkSNyIphcA6ZotLjgcMOB9PfuvA1z0J3Ymcypx/VfaW&#10;Dr6ihyOf2V/dXOVlMza3r8ERjJ1qL3WVarG/ZvJG4ZZFchlKnSNUz14dOtfJgexuntv12Qmxuzcz&#10;tDetbt1Z6SnkGLlGWpo6+n+4SJnbHLPUUdVpMMTU8chP7cUUmqD1adb6S+7sBlMX0/tGPMUTUtVg&#10;t/5ekgqI2ilgqKPJUOLqKaamqYWkiqoGnoqrRJE7RE6wrMwfS21SM9ep0o8CAey/ipVr4P8AchFt&#10;x2MI/wCVfdmQoPWfy9qTn+nA4tYe9P8AV59aY1/1fLp32Tu8S9cYdt7U8m6cfRS7vp4ayaRlymLp&#10;oMJhaSkbH1cjlSjVOXeNIqiOeBGW6Rh1UptTjq4Bb+XQI5bYZbH1W4tl5NN37apY/uK9oI/DksdG&#10;WCj+KY3XJJAoJA+4heekJIH3Ac6BWnp1dcfLoNy5P04HuvV+s9BlK/D11Lk8TXVeNyVFMKijr8fK&#10;8M0Tr9HjljKujD8FSD791RmHQptvDaHYBEXZFCcDuOT0p2NtWnS8rWsGzWJQxQVmo211NKYKn6vI&#10;lW/Hu1a8eqDPSS3b1/ntoxUuRnNFmdt5NyuG3dt+X7rG1ZA1FEnUAw1KA+umnWKpj/3ZEoIJ0RTp&#10;0GvSELgfTn3rrfRuPhFtmbP97YvKev7baGDrs/UEEqCXi+wiUkWufJWhtP5CG4IBHuyDPTUzaVPz&#10;x009i796z7h33u6o3ZSHZWVqdwVUO3uxcEklRTTUkUxholzuNUs8uilRV+7oyJQAuunqLX9+qG49&#10;WVSgp6eX+r/V8x0Bu9OvtzbFejlytNTVmGyqmTA7qwsq1eKyEYPL0dbH+3IR/ajbRNF9JY0bj3oi&#10;nVga9IIkn6+9db6ftq7w3PsTN0+4dpZuuwWXpbhKyhfTqQkFopUN45oXsNccisjDhlPvYNOtlQV6&#10;sj7iosTv/wCO3Q+AzOe2z1ruLdsZ3jt6ilpnosFVVbQGSWCSRP28WaoZXzRSMhpw7Ol40dWDrZUe&#10;XSZMOx48M+f+z/h+3qtPd20Nz7FzdRt7d2GrcHmKazNS1i8OhJCzQyKWinp5LEpLGzRuOVYj2ye3&#10;j0pXOR0mvfutlq9HK+K3ceUi7G622Fuqjod1YOPcC02z67Ln/LsFU1Ebwg42sP7i0k5cJLRsWhcl&#10;WRUkALXQ5A6YlWoJHoa/P/V69Jb5VdW7i212TvvfEKU+a2duDelbKM9hmEsVHXTSmabG5FUu1FWx&#10;vIdKyhRMlpYiwLBfOKE/b1aE6gB8h/g6KxSV1Zj6umr6CqqKGuoqhKujrKR2jliljYPHJHIhDJIj&#10;AFWBBBAIt7p0p0gdWl9Wb3yny36M7S6nz0eHo+xsdRUGXg3K6LEuUmilQ09ZVrEg8dSgoIqWomAN&#10;4pYyqEKY/bw/UFPP/D0hf9BgwrTh9n+rj1XdSVPYXR3YUNSsWR2fvrZ+R1eGqSzI1rFXRrx1FLUx&#10;N/tUU0L3UsjAlgto+3pSFEg9Qf59bW/R24Ny5HYXV8lSabb3a2Q2Xtzv7pqupTIYKgbkwlFl67bQ&#10;lk0tJFVpUaaeNvQ1ZFU02rVVnWGbtlnZpKVRi0co9CrEBvy8zxpQ+XRxaJJZlYAdMyaJ7V/4g6hj&#10;GTj4hwHDWGX8WbnepuysP2zsTC70w5EX30P2+Vx5N3o66IBaqlf8/tuboTbXE0clgHHsEXtq1lIY&#10;28uB9QeB6mPZ90TeLdZ088MP4WHEfl5eoofPoSPaXo0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07/eTHWEhYL14kD6+&#10;/dUJLdYy/wCB/t/furBPXrH7sFr1YsB10SB9fblAvTdS3WMuT9OB7oXrw6uEpx64e6deL066JA+v&#10;vYFeqZbrGXJ+nHtwJTq4SnXD34vTrxenXRIH19tk16plusTOTf8AA966uEp1iL2+nPv3V+sZJP19&#10;+69117917rGX/p/t/fuvdY/ryffuvde9+691737psv6dcSwH+v8A09+6qFLdYyxP+t/T37pwAL1x&#10;9+6qX9OuJYD/ABP9PfuqhSesTNfkmw9+6dC06wl7/Tj37rfXD37qwSvXRIH19+6coF6xlyfpwPfu&#10;qF68OuHv3XgleuiQPr791fC9Yy5P04Hv3VC9euHv3XglePXRIH19+6vUL1iLk/4D37pssT1x9+62&#10;E9euiwH1/wBt7aK1PXitTjrEWJ/wH9PdwtOrhadcfdurdcSwH+v/AE91LU691jZifrwPbZYt17rC&#10;X/p/t/dgnr17rH7sWC9e68SB9fbRavXusMj+k2/2/vXW1FT1F9+6dLAdeJA+vv3TZJbrEXv9OPfu&#10;rhKceuHu4SvXi1Oscn497U6a9Nk16x+9F69a64FwPpz7p17rGST9feiadbAr117bL16cCU6wvMBw&#10;vJ/r+PfglePV+o/qc3PP+PtwCnXusgULyf8Abn3vr3WMyi+lef8AH37r3XBmt9Tc+9Fqde6xM1/r&#10;wPbRYt17rCX/AKf7f3YJ69OBPXrH9eT7c4dOcOve23PXuscn4Ptvr3WP37r3XiQPr7917rGX/A/2&#10;/v3Xusfvxx14Z66JA+vtmpbp6gXrGzX4H093VadUL14dYHI+n5v7sxp14LXrESB9T7ay3V8L1jLk&#10;/Tj3cJTqhevWEuB9OfdX49WQUHWMkn6n3UCvViadY3vbj+vPtwLTqoap6xe/F6cOr9e9tk1691hL&#10;E/4D3rr3XH37q4T166LAfX/be/dOAU6xFif9b+nv3W+uPv3Xuh52Z3jV4/GjaPYeNTfuyZlWFqLI&#10;2arpVFwHpp2IZjGrHSrMGWyiKWIA3oUrw6cV/Xpw3N0tjs/ip949M5f+9mBH7tbtpjfJUJI1GIxm&#10;zzabGyMqylQNHnB1nS9vHrxSvDot0yyQu0UiNHKjlJEkBDKymxUg8gg8EH6e94b8utKteo/uxOnq&#10;5OnoZ9jdxVu38ado7wx0W9+vqn9ufbuTN3pgf92UEzeuB4/1KgIUG5QxOxkDQqx6qJCePDpw3X0/&#10;Q5DET746jyUu7top+7kcS1jlMWbamjqIB65UTk6lXUE9VnjBmNw1MHrxTzHRe3+v+w936qFr04Yb&#10;N5XbmSpMzhMhU4vJ0Mnlpa2kYq6n6Ef0ZWFwykFWUlWBBI96Ir05hejh4bfPX/yHxlLtLsmKn2x2&#10;DBD9tgd20oVEqJOdKgmyqXY+qmkbxyEkwPHIyqlCCnWwwbHRZux+r91dY5c43cFJqpJ2Y4vM0oLU&#10;1UgP1jcj0yAfrjazr9bFSrNvX1Tw/wBnQckgfX3TLdXAp0PfUnedZsiJ9qbrpDurrjJBqfIYGrCz&#10;NTpIfW9Ksp0aSfU0DERs12Uo5LmxSg6uG8unntbpChosT/pJ6pqxuTrquQ1csFMzyz44XbyBtV5J&#10;KaEizF/3YSCswOkyFvrenosZIH19+6vhehN6t7a3F1bm/vcY33uFrXVM9t6oP7FZELqb3DCOZVY6&#10;JALg8MHQsh91UHUehZ7I6p29vHb8nbfSkZqNvOjS7n2fGAKnGTIA0rRwKWIjUHVJEpIRf3YS9Ow8&#10;eq9WBpx6KgxAB/xHvxz1boXOn+267rLLVENZTnN7LzqGj3VtmfS8U8LroaWOOS8fnRCRY2WVLxuQ&#10;CGTQSnWiK9KTuXqfF4ShouyOtak5zrHcZ8sM0Op2xkrkD7aov61j1kojP60cGGb9wI0uwa9eBr0X&#10;BmH5Nz78WA630a/qze2C7P2vH0Z2hViHUQvWu76j1SY+qC6IaN2LLqhP6YlZgGUmnuP2PG2D59aO&#10;M9Fz3ps3PbB3Hkdr7jpDS5HHy21C5jmibmOeByB5IZV5U/X6qwDKyjbPTrfHqBtrc2X2dn8XuXAV&#10;b0WXw9WtXRzryLi4ZHW4DxSoSkiHh0ZlPBPtuvXuhN7M25h81h6LtrY1KlLtrPVX2e6NvU//AC48&#10;wRrlptI/TQVX+dpW/SAfEQhCJ731unQHg25HBHII96610YXcdu4dgHfEFpuxevqCLH7+huDLksSg&#10;EdJmgD65J6QAQ1Z9Z0hJWKKFU+6t8+i5qzKwZSVZTqVl4II+hB/BHv3WixPRpd9Be5+q6DtSmVZd&#10;99fRQbX7Lhj5kq6O2mgzDD9TOTdJW5JPkPpigX3vrX+r/V/h6LRicxkMBlsZm8TUvSZTEV8WRoKm&#10;P6pLC4dG/wARqHI+hFweD711sGnQ7fIHD43MjbXdG26dYMB2fRNVZimhuVo85DdcjTsfx5ZAZFJ5&#10;dhK4Gm3v3W18h0jui89QUu8ZdpZ6XxbV7LxcuxM6zAERGssKGrAZlUSUleInDkgquux5PvY6dboK&#10;twYSv21nMxt7KRGHI4TJT4qtj/AkgkaN7f1UlbqfoQQRwfeut9C127/v5tsdXdmJZ6jObbOztzSC&#10;5Y5TAaKTyyn6B6rHNSuP62Y2FiB6teqrio/1Z6g4EncPR2+MKSHq9hbrx++qBTy/2mRX+EZIJ+dA&#10;n+xdh+LFuAGPurHrfUHYL/xPr7uXbYMbSJt7Hb2o0kNry4nJw08pS5F2FDlKgkC5IX6WFxRcgjr1&#10;adOmyNxzQdPdi4yso6PPY7F7rwGcXC5dWkgEUyZWiq3iKyJNRTPJLTfv0xik40PIUbxvtTQHr1M/&#10;6vl0K+1MBjtxbi+LeX2k8VJTYfLQLJgM7VQ/xD7en3jXV1RJDN4qaGvjpvuWGmMLUFB5ft9HkZPU&#10;rT/V59bIoCf9XDoKahJsL01FK8UkYyuLbHkSKfTJkdwyPezi6MybOkS6WuFdD9Hvry6uGA+0f6v8&#10;vQGYzMZPBZCly2HyNbi8pRSiajr8fI8U0bD8o6FWXjg88i4PB904dVrXj0IBzezt8gRbop6fZW55&#10;OE3hhID/AA2qfnnLYunS9M7n9VTQJYWu1DK7NKLVr1YtXpH7k2fntqSUpytKjUORjM2IzVBIlRQ1&#10;sYteSkrIS0EwW4DqG1xt6JFRwVGiKdbCdJcmw966c4dKnam+9ybNmqzhquJsfk4xT5rAZKJKrHV8&#10;QN/FW0UweCdRzpYqJIydUTo9m97Bp1oivS5GB2H2P+5s+opdgbxlPOyM/U2xNbIx/TiMtUuPs3b+&#10;zS5B7EkLHWyMVj97oD1qpH+r/V/q8ujUdAYbLdM9J/IPsbcWNrcDuCGlbaWNp8jE8M8NRHAFhIVg&#10;rCOatydP6hw3iBU25O1wD0241so+df8AV+zqugsT/rf0906WABel5szsjceykrMfSGizG2cqw/ju&#10;zdxRCrxVaB9GmpmI8c629FRA0VTGeY5V97Bp00/celo+yNodjq1X1NUyYncrKZKnqfcdQrVDtcXG&#10;AyUmhMovPppZ/FWgCyCrN29+49V4f6v9X+b7OgIyFLWY+sqaHI0tTQ1tHM1PV0VYjRSxSIbPHJG4&#10;V0dSCCpAIPBHvXVsno8PzeZ8JT9C9fteM7Q6xjBgIClDKtNRG6hV0/8AFrt9B9PoLc+mYig+XTds&#10;A2pv6R6L5tDuIRYKn2D2fhv9IXXcTMMfTTyCPLYUvYNPgskyu9NYqrNTSa6WXTpZE1s/uqE8Dw6c&#10;dRWowf5H7f8AVXrDvPqJ6TCT7965zH+kLreMqa3LUkXjr8O8n6abO48FpKKQEELOuumlsGSUagvt&#10;wjzHVQamnn/h+z/VXpq6Dqlp+8OonZSVbsjDQWH1vLkIIgefwC4J/wAPfk4j7R1aRaKfsP8Ag6G3&#10;vXsjc3W3yZ7bmwr0tVisvkqek3JtbMxCoxmUpjQ0rGCupH9EinUSjjTLGSWjdSbmzmhNOqJQov2f&#10;s6D7N9b7Z7FxWQ3t0hHUiXHwGv3d1DWSGfK4tP8AdlXi5CA2ZxCNwSo+6pgV88bKTItSK8PzHW9R&#10;4H9vl/sH/D/LpefBvOU+P7xj21kESXHb92nk9qVtNMSEceEV4Vvp6mFE0Y5B9ZUG7WOoXq1PWo61&#10;cLpSvmCD06f3j252tJkukO8MjT4LsnZeRqNpdedwZFWDmWjqZKZcRuJx6pKZ5VIWpYXiYl3OrWZt&#10;VD9rcRwP+fqxBj7kyDkj/KP9WetmjO9d4hfiN8Od3PWU9XU9YdT7S6a7OqsA/lkpZKDC0NHUaWuh&#10;8uMyNPOsYItI08TWMTAkG2cjwXM8DChZndAeB7j/ACI/wevQw5gtob6xtL1DUIscMpXio0gftVq4&#10;9SPLoQum9/7j6C70r9k9guiYPf8ANTrksvEf8jqama4xu4qVydPhyOvTVkGyyO7SaWhEKN31sm5W&#10;4ki4pWg8wBxU/Z5f7Net7JuUvLu4GC5+GYjU34WY/DKPk34vmSTwoLXPYN6l/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TsLgfTk+8mOsIglePWMkn6+9gV6vUL117dCgdNlieuBe30596L04dbCV49YySfr7bJr1ckL1171&#10;02WJ6xl/6f7f24E9erBPXrH9eT7sSF6sSF697bLV6bLFusZf+n+3916sE9esLMB9eT79051jLE/6&#10;39PfuvdcffuvdcSwH+J/p7917rEWJ+v+29+69117917r3v3VC9OuiQPqffuqZbrGXJ+nHv3VwlOu&#10;Hv3Xi9OuiQPr791TLdYy5P04Hv3VwlOsJcD6cn37q/WMkn6+/dbAr117906FA64F/wAD/b+/dVL+&#10;nWMkn6+/dVALdde/dOBQvWMv/T/b+/dVL+nWP68n37qoBbr3v3TgUL1jL/0/2/v3VS/p1j9+6qFL&#10;deJA+vv3ToWnWMv+B/t/fut9Y/fuvdeJA+vvxNOvdYi9/px7aL14de6xM4F/yffgtevdYiSfr7vh&#10;evdde6F69e64FwPpz7p17rEzfkn37r3WFnv/AID37r3WIuB9OT7uErx691jJJ+vvbLnHTimg6692&#10;CgdVLV64F/wP9v70X9Oq9YWa3JJ9tde6xFif9b+nv3XuuPurNTqyrXriWA/1/wCntsKW6e6is7Ob&#10;fQf0HtwLTr3Xgn9f9t7t17rtnCA/4fge/de6is7P9foObD37r3XD6e2y/p17rizgf4n3UKT1YLXr&#10;EST9fboFOnQKdde99b697oXp17rokD6n22TXr3WJmvxbj3rr3WIuB9OffuvdYySfqffuvdde/de6&#10;4F7fTn34568MdYWa3JNz78BTqwBbrEzE/wCA9+6cCgdYS/8AT/b+9EV6qX9OuBJP196JC9VALdY3&#10;+n+x96VqnpwLTrF79QNnrTNTriWA/wBf+nu/VApbrGWJ/wBb+nur8OnAtOuPtnq3XEsB/if6e/dW&#10;C16w+/dOABesbMQSB/t/futg16x+/db66JA+vv3XusZcn6cD37r3XD3QvTr3T9tvdOe2flIM1t3K&#10;VOLyEB4lgPpdbgmOWNrxzRNblHDKf6cD3TLdWUkHHRjI9xdY97RJR7wjpOveyWjEVLumjULQ18nA&#10;ValWYDW30tKwYWAjqDcRe7UK/PpRhuPHoBt/dc7r65yJoNxY544ZXK0GVp7vSVIH5ilsBqtyUbTI&#10;o5ZQCL2w/VGWvQfEn6nm3veF60QBjpQbV3nuPZOXize2cnPjK6MaHMfMc0ZIJinia6TRMRyrA2ID&#10;CzAEeIB49eUaeh9ko9g9+I82JGO6/wC25E8kuIkOjF5mT6s0DfWGpkPNuXJvqWb1TJQHT9nW66uH&#10;Hotu4tu5zamWqsHuLHVOLylG+malqRzb+y6MCUkif6q6FkYcqSPdtQ6bKknpkvbm9rc39tlierhQ&#10;OjUdbd942txI657npBubZtWq0tLmqtWkqaIW0p5WX96SOK90mQ/cw86TINKx70Hq9ekr270RX7Hj&#10;XdO1Ks7r6+r0FVSZmkZJnpo5OYxUtDdJImUjRUIBG30YRkqG2HoOvU6Lz7qWr04oAz0KfVfcG5Oq&#10;suanFt99hKyRf41t+pY+GoT6F0+vhqVX9EgB/AdXS6mvVWavQw7/AOp9tdi4GftPpILPTspn3Lsa&#10;IBaill0l5TBArNocfU063Vh6qYspVPfutUr0UNgVJDAqVNiD+PfunFWnS+647O3L1hn4s3t6oJhk&#10;ZUy2JmJ+3rIVJPjlUfRlBPjkA1xkkjgsre62RXocuwusdudk7dqe3um47xNefeGxIlHnop7F55II&#10;0PAH6jEo0st5IDp/bWor1snooDNfkmw90DVOevdDV013FP1zXVeGzNImc6+3Kftd0YCpUSLodfG1&#10;TCjAr5VjNnQ+mZBoazCN02Wr16les3cvUUOy3od3bOq23B1ludRU4LNwHyCnaQsfs6h/1B1sdDOF&#10;ZrMjDyxyD3Ujz690A2rSQwJUg3BH1/2HuvXujj7cydB8l9lpsbcNXT0ncO0Me8uy9wVZs2XpYk1P&#10;R1Mh5eUBfWxJcf8AAkBrVIaxNevAU6J5kcfXYmvrMXk6SehyOPqXo62jqVKSRSxsVdHU8hlYEH3X&#10;r3S/6x35DszL1VJm6VstsjdFMMLvXAnkT0jNcTRC401lG58sDgqysCodQ5Pv3XuoPZmxZ9g7gFFB&#10;VjLbcy9Gmb2juKEft1+OnGuCZTYaZVB0SpYFXB40lSfdbPTZsHemS2BunG7lxyx1H2rNBkcbUAGG&#10;so5hoqqOdGDK8U8RKm4OltLgalUj3Wh0pu29l43bOWx+f2s8tTsDfFEc/s6skHKRs1qjHym7WqMd&#10;OTE4JJ06Cx1Mbbp1s9YumuxI+vd6U9ZlIhV7TztM+296YyQa0nxlXaOfVHY62h4kAFi2kx3CyN71&#10;1rpu7f2DJ1rvjJ7fikNXhp1XL7YyYOtarG1N3pZVkACyMq3jdgNJkRyvpt73SnV1WvQjdIzRdgba&#10;3n0Tk5oxNuOmfdfX01QwAgztDEW8SFjZFrqVWRz/AGUR9I1N78Orkac9FkkjnpJ5IpUlp6mmlMck&#10;bgo8bobEEGxVlYWP5BHvXVuh27sZd143YPb9MA8u+MEMRu1kt6c7iFSkq3ZV4j+8pxDOikXILNc3&#10;NvdaGOoOwmO6equ1NivqlrMDDT9sbdjH4fHkUeWAHJJkxtSJCBzan1EFVuvj17/V/q/1efTd0O4y&#10;G96zZ0zqlN2LtLK7HYubKJ6qkeXHsb2F1ydPTkX4BAJ4uC2DqPXj/q/1fZ1F6NVp+wV25Ijld37a&#10;zezJYdJLGSvxNZBTjT9Qy1niP9QRccj3VePXj1E68ZKnaXdGKbTql69p8vADpv5KHcOFkOkGxLeC&#10;SW9jcJrNiPp5cg9b/wBX8j0stnVBkl+P01SHhpcXX5lxMik6hTVr1rgfQFxrAIB4BB/Puw8vz6t5&#10;ft6fuwNy46o6860wW/ly1bV5PGRVcm5qNg+Qp4kpoq+hmljmYR5SEnP1QMckkMlwWSoXUwfxOB1X&#10;ou2b2dkMVSDM0dRS5/bU0oip9x4gs8Ad9ZSGpjdUnoapgjWhqEjdgpeLyRaZGoRTqwWvSR966dC0&#10;6V22t65nbMdRQw/aZXb+QdXy21s2hqMdVaeA0kBZWinUEhKiBoqmK5MUyE397Bp14ivSiba2297A&#10;y9f1Rxeeb1Sde5+dfLI1rt/B8i4jhrgT+ilm8VXyscX3j3f3uleHWq049BfV0lVQVM9FXU1RRVlL&#10;K0FVSVaNHLG6mzJJG4Do6kWIIBB+vuvTxAA6jH6H/W9+6b6ss7X3BjOr/jZ0v1nvbG1+6BvDHpXZ&#10;+m+9mgrqWnjCV5+2mbyqk1FVVkEcKTRy05SFovGBpZHDgDplMsSMU6JDmutRUYus3V11lTvfatFE&#10;arKQxxCHMYmO/wBctjFeV0hW9jV07TUZP1mjc+MUp09Utx/2OglLk/Tge9dbIp1iEpRg0bFXVgys&#10;vBBH0II5uPfurKnRkOvN6UXam6tlbE7Vw9RumuyO4KDCYDfdBIsWcpGkmihgirp2Vly+NQ6Q6VH+&#10;URR6jBUoFEZ8DU0P7etONAqPTh5dCX87cNuiu7Vn3W9A1XtPHYeh2tT5igkSoipp0R6t6Ss8TOaG&#10;paSsZ0jmCGSNlkj1AkizjNemYO1aD7T0Rb3XpzpR7N3xurYGbg3DtLMVWIyUSmKRoSGiniP66eqg&#10;cNDU00n0eKVWRvytwPewadOsFpQ9Gt6pTq/tXtHrfcmG/hPVPY+J39h8zl9oOWTA5pKfI0080mFk&#10;Ys2NyDqjaaB9UUzaEpnViV93WhI8sjpNKxCkcRQ/aP8AP9v/ABfSJ+aAI+SvZFwef4OR/wCeDF+6&#10;TtRj/q8ut2q1Qfn/AIT0W/DZ3L7aytDnMDkq3EZjGVC1VBkcfI0U0Ui8hldSCP6EfQgkEEEj2n1E&#10;GvSqgIp0dLqDduze0O1NgbwqJcV133Lhd0UVflfAqU2G3ZEJ1Ws8aKBHi9wVNM7gKAKWslNgIZZb&#10;+30YMQeB/kek8ilFI4ih+0f5x/MdBH8udvDbfyI7LpEUiHI5aLcMLH+1/EaSCtlI/wABPNIv+uv5&#10;HJpOKMer27akH2U/Zjrbc6s6R3HTfCLovefWK1GTg3/8WNjz9pdeSlpUyMp2xiqj+N45SdS5mnqQ&#10;KggX87BiAzM0UwHXcVa5ZJsFJX8N/MdxGk/0SMfL/AP7zYJI7ETWgqJYI/Hg4hzoU60Hk4Ofn/Ii&#10;ls3Y2N+U3xhwNA0lNB2V1h5tsYTKyWB/yVEalpKj+19pV0LQxljfRNGZVvpkjas9wdnuyc6JO4j7&#10;eJHzBr+WOq2O3rzbtKLgTwVjVv8AS0op+RWgr5EV9R0Yz4s9o5DfOyKnau61qKXsLrOqG1N10VcC&#10;KhhCXipqiUG5MjiF4pSSWM0MjGwdble8WYt5NafBJ3KRwzxH86j5HoTcpbs24QGGaomgPhyA8cYB&#10;PzwQfmD69Ge9lHQr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tOf3k4E9esIy/p1xLAf6/9PdiwXqoUt1iLE/X/AG3totXpwAL1&#10;1711Uv6dcSwH+J/p7sFr1UKT1iLE/X/be3AAvTgAXrr3QvXh1QvXh1xLgf4n3TrwWvWFm/JPv3Tg&#10;FOsRcn6ce/db64e/de66JA+vv3XusZcn6cD37r3XD37r3XvfutE0697900WJ64F/wP8Ab+/dbCev&#10;WMkn6+/dXJC9de/dNli3WMv/AE/2/v3Vgnr1iZgPryffunOsRYn/AFv6e/de64+/dOBPXriWA/1/&#10;6e/dWLBesRYn6/7b37pskt11791YJ69cSwH+J9+6sWA6xEk/X37pupbrr37q4SnHrgXA+nJ9+68X&#10;A6xkk/X37qmW669+6uEp1wLgfTn37q/WMkn6n37r3XXv3XuuBe30590Zqde6xkk/X3QAt17rr24F&#10;A691H91L+nXuuiwH1/23uhNevdYmYn68D3rr3WEv/T/b+/de6x+/de66P0P+t72OPXusHt/r3XEs&#10;B/if6e6lqde6xFifr/tvbRavXuuveuvdY3I4/wAPfuvdYiQPr72BXr3WMuT9OB78yU49OR9cPeun&#10;OuPCj37r3XAuT9OB7917rGRcW9+691xJWMc8e/de6ilyf8B7ZXj1ZePXD2909173omnXuve2i1ev&#10;de91691if6/7D37r3WF/p/sffuvdYvfuvdcSwH+v/T37r3WJmJ+psPfuvcesRf8Ap/t/funAnr1h&#10;ZgP8T791YsB1iLE/X/be/dNFq9de6uaDraCp64FwP8T7Z6e6xM35J497Ar17rEXJ+nA9uqKdaK16&#10;4e9F6db66JsL+2ya9bAr1jLk/Tge9dOBKdcPfuvF6cOuiQPr791ShbrCTck/T37p0CnWMv8A05/x&#10;9+631iJJ+vvRanXuve2ixPXusZf+n+392CevTgT16x/Xk+7EherEhesb/j35W1daVtXQ6bC7urcL&#10;jv7ob6x6742FUIKeXF5Gz1FMn0DUksnNo/qkbMApA8Twnn3VxTPV9Wnj067v6Vocrh5t8dN5F93b&#10;WYF6zBqS+SoGIu0TQ2Ekqxg/pIEwUhrSr+6aV8+tNHXK9FrYFCVcFWU6WVuCCPqCP6+9klumiSes&#10;QkZJEkjZkeNgyOhIIINwQRyCD9D73UrjraLXoyG3u1du78xVLsju2GWuhiHgwHYdOB/Ecex4H3L6&#10;WaogPGpiGJsDKkhtJHTp6teg47K6o3B15PBVSSQ53amSs+D3bivXSVKMNSBirOIZivOgsQbExvIo&#10;Le3E68R0FXvzP1robepe8c31nM+Lq4zuDZdexjym3KohlRZLiSSl13SORgx1of25QSHAbS6t9bB6&#10;EbsXpPA7swb9ndHzLl8FPqmy206YEz0kgAeUU0R/cUoGBemYa0FmhLxsir7rdC3RRPfurqlOlpsP&#10;sTcnW+diz22qwxTC0dbRTampqqLm8VRGGGtebqbhkPqRlbn37rzMOjM7t2RtP5A4Gr7G6rhixe+K&#10;QebeOyZWCtPKy6mliAsnmkKnRIAsdTyXEc4cN7rYI6JdNDNTTS09RFLBPBIYZoJlKujqbMrKwDKy&#10;kWIIuDwffurdLjrnsrcPWO4oM/t+fUDaHKYyYnwVkF7tFKB+R9UcDVG3I4uD7rRFeh07P672x2Zt&#10;mo7o6hjsBebfGy4lHnpJrapp44UvpK3Lyqo0Ol54z+sFsgHI630T/wB2Cgde6MB0v25QbYFZsHf1&#10;P/G+rt0t9rlaCpBcUMkjL/lsIUGQKrANIIyHBAmi/dQB9FgcdaIr0me4+p63rHOU5pan+M7Oz8X8&#10;Q2luSIq8dTTsqyBGeO8ZmjV1uV9MiFZUADaVowp14GvQV4zKZDCZGiy+KrJsfksbUpWUNbTnS8Us&#10;bBkdT/UEfng/Qgj3XrfRtd5Y6g+RGxJeztr01PT9obRokp+wtt0a+qugjSyV9Mg9TuI0JUcsUVoL&#10;s0MXk3x630TT68n3rrXRhetshRdi7Yl6V3HUxQV5qJMp1Rm6sgCkybi8uLkc8rR5UgAAGyT2bRI7&#10;IF31vj0AWSoq7E19bi8jSzUOQx9U9FW0lQNLxSxsUdGU/RlYEH3dU9etdDj1NkKLe+Dy/SO4KiKL&#10;+PTtmuucnUniiz0cZCU5c/opsrGPC4uQJNBVDI9/dAK9WHDoAsjRVuLrq3GZKnloq/HVclDW0k40&#10;vFNExSSNx+GR1II/qPeunAAOjK0D/wCmTo2qw5/yjf8A0jC2Sw+nmet25Myiphty0hxzhSv4SMRo&#10;o1SsTvr3A9FswOcyG2c3idxYqYwZPCZGHKUMvNhLBIsi6rEXUlbMPypIPB966t0NXyKwuOm3Dg+z&#10;9uRFNr9t4gbqpkXlYMiCEy1ITYAyQ1R1v+NUjAcAe/dVX06i9Zt/fHrfs3rKV9dbRUa9pbPic/8A&#10;KZi0MeShjU8tLVYuRrKOT4Lm9re/dbPSO6Z3JS7Y7N2lXZDQ2HrMidv5+OS+hqDJxvj6zXYi4WCp&#10;Z/rwVB+oHupah68c9NM8Vd1V2gY3ZjkNgb3DK/HrbHVoZXH1BWURAj6ghv6H238J63x6X24RF178&#10;lmqaYePHYjtCk3HQgCwagqKyDI09uV/bko50t9LqfqL+98G/PrXxDrrC4f8AgfZHeG0ToAotpbzx&#10;gDA6WGMiqa1CCbsL/YBkP5OkE2J92C5P5jrda5/1Z6dNlBzt/qypEjR/w7B9j5YyhdWn7TBy1PA+&#10;lyYgB/iR9fp79wp+fWx0nvkM0tHvTE7UqEWOfYmzMXtScLexaGnEkZNwPWlLLDEeBYRgEAggUfj1&#10;dAKV/PoHcNuLLbcq2rMNWNTSywmmqomVJYKiFiC8FVTyq8FVTvYaopUeNrDUpt70DTrZauOlSYNo&#10;7wANA1Hsfc8lgcZVykYWscm16eqmZnxMrkj9upZ6S+tvuqVAkPv3Hq3SEy2LymErpsbl6CqxtdBY&#10;yUtWhRtLqGRxfho5EIZHW6upDKSpB964db6bPfuvdCZTb/pM1TQYjsmgqNzUcEK02P3LSuqZyhjU&#10;aUWOqkulfTRgACmqw4CDRTzUty/vdevU9Olt150nV7y3/suk2/W0+89i5XclNDlc1ikKS0lKh+4q&#10;YspQyEz46c00UgXyaqeVwRTVFQAT72Fr1Rm0g9Kr5rb3G6e6shh6WVJMdsfFwbagEV9HnsamrNj9&#10;HSafwtbj9kWva585qevQLQD556Krh87l9t5OkzWBylfh8vQSeWjyOMleGeNrWuskZVhcEgi9iCQQ&#10;QSPdelVAehU/juw+zAYt3xUfXm9pj+3vbC02nC10h/OZxVJHeglc/qq6CMpc6paFmLTe98eqU054&#10;/bx/b/n/AG9B9u7ZG5NkVsFJn6FYoq+D7zEZWikjqaGvpyfTU0NbAz09VA3+qjc6T6XCuCo8RTrR&#10;evDobvhzt7+8HyE2Yzqz02CSs3DU6fx9vSSrASSCABVyxX/2wsSCPKamnTMxKqT/AKs9JfffbW46&#10;Hujs7dm28qy0Od3bkKapx9aiVFFkMclTJFBTV9FMJKarganjQFHVgp9SFWCsNBqk9bAwAfKn7esf&#10;93Ni9sDy7ANHsLf8gLT9dZaoIxeSk/7N/JVUl6eeQ/poK2S5J009VIdMQtx4deyOP+r7f9j9nQIZ&#10;XE5TBZGsw+ax9bicrjpzS1+NyMTwzwyL9UkikCujD+hA9ts2npwLq6EfoeE1HdvUMYYKV7Lwk1z/&#10;AEiyVPIR/rkJYe6oasPt63KKI32H/B0an5D9j7Qz/dG/uue4MQ02AxeTio9pdgbehjXM4ISUtPMU&#10;dQFXLYvzSu700p8qa3aCQPpX25I4YkH8j59NRIVUFfTI8j/m6KR2L1RnuvvsMn91j90bLzo8m2N+&#10;bcczY6uWxPjL/qpa2MAiWlmCTRsrDSygOWmQr9nr0+jh/kfMHj0GCSvC6Sxu0ckbiSN0NmDKbggj&#10;kEH3Tq/Vovyor+td/Zvrik31DT7Qqt+da0O49o9q0iMy0dVMZ2fHZiBSz1GGkEkDJKB56OR5JNTw&#10;vIiK5iGpXzFa9IrcFK0yAxFP83z/AJHrb8+EtbipPiT8b8Jjs1iM1VbM6O2nsnPy4aZZ4osjisBj&#10;6GsiDgDUqzwMY3sFljKSxlo3RjEu6wtDcSBhSrsR8wWJB6nzl+7ju7OIxsG0xojeqsqgEEHIII/y&#10;jHRYtyT716E+Uu76rYVFLk8Ju3FLv/IbHgv/ALlaIl3ySUiBSv39FMlZUwaRdYkkQBgxhkPYhHuN&#10;mokNCp0B/wCE+VfkcA/P9vUf3TT8vbvIbcalkXxmiH+iJksB/SUhmHyB+wqHtjd9BtrcGxPmB0/M&#10;uWwGcKbT7MxcRKGdCqBIq2MFjT1XjiELFvRHPBRSBZA95GrKAyq9jPgjujPp9nqPP7CelW8Xq2sk&#10;W9WR1I/6c6jFRjDDyOKZwCEOa5P/ALS3Xg98bbw+7Nt1qZDC5yiWtoahODZuGjkW5Mc0TgpIh5R1&#10;ZW5B9hueFrdyjihBoepFs7yO/iWaI1VhUH/IfQjgR5HpRe2ulX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acRcn6ce8my9esJAlOuHun&#10;Xi9OuiQPr72BXqmW6xlyf8B7cC06uFp1w9+L04deL04ddFgPr/tvbZNeqAFusTOT/gPeunAtOsRf&#10;8D/b+/dW6xkk/X37r3XXv3XusZf+n+39+691j9+691737r3Dr3v3TZf064lgP8T/AE9+6qFLdYix&#10;P1/23v3TgAXrr37qhf064lgP8T791oKT1iZvyTx7906BTrCXJ+nA9+631w9+6uEr10SB9ffur4Xr&#10;GXJ+nHv3VC9euHv3XgleuiQPr791fC9Yy5P+A9+6oWr1w9+68Erx66LAfX/be/dXJC9YixP+A/p7&#10;902WJ64+/dWCevXEsB/r/wBPfunOHWMsT/rf09+691x9+691xLAf6/8AT37r3WMsT/rf09+691x9&#10;101PXuuJYD/E/wBPduvdYixP1/23tpznr3WEvf6ce6de64e/de64v+k+/de6w+/de697917rixAU&#10;3/p72Mde6iFyfpwPdi9evdcPdSKde66JA+vvXXusRcn/AAHv3XusRe30593CV49e6xkk/X3ckL17&#10;rr22zaunI+sZf+n+3916c6xMwH1Nz7917rwNxc8e/de6xPIQDp/2/v3XuoxJPJJJ/qfdS1Ovdde/&#10;BQOngoHXvdurddXF7fn3Rz5de67JA+vtrr3WIvf6ce/de6xM4F/yffuvdYWb8k+/de6xFyfpx791&#10;7rh7917rE/1H+t7904poOo7Mb2HFvfutF69cPfuqddEgfX37r3WIsT/gPdH4dXTj1x96CevWy/p1&#10;wf6Afm/uxIXryZNesXtssT05173Xr3XByLEX59+62DTrF791ssW6xl/6f7f37qwT16xM1vrck+/d&#10;X6wlifr/ALb37rYFeuvfur6MdcSwH+J9tlanqnWIsT9f9t7tQL09QL117oXrw6oXrw64FwP8T78F&#10;r14LXrEzfkn24BTpwCnWIuT9OPdX4deIr0o9p723JsXLR5nbGUnx1YtlmVLNFMl7mKeJrpLGf6MO&#10;DypVgCKhK9brpz0Y0r1x8h47x/Y9eduSLcxklcflpLf2f+brnngecXN/uVW6++DquJPt6LTuvZ+4&#10;9k5ebCbmxlRjK6O7RiUXjmS5AlglF0miYg2ZSRcEGzAgaY162F09Jr3XrfQt9d9wZLZEU+3szRw7&#10;r2DlbpmNp5MB00sfVLSs4bwTA+qw9DkXIDhZEuq1HVlanSg3z1HjMjhZew+nq2bcmy2vLlcIbtkc&#10;Q2nW8c8Vy8kMYv6uWVeSZEHmND1sr5jounv3VOl7152VubrHOJmtu1elZNMeSxc92pquJST45kBH&#10;K3OhwQ6EnSbFgdgV6dqFHRmtz7H2Z8iMNVb76uNNhd/QJ59zbNqGSP7iU8u5J0KJZGPoqQBFOeJR&#10;HLrK66qTXolVdQ1mMrKnH5GlqKGuo5mp6ujq0aOSORTZkdGAZWB+oI9+62E9enfau7s5sjO0W4tu&#10;1z0OToXujLykiG2uGZLgSQyDhlP1+oswBHur06NvmMDtT5O7en3XtEUW3e3sPRg7h2y7qseSVAFW&#10;RGYrfVwsU5uUJWCoOnxSj3XqU6JRW0VXjqupoK+mnoq6inalq6SqUpJFIhKujowDKysCCCLg+/db&#10;6VvXHZe4urtxwZ/AT6gbQ5TFTE+CsgvcxTAfQj6o49Ubcji4LA690N3aXXG3997Y/wBNXUNMxxVQ&#10;Xl3rtCAL5cZUKNU8yQoTpiU+qRFFlQrPGPAzeO3xdbPRS/fitB1roz3TvY+BzOFm6T7Tm82y845X&#10;bebnb9zDVzX8LJK1/FCZGuptojdmEgMEsumtevdAz2X13n+sd01u2c9GW8Z8+MyMasIaymYnxzwk&#10;/wBf0utyUcMhJtc6691g663/AJzrTdeO3VgpbT0jeKto3JEdVTOR5qaUc+iRRwbEo4WRfUin37r3&#10;Qud4bDwlVjcf3R1vGsmxN3yA5XHwgBsTknJ8sEsa3EUUkoIFvQkt1UiOSDVvrZ6LMk8sEsc8UskM&#10;0MglhliJVlZSCrKwIKspAII5B59668BXoxG/Ei7d2LF21jIol3ntdIMJ2vjqYWedNIioc6qD+zOi&#10;CKotwrrcKqIztvUR04Fznot8NRPSTQ1VNLJBU00qz088LFXR0YMjqwsVZWAII5BHHvXW9VcdGB7V&#10;hh7I2hhO7sXFGuVd49q9p0NKoUQ5SKMLTZLQv6IcnAo1GwRZgE1NI592Oc9aGMfs6DTqzflX1rvr&#10;A7tpw8tPQ1Xhy9Gtv8ooZh46uAg+kloWJTVcLIEa3pHvQ6sRXp77z2LS7D31Vw4UpPtHctJHuvZt&#10;bDcxSY6tBkiSM/kQNqjF/UUVHP6x7114GvSz68b/AEjdNb86xl/f3Bsgns7YyHl2hitHmKOO/JDQ&#10;sJEiXl5XLWOnjfWiaEfs6BvrPecuwt/bV3cmrw4bLRy10S3/AHKSS8NZFwDfy0skiWsRz9D9PbOv&#10;PVqV6y9tbUXYnYu6tt03/FvpMo1Vg5lN1egqQKmhkRxw4NLKnqHGoEfj3phQ9eBr0q++WXL5fZvY&#10;SN5R2PsHHZzISr9P4lSIcXkkvflvuaLWx/JkufVf3Yrqz1odQ+5pGykPVW8Y3Ltubq3HRVc6cE1m&#10;GkqMLOSQeWtj42J4szEWAAvelM9bH+r/AA/5ehSqkMvyV3NP5aeKPeOx8vmAzWETnObHqq5RcIAQ&#10;1RVAGwN2FrtyTonNOvDy+0f4epHUWFlzFN1jiXkjWmyO3txU4ILLoXL5ajwEpcqLstqjlfoVJueS&#10;Pel8vz6cJoP9X29Ft7K3Cu6+wN5bgileWlyu5KupoXk/V9t5mWmB5PKwKg/2HHttsnqmeHSGP0P+&#10;t711dUpx6we/dOdLbFbzljoIMDuWhXdO2YLrS0FXIY6qiBJZji67RJLREszMYistK7kvLTSOFYbr&#10;1qnXLJbPSpoKjObNr23HhqaP7jIUhQR5PHpdrmto1Zy0CaeaqnaWnAZPK8EriEe69XoPWcD/ABPv&#10;XTzEcOj4fCHFU2Cn7R7lzV1w2xNoy0iEkrrkkU1tSU/BeKnowtj/AMd1sCeRdPXpLLmg9T0XDK5X&#10;afbGSyOWy9RS7B3/AJitlr6vJStK+CydTM5d3qC5mqMPVzSMS0gMtEzHlKKMFzU56eTt6C3cW2c7&#10;tTInF7gx0+OrDCtTCJNLRzQyC8VRTTxl4ammlXmOaJnjccoxHvXDpwuPLpParOb3tb3omnVMt0v9&#10;p9k5rbFJUYKopqHc2zMhN58psvcSvNQyvbT9xBodJqCtVeEqqZ4pgPSWaMsjU8Tq3h9Ht+KGJ2pi&#10;qXtvt3rR87VVOM2FUYyHZeUpzUV9HWuGr0paeqhQQZWCeShjWFgkU5I0SwKSryPRqBUjpPP3UVvX&#10;j5f6s/7PVZkwmEsq1AkE6yMsyzXDBwfUGB5DX+t+b/X23UL06AT1i90L16cCU6GfHdo43c2Notq9&#10;v0NbuXF0Ua0mF3tj9H94cREvCRxzykLlcfGP+UOrb0jimqKb8+D1wc/Pz69ppkf7B/1f6q9Cb051&#10;TlML3d1BnsXW0u9Ni129qabF7z29rNP5KfVVCmronHmxleiRanpqgKxUMYmlj9Zsq0I8x69UkYFS&#10;PkcdBn8lqz77vvtafySSad41VLqlJJHgIg08/wBlPHpX8BQLWHusnxHq0WFH2DpNdedsZ7r5q7HJ&#10;T0O5dmZy0e6NibhXzY2vQWszRm5p6uOwMVTFpmiZVIJA0nyuV+z0626B/t8j5jpbbj6qwG8sPkN/&#10;dFzV+Yw9BTnIbr64yDCXO4Bb/uSKqgNlcQjEaaqJS8aFRUoCrye9lARVf2eY6qH04b8j5H/Mfl+z&#10;oVPkZJ/Hvjv8Tdz2Bej2tX7TnlBHK0S0FLApHo/QKKT6KfqdTE2JvIaqv7Om4RR3HzB/aOtwD4ud&#10;Z5ik+JvxM7M6lqaTB7//ANlc6/8A45hqm6YvckEW08YVpslEhRUrBqtBWi0kd9Dkxm6RrcXatNJF&#10;PUp4j0P4kOo5Hy9R1MFvtTpBDd2ZCTeDFrU4jnAQYYD8Xo/EeeOvdydl4jIZXqHuaipKvb26Oqt/&#10;x7X7N2jkvTkcdTZEHyxzhbeSmeKnnWnnQGOVajUBfUiq7G0ZRJASGWRNUbD4WK+nzyKjyp0Sb5uq&#10;SPbXygpJbzCOeNvjRX419RQHSRg6vy6VHevU8+yqbee9tlYv+J9cb5xpp+4uvsclyAWLpuTExg+N&#10;K2gkKzsoAQlDI3oaR42duvfqCscho6H9Jz/xxvkeHSzmDZzYiWeBdUEq0uYVH7JUHDUp7vTFTipB&#10;fviB3FL15m5NmZvIJWdfbjzy4iDKjWIMbl51b7OdmkAMNHmYYStn0sssTOUiWOUsZb3Y/VL4iijq&#10;taebKOP5rX9h+zoN8l72dtk8CRqwu+kNmiSH4TngrgefmK0FD1bZ7BfUy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pv+8mOsISxbrGX&#10;/p/t/bgT16sE9esfuxYL1YsF699OT7bLV6bJLdYy/wDT/b+69WCevWFmA/xPv3TnWIsT9f8Abe/d&#10;e669+691xLgf4n37r3WIkn6+/de669+691737qhenXRIH19+6plusZcn6cD37q4SnXD37rxenDro&#10;kD6+/dUy3WIuT/gPfunAlOsRe3059+6t1jJJ+vv3WwteuvfunQoHWMv/AE/2/v3VS/p1j+vJ9+6q&#10;AW697904FC9Yy/8AT/b+/dVL+nWP37qoUt176cn37pwAL1jL/wBP9v791Uv6dY/fuqhSevEgfX37&#10;p0LTrEXv9OPfut9cPfuvddEgfU+/de6xlyfpx7917rh7917rokD6+/de6xlyfpwPfuvdcPdC9OHX&#10;uuiQPr7bJr17rB7117rgX/A/2/twJ69e6xkk/X2317rr37r3WMv/AE/2/uxUgdWUVPWFmHNzyffg&#10;tetHrD7cChetdYy/9P8Ab+22Ner6MdYWYD68n34LXqnWIsT9f9t7cAC9e6691L+nXuuJYD/E+2+r&#10;Ba9Yma/JNh7906BTrCXv9OPfut9cPfuvdeJsOT/re9E0691iZr8fj22Xr17rh78Er17r3vQbOerr&#10;Unrg5ItY/X3suT071jBsb+9aaCvXuvEk/X3Xr3WF2N7fj37r3XD37r3XB/oB+b+/de6xe/de6xl/&#10;6f7f37r3WJmA+vJ9+691gJ+pPH59+691jL/0/wBv7917rH7917rokD6+/E068BXrGX/A/wBv7bL+&#10;nTgT164e2+nOuiQPr7917rGXJ+nA9+691hLgfTk+/dXCV6xkk/X3sCvV8L117cCU6oXr1icg2t+P&#10;dXNerIKdYyQPr7p0oUgDrEXJ/wAB791QvXrj7ozU6r10WA+v+290ALdWALdYixP+A/p7cCgdOBQO&#10;uPupf06qX9Oscn496VqcetpnrC36T72Gqer9cNHBJ/p9Pfi/p1QtXHXFWZGV0ZldWDKymxBHIII5&#10;BB9t16v0Zjanc+F3PiIdi93Ub7gwd/HjN4C7ZHHuwCiR5AGklC2F5BeQgESrOp0jfHrfSJ7O6bze&#10;xqeHcOFqot17EyCifHboxlnVEc+halULLGfwJATG54BVjoFlAPHrZWnQGe7lgOq9LDZO/Ny9eZqL&#10;O7ZyL0dQtkqqZ7tBUxg3MNRFcLLGfx9GU+pGVgGDXxdbBp0PeS2ls/vjH1e5etIqTbPY1PEavcfX&#10;0zqkNZb9dTjm9CgsfrwFLH9wRMQ8u6aTnrfHoqtZR1ePq6mhr6aoo62jnamq6SqRo5I5EJV0kRgG&#10;V1YEEEXB93ZhTrwQnp12zujObNzNHuDbuRnxmUon1RTwnhluNUciG6yxOBZkYFWH1HtrpwKB0cZ0&#10;2T8qMI0tP9jtDubE0N5IjxDkEjVRdjYvLTE8A+qem+h8kQBf3Xvh+z/B0S3cW3c1tTMV2A3Bj58Z&#10;lcfMYamlnHP+Dowuskbj1I6kq6kMpIN/furdcdv7izG1MxQbgwNfNjctjZhPSVUB5B+jKym6vG6k&#10;q6MCrqSrAqSPfutEV6ONX0G0vlJtuXMYNMftruvDUQbJ4rUI4spHEqqGUsfVG3AjlJLwNaGctF4p&#10;ffutfD9n+Doj2Sx1fh6+sxeUpKigyOPqGpK2iqlKSRSIdLI6nkEEe2QKmnVul/1V2jnuqtzQ5zFM&#10;9Tj5yIM7g3crDW09zdG4YJLHctFJYlG/DIzozumnXjnoU+4+r8FkMDF3L1QDVbGzB82ew8dvLiKp&#10;2USI0SljHD5HAZLkQsQUJgeMrVuHWq5p/qPRWPbXW+jhdebixHeezIumd9VkNLvLDwNJ1fuyrvqL&#10;RpxQVEguzAogW1j5IlFgZ4Yi9uI69x/y9FQ3FgsxtfNZLb2do5cflsTVNSVtJL9VZfyGHDxupDIy&#10;kq6kMpIIPvxFOvdDB0b2hQ7OyGR2hvGMZDrTfEZxu56CcF1p2kXxpXxqOVaPgSFPUUAdbyRRAV62&#10;Okj3B1jX9WbuqMNLKa/CVyfxLbGbSxSropOY2DL6DLFfRIBxqGpfQ6E+6cDADps6x37U9ebrpcyI&#10;BkMPVwvh90YSSxjr8bUgJVUsin0tqT1JfgSKpIIuDsY6oWr1O7d2HTbI3FHJhJ2yGy9z0Sbj2Tlr&#10;lhNQT+pI3YgH7ilJ8cqmzXAZlXWB78RTry8epXTG8sVt/cNZtvdja9hdgUX91t3QsRpiSU/5NkFu&#10;GCS4+oIlVwCyLrKjVb34dOMK9ITfuz8rsDdud2jmB/leGrWgWdQQk8Js8FTHfnx1ELLIv5AaxsQR&#10;71w62DXPQ4YaU9tdCZXbbKanefSbvuPAP9ZZ8BUN/l9OOCWFHIBJybhFhjQcEH3WiaH7egY6r31N&#10;1z2Dtfd8bSGDF5NBlIY7/u0Ut4ayIixBL07vpBBs2k2uB791sjUKdOHd2yothdk7iwtBofA1U653&#10;bE8JvHJja5fuKXxkfqWJXMRPF2ja3FvddNOvKajpSdnlt19YdSdiqTJWUWOm6s3LIObVGIPlxzO3&#10;1aWfGVC6ief2uSfqd6agE9eGP8P7f+K6hVKncnx6xNQf3KzrXsSfGNb6pj89TLUxk/nSK+hlAvxe&#10;S4+re/E0HW/9X7P+L6xZs/xXoLYlebl9n9hZna7m30iyNLQ5OAE/0MsVSVH9dZt+TRjUfn1r/Y/y&#10;/wCx0JdH463tnpOtqJDEu4uncfTvUBWuzw4XIYUN6iSzmSisW4BYG3p5PuJH2dbH+r/D0s+oaubb&#10;XXsO69MRXC9G57J0k7ax46mTc+QloVJB0hjkMHDa97hiB9PflwK/Lr1K4+fRDiQPr7b6ewvWNnJ+&#10;nA9+6rrqeuHv3TnXFnVfqf8AYe/de650OWyOLraXJYqtqsZkKKYVFHXUMjxTROPoySIVZWH9QR79&#10;16lelsMntjeVo9wpS7S3I+lI9z4yDTjqlr2LZSgpkJpnIPNTRRkHT+5RySSPULvj1bSRno4vY8D9&#10;G/ETa+wfPTrubtTLnKZp6ORZFanYx1c7xSxko6rTx0NMxBZXV3INiLWPaPt6YU62r6Y/1fz6rtZi&#10;f8B7p070t9v9gVmKx427mqCl3ds5pXlbbeZZwKeSQAPUY2qQioxtXwDriPjkIUVMNRGPGaGTq4Tp&#10;yr9hUGepZ831jkKrclLDC1Vkto1yquex6KCzs1PH+3lKSJQSaqkuVQF6mmpAQDorqyOrA0wf9joJ&#10;ixP+t/T3YKF6v0fWgnqOsvg3NW08z0Ga7Z3+rUVVAxSojhgnWxRlKuq+LCuQfwJ7ixcH3ctRPtPS&#10;WmqX7B/h6Lqu/tsdhqtD25DUU24Cgho+18DCr19wNKDO0SmKPMQgW1VClMgqi5kqgFi9tV1fF+3p&#10;/Tp4fs/1cP8AB0ht59e7i2alFXVgo8rtvLljgN34GT7nGVwX9QgqFAKToP8AOU8yxVER4liT3UrT&#10;rYavSD916t0bn4Q12Yi+QO2KCgyFbT4yuoMk2foad3ENTFDjqt4BUIp0OIqvxSIXHpdVtYnl+3y1&#10;Pt6YuRVD+X+EdNfZW19s9vb+33lutshUU2+593ZKbI9d5+dHkyTCrnL1W3q4iJKt5bazj5FjqEvp&#10;pTUqAqVYaiacfTqyEoAD+30+3/V+zorNTTVNFUz0dZTz0lXSzNT1VLUo0ckciEq8ciOAyOjAgqQC&#10;CLEX9tdO9OW3dz57Z+aoNxbYy1dhM5i5vPQ5LHuUkjb6EXHDI6kq6MCjqSjqVJB2DTI60QGFD1ZR&#10;uOim+SvxQ2BWQz7Q2fvKh7Dq6LH4uy4/H5TJuMi8lJTlv2KOtygl86amWBqnXFeMSr41BHiKPt6R&#10;j9GQ8SCK+pHl/q8+txf4XU09B8Pviti6uMwZDDfHTZWEytG5GunrKLbeNpaulmAJ0T01TE8UqH1J&#10;IjKwBBHuI9yUrcSg4/Uf/jx6yC2V1ks4CpBHhRioNchADw9Oovye6RwnZWx9xbhpIpaDe239uz1V&#10;BkKC6tXQUtqz+G1iKVFTDI8A8Ou5gm0yIba1dVtG4NaSKpyhYAg+ROKj0459R0S817BHulu8i4lR&#10;CQR+ML3aG9QaYrwOR51k/GTujA9n7AwGFkqzFvTbe3qehz2KrbiWojp1FIMjAzACop6horyFL+KY&#10;tFIB6GfW7WDWchb8DMSCPKuaH0I/mM9X5U32PdrZIyf1UQB1PEgduoeoNM04HB8qlV786e2l0/vd&#10;NztQzx9OdsJPtXeePolLnDV0v+U01fRL+PBURCrhjAJtDU0y6YpkQHG23z30eiv6sdGUn8QGCD+R&#10;oftB8ughzFssOyT+LQi2uKxygf6E57gy/YRqA+TLwIHRp/jd2bXbkxOR663dkaev3319FDC+Vp31&#10;xZnDyqrYzNUsh5qIqinZNcgvfVFK5DThQT7paCJhKgoj1x/Cw4qfSh/1Y6F3K+6tdIbaZgZYaDUD&#10;USxkdkgPmCKVP2E8ejOeynoV9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abBJP195PYXrCXC9de6F69UL164FwPpyfdOvBK9Ymb8k/7D37pwCn&#10;WIuT9OB791vrh7917rokD6+/de6xFif8B7917rj7917r3v3Wi1Ove/dNFiesZf8Ap/t/furBPXrH&#10;9eT791YkL1737pssW6xl/wCn+39+6sE9esLMB9eT79051iLE/X/be/deAr117904E9euJYD/ABP9&#10;PfurFgOsRYn6/wC29+6bJLdde/dXCU49cS4H+J9+68Wp1iJJ+vv3VMt11791cJTrgXA+nPv3Xi9O&#10;sZJP1Pv3VMt11791cJTrgXA+nJ9+6v1jJJ+vv3XuuvfuvdcC/wCB/t/fuvdYySfr7917rr37r3WM&#10;v/T/AG/v3XusfvRbT17r3totXr3WMv8A0/2/uvXusLMB9eT7sFr17rEWJ+v+29uABevdde6l/Tr3&#10;XvbfXusDtybngH28op17rCXJ+nA9249e4dcCeCf9j7oXA62M9R2b8k+6Zbp3C9Yi5P0493CU6oz1&#10;6wlwPpz78Xp14JXrytxcn8+2ya9eZc464M5N/wAD3rqwSnWIvb6c+/dX6xkk/X37r3XXv3XuuDPa&#10;4H1/r7917rGST9fbZBY9e6692C069173bpwJ69cSwH+v/T2yFr051iLE/wDEe3AAvXuuvdGavXuu&#10;JYD/ABP9PdOvdYWb8nj37r3WMv8Agf7f37r3WJjYX+vPv3XusLN+SePfutgV6wlyfpwPfunAlOPX&#10;D37qjmp6wMSSf9f37qvXXv3XuuBcD6c+9HHWxnrGST9T7ZJr08BTrr3rrfXAvb6c+7hK8evdYWa3&#10;JNz784p1sLXrEWJ/wH9PdOnQoHXH24E9eql/TriWA/1/6e7EheqgFusbMT9eB7bLV6cC06wl/wCn&#10;+3916t1j9+6sFr176cn37q+kAdYy/wDT/b+66anprrH78WA6eLAddEgfX22SW6bJLdYy9/px7uEp&#10;x6uEpx64e9ster9cWZV5Y296K4x1VhUdYGmLEBeATbn6+9aKDrSpTrE8qrwvqP8AvHvQSvV+o7MW&#10;Nyf9h7vhevdC11l3FuPreaSijEec2pXsUzG1cl6qeVHGmQxagwhlZeCQCj/SRHAFm2Netg06Erc/&#10;Uu2excNU796NmFSIl82f69mIFZRublvtY9RJU2JWK5V7N9u7m0I1SnHq2mvDoqsscsMskM8ckU0T&#10;mKWKUFWVlNmVlIBVlIsQeQfr7dqF6qFJ6lYzJ5HC19LlcTW1OOyNDMKikrqN2jkjcf2ldSCOOD+C&#10;CQbgn22zV6dC6ejTUeb2f8i6WDD7qlx+0e4IIhTYfc6II6PMFU0xwVarwszEAAAXBt9vcH7f3QCn&#10;Xg1eiy7q2rn9mZqrwG5cdNjcnSN64peVdDfTLE4uksT29LqSDyPqCBvq3TVjslX4evpMpi6yox+R&#10;oJ1qqOtpWKSRyIbq6MLEEH/ih49+690dXDbn2f8AJ3AQbS3maXb/AG1i6N02/uSJVSKsA9WkKCA+&#10;oi8tMRx6pqYi7pH7qi/Lon29dnbg2Dn6zbm5qJqTI0p1Ky3aKeIkhJ6eQgCSGSx0tYEEFWCurKNF&#10;qdX6ZcJnsvtzLUGcwdfUYzK4yoFTRVlMbMjD/XuGVgSrKwKupKsCpILeonr3Rz6mg278rNrzZbFx&#10;UG3u7Ns0CjJ0IIjgysKjSrAsb6CRpSQ3ancrDMTE0UgvTz60BT7P8H+r/V8yQ19HV4usqsdkKaej&#10;r6GoelrKOpUpJFIjFXR1YAqysLEHn34sB1voU+ne3sh1bnZWnh/i20M4oot17dlVHSogIZC8aSej&#10;zxq7WDemRS0b+ltS0DEnrRFelH3d1Nj9tRUPYXXs4zPV+6rVOOq6YtJ/D5XPNLOxF0j13WMv61YN&#10;DL+4mqTYUdbp0XimqamjqaespJ5qWrpJ0qaWqp2KSRyRsHSRHUhkdGAKkEEEAjn3YsB17o5VfFTf&#10;J7YMmYooYI+79g48DLUdOFRs3j1NhLHGoAaZSeAoskreIgJPBpb4jr3RK5C6M0bK0boxV1cWII4I&#10;IPIIPuvXujcdYZWg7t2DN0fumrih3ZgoZMp1Pn6vltUaM8uMkk/V4yikDlv2foL00KtatRTr1PP9&#10;vRTsrjq7CZGuxOWppaDJY2rkoa6jqBZ4pYmKSIw55VgRxcfkce69bAr0PvWFXB2nszKdI5WSNM5S&#10;Gfc3UuQqGVfHXIry1mKLkemDIxhnA1BVlBc6m0Abr05TTnotlRTz0lRPS1UMtPU00zU9RTzqVeOR&#10;GKujqwBVlYEEHkEWPvXV+jF7lP8ApZ6bx28EKzb36jjh2xu7j92rwkrlcXXGwu7Ub3gkPLFdUsjW&#10;0+99UHaft6DLqDfjdcdgYHcsq+bFLOcbuKjYalnx1UPDVxvGbrJaNvIqnguiX966sRXr3dGw0667&#10;Ez2Aoz5cFPIua2tVo2tJsZWDzUjJJ9JRGpMLOOGeNyOPfuvA16EHebDsDoXYW9Qwmz3WWQfrTcrE&#10;3kagkvU4eZgblYYVLQKSfU7Nb6WHiade/wCL6ZusQu5+tO4dgSDyVVLhoOz9vKxHpqMK5SvCAkap&#10;JsbUv6RzaMkfQg1B1gj8+tHiD+X7f9mnUTp5/wCM4HuPYxJP94OuZdwUEYvd63b9RDk4FUC/qanW&#10;oAP5vp+jn3RfMdb6h7QBynSncGLf1tgcvt3eVKlibWqKvFVDDmw9ORj/AB+kNfjldDgetgVP+r7f&#10;8nQi7btU5b4t5MurO22slh5ADqK/ZZvOaVZvx+3OrBf7KsPww93rWn2dWVaV/wBXkOlDnJn258Vq&#10;ep8ehd2YXAbKp5Bb0vFndz7jqNBtcCWCeDyWPqICsLKC2icdVPxfz/wdEk+vJ9t9WALde9+6cC06&#10;xl/6f7f37q3URjdjfnn37qwWvXEkD6+/dOABehP6W2LJ2Z2js7ZwjZ6PI5ZZ8uw/s0NMDU1huSAp&#10;anidV/q7KACSAdgVPTcklAejE/LHuWoyPb+V2rSwY7ObL2jRwbbrNu5FS9HPVRlpquZCjJPR1cMk&#10;ppvPTvDMqwlNRRnV7Oc9MxLQfb0WSfaOO3LFLXdez1VbMqtNVbJyTI2Vp1BJJpGRY0zMKpyWgjjq&#10;VAdpKRIk8ztsKjHTqmh6DMi3B4I4IPuoSnHqzP1kpqysx1ZTV+Pq6mhrqOVaikrKORopYpEN1kjk&#10;Qq6OpFwykEHkH3Ymgx1ZRjPQr024ds9jyw4/fNM2F3dVyLTUPYG36cMKmZ2VUGcxsQUVRdj6qylC&#10;VVyzzQ10h4pq18f29bpp4fs6Ml81aeq2dgej+qaanlXEbO2aHnyUMcgp6msKQ0jhZWUI00YpWlZR&#10;6wKkM4AdfbzilB8umLc6ix9T/LogXthzXpT0udm9ibg2Qaymomo8pt/LgR5/aOej+5xleg+n3FKx&#10;AEqf7rniaOohPMUqHn3pWK9VZQ3+fpYybG232Qktd1E1TSZ8I09b1LmZhLXWUanfA1rBFzEKjkUz&#10;BK9ALKlWA03vekNw/Z/m61qK8eHr/n9P8H2cOhw+CGPSj7h3TnMrFLTR7N69yNfVLMul4pRU0cDq&#10;6vp0MsLTXBtYixtzZ22HdX0HTN0TpAHmQOiT1VdPU11RkZJHFVU1b1ryqzavI7mQsGJLX1G9yb35&#10;vf2xXpT0M1P2BtzseCHDdxGop81HEtLiO3cbF5shEFXTHFnqddLZukFlHnuK+FQdL1CgQ+7atXH9&#10;vTekrw/Z/m9P8HQdb32DuLYdVSx5aKmq8XlYTVbf3Ph5BU4zJQC371DWIPHKBca0OmaFjomjje6+&#10;9FSOrK2r/Vw6NJitWQ+BG5WUmQ4HvKNyZf8AdWulx4vDe+nmtH0t+p/8bufg/PpnhL/tP8vW378T&#10;9mb62X8VvjF2j1XU1O4J9y/HXY+4+xetM3Uu0WZqqnbGKmq8njqqYyNRZqeRmeQteKpY3kGtVV45&#10;vLlLqaSKfFHcJIBle40Deq/zHUsWO3TbbBFc2XcGijaW3J7ZCUBLIfwuf2N59Hm2F2HtXs/CTZHA&#10;zSlqeVsdn9v5aLw1+OqRdZaLI0b3eCZGVlIN0exKM68+yi5tXtGo32qwyGHqD0J9u3OHdo9cfl2u&#10;jCjo3mrKeB/kfKvRI+jOtIcxjez9gY7KT7X7E6U7NrDsPe1GA1TSU9X5I4IZla4qsbWNRzNNA90k&#10;WRjYNyRBuN34ZjlI1JLGNangSOP2EVFD0Atg2oTpPbKxjmtZ28GUfEoaoAPqraTUHjXoZNw1FR3f&#10;15vrpbfeKpNudw4nC/fpiAx+1rJ6c+SgzGInexmxtVURhJLXkp9ckEwvYugiA2+VJ4yWiJpXzAPF&#10;W+YH7eI6O7ljv9tLYXChLlVrp/CxGVdD5oSKHzWpB+deO1c/u7qyl617bxCVNdisTkp9vXkuDTyx&#10;u5y22cgWU6IqqN2raG9zF5n0o8odoxPNGl4ZIWwSA32j8Lj7ODetOo2tLmbaBBeJUqrFPTSQe+Jv&#10;kR3p6VOCci6Xau5sPvPbmG3VgKkVeHz2PjyNBPxfRILlHAJ0SxtdJFvdHVlPIPsBTRNAxRsEGh6n&#10;O0ukvolmjNVcBgfkf8o4H0PT/wC2+lP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prFgPr/tveTJNesIQC3WJmJ+vA966cC06wl/6f7f37q3WP68n37r&#10;3XvfuvdYy/8AT/b+/de6x+/de69791omnXvfumy/p1xLAf4n37rQUnrEST9ffunKBeuvfuqF68Ou&#10;BcD6cn37rwQnrEzfkn37pwCnWIuT9OPfut9cPfurhK9dEgfX37q+F6xlyf8AAe/dULV64e/deCV4&#10;9dFgPr/tvfurkhesRYn/AAHv3TZYnrj791sJ69dFgPr/ALb37q5IXrEWJ/1v6e/dNli3XH37qwT1&#10;64lgP9f+nv3TnWMsT/rf09+691x9+691xLAf4n+nv3XusRYn6/7b37r3XXv3XuuJYD/E+/de6xEk&#10;/X37r3XXv3XuuBcD6cn23J17rEzfkn/Ye6AV691iLk/Tj24Ep17rh78zU691722TXr3XveuvdYXm&#10;A4Xk/wBfx/xv3cJXj17qMSSbk3PtwkL17rr20Wr17rE78G39Pr70OvdRSSfr7dJC9WALdcW+h/1v&#10;bZavTgUL1g916qX9Ove/dbTh1wf6f7H37q/WL37r3Xvfuvde9+691gP1P+v7bZ+vdde7Lw6sEr10&#10;SB9fdunQKdYy5P04Hv3W+uHuhenXuuiQPr7bJr17rGXJ+nA96691iZtP+uffuvdYiSfr7917rr37&#10;r3WGV7Djnn37qyivUYkn6+/dOEheuvfumyxPWMv/AE/2/v3WiKdY/futdYSxP+t/T37r3XH37pxU&#10;px64lgP9f+nvRFRTpzrEWJ/4p70AF691178GqevdYn+v+w96ZdR6urUHWMkD6+9gBetElusZe/04&#10;90L14dXCU49YmcC/5PunV+sRJP19+69117917rgXA+nPv3Vw1B1jJJ+vvxx1U1brr20Xr1rrgXA+&#10;nJ9+CV49XCV49YySfr7cAp04BTrr3vrfWGSXTwv1P596Br17qMSWNyST7317ri30P+t7917rB791&#10;7riWA/1/6e6MtevdYyxP+t/T3sKF690/7X3XuDZmYps9tvJVGMyVKfTLCfS6XBaKaM3SWJ7DUjgq&#10;eDa4BFGavWwadGkK7C+SdKTH/DdidzRQ3aM3ShzBVSSeNTs9hc/qqI1+oqI0utOnQw6KjubbWe2j&#10;mKrA7kxtRi8pRtaSmnHDKSQskbglJYnsdLoWVvwffumyS3TCrMrBlJVlOpWXggj6EH8Ee/dXVKdG&#10;f2p2VtjszDUvXXdE4jqYV8G0uyX0/c0UhAVIq2VrF4HIGuR20tYGchlWoj9w69wOOgY7H643J1pm&#10;v4Vn4VemqAZsRmKW7U1ZCDYSRPzZrEa4z60uLjSVZtE06qat0H0VTNTzRVFNLLTzwSLNBPCxV0dS&#10;GV0ZSCrKwuCDcEXHtsvXh1ZUp0drZm+9s/Ifb0PWPaUkGP3xTR6dnbzRVV5pgoAVrlQah7DyRXWO&#10;qH6fHOsZ92GRnq/RVOwevtydabhn27ualWKdB5qOtg1NT1UJNlnp5Cql0JFiCAyMCrqrAj3sUXr3&#10;Sd2/uXNbVzNBuDb1fPjMtjZxPSVcB5B+hVgbq8bqSrowKupKsCCR7oXr17o4eZxW3vlFtGp3Xtil&#10;o8N3PtukRc9gYnVI8pEgVRImprkEcQyMbo1qaZihimXZGrr1OiP1VNVUdTUUdbBPS1dJM1NVUtSr&#10;JJHIjFXR0YBkdWBBBAIIsfdwAOHXuh66S7bpNoSV2yN7wjMdX7t/yPOY6pDSLRvJZfvYUBJUKbGU&#10;INZCrJH+7GgarY62D0nu6OqKvq7PRfZzHLbNz6HIbS3BGVdJqdgHWKR09DTxI63ZbLIpWVAAxVWz&#10;14joPdnbxzew9y4vdW36o02UxVQJY73KSIQVkglUEa4ZkJVxccHgg2I114CvRhu69pYTf+2oO/8A&#10;rim8eLy0vh7DwENi+NyZ0CWZgoHoldx5TZdReOosRO2j3VxQHorFBmK7DZCiymJqpqHJY2qStoa6&#10;nOl4pYmDxyIf9UrC4/H+uPbgT168qdGn7WoMf3T1/S96bZpEh3RhEiw3a+FpQLh0RUiySIPV4rWu&#10;fV+yVuQaaVjQinVh24/Z0U/G5Kuw2RoMtjKqWiyOMrI6+grIDpeKaFxJHIp/DI6gj/W966t0PndF&#10;BRbzwmA7125Tww027JP4Pv7HUinTQbggjHmYgCyRZGMCZL3JJLOdUtve6dVGMdIXpnfVJsXe9LPm&#10;kFTtPcNLLtTelC9ykuMrgIpywHJ8BKyi3J0aQfUfeutkV6T3Z2yKvrve+e2nUSGogoKry4uuFitT&#10;RTAS0lQpW6nywMpaxIV9S3up9+62M9DBn/8AjJ3x8we5gDPujpavTaOdk+ry4Otb/cbK5JLFaWYe&#10;BB+F8rHjn3pjjqvA9Nvx2qoM3k959TZCYR4/tXac+IojKxWOPLUStW4uocfRvHJG6gcFmdQD+DRB&#10;XqxGK9IvpXPf3N7e2lNmIxDQvmztjcVLVAhRS14fHVizLySsSTszDk3TjkD3VcHrR6UnXNI3W3yO&#10;xG3ciFNPQb6n2LkhUEBJKWuebEyM5uB43gqderiwswsQCNjtbrx6x9d4iXF5rvTYdYjNUx9bbhxr&#10;QOLN91hKqnyCjSEc+QHGuAthyfqDYjwxUdbrQ9K/YRM+N+NM5kVzDuzdmN8SD9KxDH1N2sSdRNYT&#10;+LKF/wBf3seX59XBqf5/4epXyCqBh+nvjxtOBjGazaqbuylMfzJNjcWlO+k+pLeSoUjgFw7fnjTH&#10;A60gqTX7OidlwPpyfdOnusTN+SffuvdYi5P049+6dCU6wlwPpz7914vTrGST9T70TTqmW6P58RqC&#10;k692H2z8gc1BH4sDh5dv7dE9gJZVWOeaNbsDepqWpIEYW5MiBv1AOLjPTMwyF9cn7OiF5LJ1eVyF&#10;dlK+d6vIZKslyFdVSklpJpnaSV2J5LO7Ek/1PunTnUGOWSKRJopHjlicSRSxkqyspurKRYqQeQR9&#10;D70Wp1sAnoRf70Yfdw8G/o5osuUKwb9xcYesZgPQMtT6kTJxkizVAKVo1GR5aoIkBoX1cenNNOkv&#10;uTamU279tUzmlyOGyBYYjceIczUFWE0lxDNpRlljDqZIJVjqIdQE0MbG3vRwOrA16Fr4tbOG9e9N&#10;iUMsfkosNkv715G66lEeNH3UYcfQpLUpFGb8HXY3+h3GNR6pM2lSenTuXu7MZbuTsqvpZaLPbMyO&#10;4f4ZLtfMq0+LrafGIKCmnMOtHhmeOIyR1EDw1MZkYxyIWYe9u5qetRx6VA86fs6Dp9mYPfKy1nVk&#10;tR/FhH5qrrTMSK+SBAJkOGqAqR5qFbXEQWOvUcCmnRGnNaA8P2dXrp4/t/1f8V0EMiSRSPHKjxyx&#10;uY5I5AQysDYqwPIIIsQfp7p1br0U0tPLHPDLJDNDIJYZoiVZGUgqysCCrKRcEcg/T37r3VlPxz3z&#10;Ubl6l783fv2rx9BXY3Z8ezD2WtI8mTeGtgq4teS+3ZJMk1C7U7JIR906ko0smmMIqjeoJPpSvSWV&#10;O5QPWtPLH+r7OiCb26+3Bsc0VTXiiyuAzCmXb+7cDKKnGZBF/UaepUDTKn0kglWOohPEsSH2nZSv&#10;SkGv+rPQflifr/tvdet9CNsrsrJ7TpavAZGgo927Fy0gkzWyc6WalkexUVVJIv7uNyMan9uqpysg&#10;4WQSxao2sGp9np1Vlr9vr0dCmxG2K34SduL1pXZTM4eLsSi3TVYvKxMMnjixwsFTQ1IgjMFUtIkI&#10;nFXEVjkp2ZnSCSKSMOgDQaev+bpMSRKK+Yp8vXrdI+EHPwt+IR/8Be2B/wC8pifcSbj/ALkS/wDN&#10;R/8Ajx6yC2f/AHEg/wCaMf8Axxelr2D1RU5XLr2B11lItmdo0USxjKlWahy8MYFsfm6dP+BNM4UK&#10;soHngsrRk6FX25bXuhfClGqM+Xmp9VPkflwPSLctnMz/AFNq3hTj8X4JAPwyAcR8+I8ui0dK7sya&#10;fK7sKh3Jtqs2Tmt87LgrMrtypYPGuTxwpo2kpZgFWqpamBJ6iOVb31lebEg2v4R9EhRg4RyA39Fq&#10;8fQjAp0FtivHG8TLKhiaWIFkOR4iaRVT5qRVgfn0bTs7rGg7Ex1FLBX1O295bdnOR2ZvTGC1Xjqq&#10;3+uPPST2C1FOx0SpwbMFZSS0uzak41K2GU8GH+f0Pl0Md22ldzUEEpKh1RSr8SN/lU/iXgR0SHqT&#10;F1M/aXcfQXcm36XHRdoUJ3StBSECllyMJLz1+GdkFkqwXq4SFJpzTeFhqhcEQ3r0hiuYGJ8M6ani&#10;FPAN9nA+ta+fQC2aItd3O3XyBROPEoPhLjJZP9Nlh/Dpp5Hpd/Hesz3RnY+c+OO+Kw1GMyjSbl6u&#10;zbgiKqjbW08Mdy3iadI2kMVwsdRFUKGczRs6bdFXcYhdRjI7ZB5j0/4v0I9OjDlp5OX7ptruDVWq&#10;8D+TDzA9K0rTyYNxqKny9hzqQ+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TNZwP8T7yY6wn6xEk/X37r3XXv3XuuBcD6cn37r3WMkn6+/de669+6917&#10;37qhenXRIH19+6plusZcn/Ae/dXC064e/deL04ddFgPr/tvfuqAFusTMT/gPfunAtOsJf+n+39+6&#10;t1wJJ+vv3WwpPXXv3ToUL1jL/wBP9v791Uv6dY/fuqhS3XvpyffunAAvWMv/AE/2/v3VS/p1j9+6&#10;qFJ68SB9ffunAAvWIv8A04/x9+6oX9OuHv3WgpPXRIH19+6dAp1jLk/Tge/db64e/de66JA+vv3X&#10;usZcn6cD37r3XD37r3XRIH19+691iLk/4D37r3XH37r3XRYD6/7b37r3WIsT/gP6e/de64+25Ovd&#10;YX/Ufdk4de64+7de697YY1PXusbyKnH1P9B72Fr17qM8jP8AU2H9B/vufbgWnXuuHupf0691xLAf&#10;4n+nuoUnr3WIsT9f9t7uwAHXuuJ+h/1vbXWxx6jFwP8AE+7ha9OFqdYiSfr784p1TLdde6dXCU64&#10;FwPpyfeyKdWBr1jJJ+vvXW+uvfuvde9+6910SB9ffutgV6wE/U/7H3ULTp0LTrgX/A/2/u3VusZJ&#10;P196LU69117aLFuvdYy/9P8Ab+69e6x/Xk+/de697917rEzA2t+PfuvdYiwH+v8A09+691iZr/U2&#10;Hv3XusLNfgfS/v3WwadYiwH+J9+62FJ6xFifr/tvfunAAvXXv3TbGvXAuB/iffuvBK9YSQPqffun&#10;QKdYy5P049+631w90L06910SB9fbZNevdYi5P+A9+Bp17rEXA+nJ97VtPVwlePWMkn6+9E16vUL1&#10;icn6fi3vXXlNesfv3Vuve/de6wsxJI/F/fuvdcffurqteuJYD/X/AKe/HPVmIGOsZYn/AFv6e6ha&#10;deQY64+7dX64lgP9f+nv3XusRYn6/wC29sFq9e6xv9B/r+7J17rAWA/xPt3r3WIsTyTx79w691hL&#10;k/Tge/de64e6s2nr3XRIH1PtomvXusZcn6ce9de67hmmp5oqinlkgngkWaCeFiro6kMrKykMrKwB&#10;BBuDyPfurqtejX7a7Q2n2zh6Lr/uvx0+ThXwbY7HjCpPDIQFVaxyLAOQA7n9qWymYLIon9+6sRTh&#10;0CXZvVu6OsMsKHNQioxlWzNh8/SAmmq4x/qW58cwWxeJjqW4I1IVdvdVZieguL2+nPuhenDrwSvH&#10;oxPW/buKnwv+jHt2CbP7AqyIsbkmu9ZhpbaIpqeTl/t4QxsqgtGtwivHqhfSmvHpynp0ju1OpMt1&#10;vV09ZDUxZ/ZmZby7b3XQlXgqEZdapI0bMkc+jkc6ZAC8ZIDBdqB1voIPKUYFCVdTdXHBBH0IP9R7&#10;8z0690dPYHYO3O89twdS9uVAi3LEPHsre0mnzNNpCxxySNYGqNgpDELVqArkVAR3pQt149Fd7E69&#10;3F1ruGq25uOm8csd5qGuiuYKuAkhJ4HIGpGtYg+pGujgMCPbgWnXuPTDtXdOc2XnsduTbtbJQZXG&#10;TiaCVL6WH9uKVbgSQyrdXQ8MpI9249e6NxvPbWB+Rm0qjs/r+jhoeycNCq742hEwMlUEj4mhX9Uk&#10;pVP2XsDMgMRvNGFOq9VGMH8uiQOWUsrgoVJVlbggj6gj63B9tMa9Wp0ajpbsLA7owM/RPZ0wbbGb&#10;fRs/OzafJi69ixhVZG/RG0rnxMeFd2ie8MraK9X0HoBuxev891nurIbV3BFaopSJqOtjBEVXTOT4&#10;qmEn6xyBSCPqjq8bWdGA91bWKdLDpLtZutNxzQ5eL+JbG3PD/CN54SUeRJKZwyedYjcPLTh2Om37&#10;kZki4Lhl2DTqlS3WHvDqsda7khnw0xyexd0QfxjZubjbyJJTyBXMBlF1eWAOvqv+5G0cnBcqty1O&#10;nEavULpTs/8A0Y7xjrMhG1dtPOQHCbyxDKJEnopbqzmJrpJJT6i6qR6l1xXAlY+2+tsKjr3eXWY6&#10;03f4sZKa3Zu5KYZ/ZmUQ60loprMIvILh5KfWFJvdkMcpAEgHuzCnWlbV/l+3pw6J3Zi4snmutN2z&#10;ePY/aNGuAyMslrUVeDfGZFLkKrU9SVDEkLYh3usYHvXWz0Em7tr5XZW5s3tTNwmHJ4LIPQ1K2Nm0&#10;m6Spf6xTRlZEP5RlP59663x6HPOj/Sl0Zi91XE27+mpYdqbhN7y1GBqn/wBxlQ3Nz9nOWhFh+jyS&#10;OePfuq8D0xfHPclBQb8k2hniP7rdn4mbYObR7EK1aNNHOt/SssdVoVXP6Fd2HNiPdbPQdzDOdVdh&#10;mNv2s/sTdQYEcK01DUhlI+t4pvGCPqGRvyDzQvTp0uCOl18i8NR4ns2r3DhrpgewMbS9i7fmTgmP&#10;Jp5pSNPCkVglIAPpGn3VxQ16bHUvvurlm3lsvs2haNZt/bJw+9ZXiFkTJQRikrUstvUtTRa2t9S9&#10;73vbzca9eXHQmmkph8t6pKZQ2M7FoKqrpVcpaRNzbbmkUanXSR91WW+nJXT9Cfe/Pr3l/q8j039J&#10;JJWYfpeOn0q0PZ+8KN5pgRGjybbxki62/C6PUf8ABW/p70vl+fVmwT9g6THy/wAutZ2pQYdIUpU2&#10;nsXFYA0kZ9MRaOSvEYBAI0R1yqL8kKCffpOPVouH5noqZf8Ap/t/dOnOsZP1J5/Pv3XhjrCWJ/1v&#10;6e/dWLFuuPtsv6dWCevWWmp56ypp6Kkieoq6udKWmp4hdnkkYIiKPyzMQB/ifdQpbqxYL0fn5RVk&#10;HVPT/Vnx8xU6fd/YJuPdzQE2kZHdrnga4qrJyTyqDyv28f8Ar+1LYFOkifqMW/IdV8+6dKQnr1xL&#10;Af4n+ntP051iLE/X/be/de6UGA3Zl9tNVRUTU9VjMkix5jBZNPPQ1qKTpWop2IBZLkxyoUnhY64J&#10;YpAGFxgdaIr0fr41Y3E7c6z7h7t2bi8xQ56rwcmyNs4GpeOYx5N1SXx42pdkmrIqmsno/DC8fnVo&#10;zAHq5SHZ6OgBP7Ok0xqyr5Vqfs6rfqo54ZZ4aqOWKpilaKoinBWRXVrOrq1mDqwIIPIP19s+XT/n&#10;1GR3jdZI2ZHRg6OhIIINwQRyCD9D7p1foWIt8YHesUeO7QiqTkwnioey8RGsmSjNrIuXgLRrmqcH&#10;gyMyVyDlaiZEWnN614/t6pp08P2f6v8AV/h6R27Nk5jaq0tdPJRZjb2Sdlwu68FIajHVmkBmSObS&#10;rRVEakGWmnSKphuPLClxfRWnVga9G2x7Ns74E5uoZBFL2p2elJTTnhmhp5Ybqp/K6sHOLc/qf25w&#10;T7T/AKv8HTHxSfYP9X+Hop+yexs7spa7HwxUOd2tmio3FszcEZnxtcq8KzxaleCqjH+aqoGiqYTz&#10;HKvILYanT5UHpZV3XeA31SVWf6akrquopqdq7N9WZSRZs1Qoo1SS411VBnsfHyS0SLVwoLz05QGY&#10;706sj9nn1UEj4v2/6uH+r7OgJcsCysChUkMp4II+oP8Are6dX6Pf09ujNbL+GXde4sBka3C5ZOy8&#10;TBh8pR3DCdKnBSSoGsVKmnLLIjAo6OUcMr2L6dqE/MdJpAHkUfI1/wAHW4v8S94752X8VvjLurdN&#10;ON19c7l+PmzNx1OR2/Rxw1m2WrduY2plp2xtHEkdTt+maUrA1OgmooFEckcsUYlWNL6OO8nkC0SQ&#10;O4ofhfuPAng3y4E8KcOph224n2m3iaSssBjQ6gKyQ1UGhA+JB5EdyjjUZ6PjjMnjs1j6PK4iupMn&#10;jMhAtVRV9DIssMsbC6vHIhKsp/qD7JXQxkqwII4g8ehZFKs6h0IZSKgg1BHyI6I38o9ryVXdPx9z&#10;NFmcjtqvz1dVbMg3JiiBNR1XlhONkCkqJVFTXuXiJCyxh4mKh7kQbRNpgmUgMAAxU8CM1/kvQA5t&#10;tNd/ZurMhctEHXirVGj7cuceYqPPoedidoZmmz8fWHbdLS4HsJIS+DzNPZMXuSnj9Jqsa7EBKwAa&#10;p6MgSR31xqUJWMuubRSvjQVKeY/Eh9D8vQ9CHb92dJPpL0BJqdjDEc4Hmv8AS9U4jyxwCT5n4DJU&#10;O3Nm9u7aq6jEbj623ND5M1RIGlhoq51iZ2H0lSOrEK+J7o6zSK3pdgy3YZAztA+VkXgfMjP+Cv7O&#10;ibnm2aOKK9iJV4HHcOIVsfnmmDg1I8+mXej1/fGwarG1VJHtb5EdRiLem3kxT3+8EYSaLIYSf/OT&#10;4zLIiGMqbwVSwLMfQpkcgA26So7oJO1q+XlRh5Ff5itOmL4tzDblGHh3tvSVNP4qUIaM+aPQU9Gp&#10;Xhkdvj33Vj+6tjQZZvBSbqw5TG7uxMRt4qnT6aiJCS4pasKXjvfSwkh1O0TMS7c7A2ElPwnKn5en&#10;2j/Z8+hDy3vq77bh8CRe2RfRvUfJuI/MeXQ8ey7oQ9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pj+8mOsJ+uiwH1/23v3XusRYn/Af09+691x9+691737qpan&#10;XvfumyxbrGX/AKf7f37qwT16x+/dWLBevfTk+/dNklusZf8Ap/t/furBPXrCzAf4n37pzrEWJ+v+&#10;29+68BXrr37p0JTj1xLgf4n37rxanWIkn6+/dUy3XXv3VwlOuBcD6cn37rxenWMkn6+/dUy3XXv3&#10;VwlOuBcD6cn37rxenDrGST9ffuqULdde/dOBadcC/wCB/t/furdYySfr7917rr37r3WMv/T/AG/v&#10;3Xusf15Pv3Xuve/de6xl/wCn+39+691j9+6914kD6+/de6xl/wCn+39+691j9+6914kD6+/daJp1&#10;iL3+nHtuTpsvXh1w96DUHV04ddEgfU+9Zbq3WMuT9OPdwlOvdRPd+vde96Jp17ri36T7aXj17rD7&#10;uXpw6910SB9fbZNetgV6ivIzXH0F7ce/Dj05ooOsXtwv6dVCevXRYD6/7b3QAt1ckL1iLE/639Pb&#10;gUL02WLdcfbbGvTiinXvderde9+691jL/wBP9v791ZRU9Y/funCwXrCxJJH4B9+62M9cfbbNTHW+&#10;uJYD/E+6DPVS1OsRJP19u0C9W669s9e64FwPpyfe6U691iZvyT7117rEXJ+nHv3XusJcD6c+/de6&#10;xkk/U+9E062BXrg/6T7qGqenAtOsPu/Xi9OHXRYD6/7b37qgBbrEzk/4D37pwLTrCX/p/t/furdc&#10;QGb/AIqfei1OvdcwqqLn/Yk+2ixbr3UYv/T/AG/vemgr17rH7p17rg/0/wBj791ZMdYvfurF/Tri&#10;WA/xP9PfuqhS3WIkk3Pv3ToGnrr37rfXEsB/iffuvdYSfyf6+/de6xFyfpwPfuthqdcPfutde9+6&#10;dU0HWJmN7Di3v3Vxnrh7oXp17rokD6+2wK9aJp1Hlckf0F/bqrTqqtU9YPe2NB1fro/Q/wCt7aBq&#10;evdYPb3XuuDMRa359tOa9e6xfXk+6de697917rGX/p/t/furhqDrH791oKW6MZ1n3VS0OJPXfaVF&#10;/errmuVaVPuQ0lTjObLLTuP3WiivcKp8sVgadhbxv7q+mnTF2v0tU7Kp4N27Vr13X1vlyJsXuCjI&#10;kMCubJFWFPSDqOhZRZXYaWEch8fugQdWB6Aj3frfQ7dV9wptWjqtk74om3R1lmlaHIYWYB5KQyG5&#10;qKIsVKsG9ZQMvq/cjZJRqb3Wj1E7Z6ek2XHS7t2nWtujrPPBajCbjgIcw+QnTT1mkLolVgVDlVVi&#10;NJCSho1roz1voC/IUYMhIdTqVlNiCPoQfwR7t17o6fX/AGFtrvTbVP1H27ULDuWIaNkb2fT5mn0h&#10;Y4pHYi9UbBSGIWrUBGIqAjvqtOtU8x+Y6K12J1/uTrTcdTtzcVN45U/doa+EEwVcBJCTwOQNSNax&#10;BsyMCrgMCPe+t9Rtg783B1xuah3RtypMNXTHxVVMx/aqqdmUy006/wBqKXSP8VYK6EOqsKM9OHXu&#10;jI9t7EwHa+1Je9Oq6YrNZpew9pxeqamqFXVUVKqtrsgOqXSoEsZFSAD5b1Ocjq6GnRMvdOvF69HU&#10;2dlsd8k9hL1nuiugp+1toUT1Wwtx1p9WQgjQa6Wok5aRwiBZiLuUVKq0jQz6r/FjqpFMnh5/5+iZ&#10;ZbG5DCZKuxGYpJ6DJ42peirqKpGmSKWNirow/qCPr9D9QSDf3Tp4fLo0fSu5sR2VtSv+Pu+6lYY8&#10;gWrutM9UG7UGRUO4ptRP+blZmKKLag00IN5Ygtga46o3b3D8/s/2Oiv7o29l9n5/K7ZztI1Hl8NW&#10;PRVkLcrqU8OjcB4pFsyOOGQhhwfdeHTgz0Z/qmspu6+tMr0Zm5413bt2KXcfVOSqSAS0as8+NLsy&#10;+hlLWBJ0xOz2tTIPdhnH7Om2Ok1/b/n6KNVU1TQVVRR1cMtLWUVQ9NU08wKvHLGxR0ZTyrowII+o&#10;I916c6Mv2GR211RgO2YSZt4bH8GxuzABeSeHkYvLSEcsZQRDK7ctK2lQEiv73x6qMGnSE6K3jj9q&#10;b8pqPP6ZNo7zopdlbuppCdBosgBEZW+tvt5SkhaxYIrheW9662c8OkPvzaWT643xn9q1rSx1m3cs&#10;0NNV20GSIESUtUn+pE8DJKv9Aw/I96cU68DqyOhe+Qipuui667ookTR2JtpaLcrRBQEzeKC0lZdV&#10;UCNZUVDGDyyxs30sBplrn5daX09P8B6h7ltvL467F3EBHJlesN01Ww8qy3MrUFev31BLKTwIYZA0&#10;Cf4mwH6j7ocivp1uuf8AV9n+bpuzrDcXx12RlCQ1V13v7I7Pm/1YpMrCmUp2YgcxioimRbn0kkDh&#10;h72cr9nXvP8AL/V/k6EKPIl9/wDxF3oCI48phsHtysq2YKGkxOZmxEzvJ+m60wjDg82HqIJJ97OK&#10;Hr1cH/V5A9C98fdn0lVSSY6umlpRh+4N74ahlBB/yqfbdFR6GKFQSKP7mS6/mPgD6jY/y9eY0r+R&#10;/n0S/vzNybg7n7KyLuZAu7arGQvxYxUL/YwkW/Hip1t+bWvz7bY1PT6YA+zoIvderdcC4H+J9+6s&#10;Er1hJA+p9s5bpzC9Yy5P0493CU6oXr0bP4bdfR7u7Wh3Pko1G3+uab+8tZUT2EQqwStArOeEKSK9&#10;SCSB/k5ufbqivTMp0j7cdA/3d2HJ2h2duzeAkkbH1eQakwUcnBSgpv2aQafojPEgkcD/AHY7m5vc&#10;6Jr0/GvhgDoJC5P04HvXTnXD2n6910SB9ffuvdYWNzf6e918uvdHt+REg6q6B6W6Oh/ZzWSpjv3e&#10;KWCyJK5kdYpOAWX7uqlRSQDajQfi3t6TtUL0ni72LfkOinx7xxu5IqfHdhwVVbJDGlNRb1xio2Wp&#10;o14VapHeKPMU6LwqTyR1CKqJFVpEnhZuurj+3p+lOHSf3FtHJYKCnycc9Jmtt5CRo8ZubDM0lJMy&#10;8mJ9apNSVSrZmpqhIp1Uq5j0MjtorTr1ekj7sE9eqF/TpS7Y3pm9pSVcdA9NW4nJqIs1tzMRiox1&#10;dGt9K1VKxCs6XPjlQpPCx1wSxPZhUNp6vx6P98jNpzV3UHQ3WOzYKCgzFBtw73n66apkaulNZEjG&#10;PG+dAchJSVE9UnhMn3kilWjimIlKPyLgAfbTpNC1WYn1pX7P9Q+XVak6ywSywSxSQzQyGKaKZSrI&#10;ykhlZWAKspFiDyDwR7TdKuvUeQrMXWU2Qx1XU0OQop1qaOto3aOWKRDqSSORCGR1IuCCCD9Pfhjr&#10;3Q3runZ3bqCk7Elo9mdgv6aPs+jgIoclIb6U3JR06+iZ2sDkqZNfJergnOqYOVDcePr/AJ+qAFOH&#10;D0/zf5ujD1e0M/118Iew8DumiWkrcn3NS1mLmppI6imqqaSmwjw1dLVQM8FTSTpTOY5Y2ZGta97g&#10;OldMef4v8nTAIaWo/h/y9btHwe/7Ir+IP/irvX//ALyeJ9xFuP8AuRL/AM1H/wCPHrIHZ/8AcSD/&#10;AJox/wDHF6WOT2JuHYmQrN0dRR070tXO1buTqyrkEGOr2PqlqMVIf28RlZPyQBS1DEedUb94OJcL&#10;cgJPxGFk4sPk38S/zHl6dIJdvk25jNZUoTV7cmiP6lPJHP8AvLfioc9F8+TW+cHujrbZe/8AAPU0&#10;+V657Yxlbm8Nko/t8ljJVSoMlLWUsgMtPN5o4itwUkC60MiWb2ZbVbNFK0TcHjahGVYYyD5+fQb5&#10;r3CO7tYrmOoaC4jLqwo8Z7qhgcg1A+R4io6N/vrYW2eydvyYHcdKainZ1rcZkaRvHVUNUgJgraGo&#10;W709TCTdHXgi6sGRmUkttcvatqT7CDwI9CPMdDXcNui3SPw5RUcVYYZW8mU+RHkf8nRc81X56nwm&#10;a6C7rqo6yPemJqNu9b9qsojpsrKYT9pT5MlnWjzkEwRlLft1TL6S0gvMaRqpYXNvjSQzx+a+pHqp&#10;/l/gDE8sixtt1+a+KpSC44LIaYD/AMMgNPk3lnil+qNvVPb/AEfsTO4mvXbXcfUMs+08HuQqbwT4&#10;1hGmNyCrc1FBV0DQrPGwbSXZ1VvUkj15KLG4dSNUUtGK+obzHoQa06S7PbHetvikQ6Lm2JjR/Qpj&#10;S3qrLQEfOvyJTaDfec6i79yW7sTt6fA1tSZZOwet1LBQygTZqlpi11eB9ByWPmB8QhZIlaTQyMcN&#10;brfWwjJqBTQ/8lJ/46w41z0DY9xk2XcWmRChNTND8+MgHqP9EQ8KYqaEdXB7ez+I3Vg8VuPA1sWR&#10;w+aoY8hj6yE3DxyKGFx9Vdf0spsyMCrAMCACZY2hYowoQaEdTXbXCXcayxmqsAykeYP+r8unj230&#10;/wB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aYZf+n+395MdYT9Y&#10;/fuvde9+60TTr3v3TZevDriXA/xPv3XgtesRJP19+6vheuvfuqF69cC4H059+68Er1iZvyT7904B&#10;TrEXJ+nA9+631w9+6uErx66JA+vv3V6hesRYn/Ae/dNlieuPv3Wwnr10WA+v+29+6uSF6xFif9b+&#10;nv3TZYt1x9+6sE9euJYD/X/p791YkL1jLE/639Pfumyxbrj791YJ69cSwH+v/T37pzrEWJ+v+29+&#10;69117917riWA/wAT7917rEST9ffuvdde/de64FwPpyffuvdYySfr7917rr37r3XAuB9OffuvdYyS&#10;fqffuvdde/de64F7fTn37qhenDrGST9ffuqAFuuvbb9OBadcC/4H+39+CevVusLNb6m59uAU691i&#10;LE/639PfuvdcfbZf0691xLAf6/8AT2317rEzE/U2Hv3Hr3WIv/T/AG/vZFOnFWvWFnA/Nz71051h&#10;J+pPHv3XusZf8D/b+3Qnr00X9OsfvZYDrQUnr3tomvToFOve9db64FwPpyffuvdYySfr7917rr37&#10;rwNOuBcD6c+/dXCV6wlgOT+feiadOEhesZcn/Ae2WNemy1euHvQx1tU66LAfX/be7AFunOsTMT/g&#10;PbgUDr3WEv8A0/2/ujNXr3WJn/qbn+nunXusRYn/AFv6e/de64+/de64lgP9f+nurLq6sraesTMT&#10;9TYe/BadeJLdYi/9P9v7t1YJ69Y/dS1OnOsbgm1r/wCt70rV49e67CW+vPupevDr3XFpVXgckcWH&#10;vwUnr3UZnZvqf9h7cAp17rj70/Dr3XAuB9OT7Z691iZvyffutgV6xFyfpwPfunAlOuHv3Xi9OHXR&#10;IH19+6oKsesRcn/Ae/dPdcffuvdYG+p/1/fuvdde/de697917riWA/1/6e6lqdWC16wk/U/Tn22W&#10;LdOjHWMv/T/b+7BPXrfWP3YsF6ZCluuD/T/Y+6hqnPTgWnWL3pmr1brizAf4/wCHunXusBIH197L&#10;V691iZtVv8PeuvdYi4H+J9+691jJJ+vv3XuuvfunFXz64FwPpz791svTrGST9ffurKajoZup+5cx&#10;1vUT4yrgG4dkZbVDntrVmlo3SRSkkkAkDJHKVPqUjxzL6JBfS6ap149LLsrp7EV2DPaHTk7Z7ZFS&#10;GnyuGjJeqxTgF5VaM3k8EItqViZIhZyZIiJB6vWqmnRXySfr731Rak16GTqbuCo2BNW4HPUX95Ou&#10;9wK1NuTbFQA66XGlqimWQhFnVfqt1WUABirLHJH7pynU/tvqSi29j6PsHrusfcXWGetJSV6EvLj5&#10;HOn7ar4DhQ/oV3AZW/alAkCtJUk0630X0MysHVmVlOpWBsQRyCD+CD7ar69e6O3sDe+3+/tqxdR9&#10;qVwpt30fq2LvKQDzSyhNKxyuxAkqSAFZWIFWlrkVKJI1ga4/Z1YdFN33svP9ebkr9r7hpTBXUT3j&#10;nQN4aiEk+Oop3ZV8kMgHBsCCCrAOrKNhPXrRHSg6k7XzfUu6Is5jtVZjKvTSbhwjtaOsptVyObqk&#10;8fJiktdCSpvG8iNtqDraiuOhN706swzY2l7k6uC1vXW5j9zX0dKpBxdTI2l1eO5MUDzXQrwsEv7X&#10;CNEC2err/PoseLzGRweToMxiKuagyeMq0raGsgNnjljYMjL/AKxH0PBFwRY+9kaer9G+39i8d8hu&#10;vD25takhg7H2jSpR9k7epB6qmGOM6a2FBdm0xoXS9y0SyRamenUN456oO3H7OiZ09RPSVEFVSzS0&#10;9TTTLUU9RAxV45EYMjoykFWVgCCOQRce69WJp0cHesEHyE6si7Nx0MP+k7rukXHdg0FKmlq6hUM0&#10;deiJwSiq0n0FgJ0/TFCDY56aB04Hnw/zdFNwOfyW183itwYWpaky2Gro8hQTryFkiYMuofRka1mU&#10;8MpKkWJ9162q16MZ39g8XvHCbd+QO0aeOHFbyC43e2NgKn7DNxLpk1KvISpCH1EAswWVualR7s2c&#10;9bTHafLh9nQedFb6oNqbwfEbi0ybG33Qvs/eVPMbIKaqBjjqibHQ1JK4fWAWWMyBbFr+69XIr0he&#10;w9l5Hrzem4Nn5PU0+Fr2ghqCLCeBrSU1Qo/pPA6Pb8XseQffut8ehe7Rt2P1R1/25CBLncAB1j2C&#10;yW1NNSp5MXWyAeotUUzESSnguY4xbSB72eFeqjBp+f8An/1fPrj1kTvzpjtTrOT93J7XjTtjaSGx&#10;YGjAgysaXsbvSOuhVNy7k2PINAdYI68cEfs/bw/1fPpv6GZdx43tjq6Rmc712HNlMJAo1F8thG+/&#10;okUXuC6CUEqCbD6H3VM1HWz5fb/I46b+qn/jnWffGzGjM0x2pRdgY6/JibB1yGqdB/V6SrcPx+hS&#10;eLX96XII/Pr3p9tP2/7IHTvSVrSdS9GZ8uqDZHb+TwImYXCrO+Ky6g/kqra2AsR6m+hJB35D7enF&#10;UA/kP8vR7OtNtpt3OblytbUQLjqPt/fO9/tofStOxWkx8MUigAKwx7zzKDx43Uj6j24q0/b00zVH&#10;2hf8vVPuQr6jI11Zka2Qy1dfVSVtVKfq0krl3b/YsxPtP0rC16gM5P8AgPfunQoHWEv+B/t/fuql&#10;/TrGST9ffgKdVALde9+6cCherC6u3x/+JENF/wABd+d3OzzAi00VHUxL5AbqGCQYsqhUkNHUVbFf&#10;oT7dK6V+3pGW8ST5L/h6ryZgAR+Tx7YLU6UKCc9YfpyfbZJbp7rGX/p/t/devdYWYD68n37r3Q4/&#10;G3YJ7J7l2bg54PuMTQV43Hn1YNo+zoCJ3SQryEqJBHBfj1SgXF7+7xrqPTUz+GpP7Pt6yfJrsH/S&#10;R3PvDNU84nxOMrP7s4FlJKmkoC0IkS9joqJ/LOP+Wvv0jaj16FNCgft+3ov7/X/Ye9qKjq7Np6fd&#10;v7oy+2JqmTG1EZpa+EUuWxVaiz0dbCDq8NXSyBop0DepSRrjcCSJkkVXFxROm6lulJJhsBvRvNst&#10;Rg8/L6pdjV8xZJmP1GFrZmLT6jcJR1LfdcpHDNXSMdNC1eHVtNOPTb17tGq3X2RtDZE1NNDUZndd&#10;Jha+CdWV4UeoRKkyIQHUwxa2YWuNJ/Puqipp1djpFfTod/mzu7+P9/ZulpZx9psvFUG16B4PSEaK&#10;L7yYLa1miq6yRCR9CnHAHtydtTfZ0zbJoQfPP+r8uggi3tgN8xDH9orVR5jQIcd2fi4xJXx2BCJm&#10;qYaP4zTDgGfUtfEv0lqURKb3TVq4/t6dII4fs/1cOkZuzZGa2g9JLW/aZDDZVWmwW5sNJ9xj6+Nb&#10;XemqAB60uPJDIsdRCx0TxRvdfdSKdbBr0kPeut9WG4bcGI2v8HtsNu3Ajdu3tz9uz4mpxZqJYZ4Y&#10;DHXSeWhqfUKKrgmoDJEdEsLEsssTrLICprSPPr0lIrLjHb/l63KPhB2Rtt/jb8YtiT0mY2xVR/Hj&#10;Zo2Ku6BCpzmIi23jBRVtJPA70slW1J43qqRW81NKzrpeNRK0W7paESySIdS+I9acVOo4I/wHgept&#10;2HdFMUNvKDHJ4SaA3wyKEGUPA44r8Q9KZ6O37KOhL0UP5g9cYDOdU7t3pFSSUm6sFQUr/wARx7GM&#10;1dKldTGSmr1QWq4IlJliDjVDKisjKvkVzvY7po5ljrVSTg+Rocj0P+HoF87bXHcWck4FJEVe4Y1K&#10;GXDU+IDiK8CKjzqIvS/a1Lu7AbYweeoqjbm85No0OZgxmQPoydDJTRPFlMXNYLVU0yMrSIP3qV2M&#10;M6Ky6mS39kYGZlOpdRBI/Ca8D6H+R4joz2LeBexpHICkvhowVuEiFRR0P4gfMcVOGHQrbq2pt/e2&#10;AyO2N0Yyny+FysBgq6OpHH+0ujCzRyxtZkkUh0YBlIIB9o4Zmt2DoaEcD0cXlnHfxtFKoZWFCD/q&#10;wR5Hy6Ip1HnMZ8bu69/dO7qzNdUbb3bVUe49sbqyx4SaoXQP4hJwitVPKsD1J0oZ4FLBVm/bEF6h&#10;3SBJkA1LVWUeg9PspWnoflmPtluF5Xv5rGZiUkKvHI3kWx3H510luFRmlcC78n+ml3pgYuyNpItH&#10;2Z17Cubw1dTqC1bT0bGpajkHKyMlmkp7hvXeK2iZiEe0X/07eE+Y3wR6E4r/AJ/2+XRzzZsf18f1&#10;UOJ4e9SPxKp1aT/hX544HoJ/jZ2jh9vZzG7coZ1h6y7TqJMhsqnkcsMBuKyvk9syMbaYpJH8lEWC&#10;eVHiKB5JpCq3dbRpVLH+0jw/9NPJ/wDP6Z9OiflbdktpFiU/oXBJiFf7Gbi8X2GtU4VFKVJPVg/s&#10;M9ST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pf+8mOsJ+ve/dU&#10;L04ddEgfX37qlC3WIsT/AID37pwKB1x9+6qX9OuiwH1/23v3VQC3WJmJ+vA9+6cC06wl/wCn+39+&#10;6t1j9+6sFr176cn37pwAL1jL/wBP9v791Uv6dY/fuqhS3XiQPr7904AF6xl/wP8Ab+/dUL+nWP37&#10;rQUnrokD6+/dOUC9Yy5P04Hv3VC9eHXD37rwSvXRIH19+6cAp1jLk/Tj37rfXD37r3XRIH19+691&#10;jLk/4D37r3XD37r3XRYD6/7b37r3WIsT/gP6e/de64+/de66LAf8U9+691iLE/639Pfuvdcffuvd&#10;cSwH+v8A09+6qWp1jLE/639PfumyS3XH37qwT164lgP8T/T37pzrEWJ+v+296OOvdY3Yjgf0+vvw&#10;NevdYvei1OvddEgfX20TXr3WMuT9OB7117rCXA+nJ93CV691iZvyT/sPd8L1sCvWIuT9OB7aJqen&#10;gKDrh711vrCxJJ/1/fuvdcfdi9eqhKde916t10WA+v8AtvfuvdYixP8AgP6e/de64+/de64lgP8A&#10;X/p791YLXrGzE/Xge/dOBQvWEv8A0/2/tsv6dVL+nWP231UKW699OT79x6cC06xl/wCn+39uBPXq&#10;3WP3YsB17rpvof8AW9tFq9e6jOSBx/X3rr3WH37r3XRIH19+691jLk/Tj37r3XD37r3XF/0n37ra&#10;mh6w+/dWL164FwPpyfdCtT1dcDrpW+pJ96ZfIdW6wSSMSV+g/wAPdgtOvdYvduvddFgPr/tvei1O&#10;vdYixP8AgP6e2i1evdcfdenAnr1wcixF+ffurEhesXv3TZYt1jL/ANP9v791YJ69Y/funOve/de6&#10;97917rA31P8Ar+/de64kgfX37r3WMvf6ce/de6xM4F/yfdCtT08nDrEST9fdgKdbJp117302Xr1w&#10;LgfTn2n6d6xM35J9+691hLk/4D37r3WIuB9OT7917rGST9ffuvdYnJ4/x9+691j9+6910SB9fewK&#10;9e6xFif9b+nvxFOt18uuPvXWuuJYD/X/AKe/dOBqDrGWJ/1v6e/dVLFuhF607R3P1dmxlcDOJaSo&#10;Kpl8JVFvtqyMXAWRQfTIgYmOQepCT9VLI3urqCOhx3x1ntntXA1faXS0J+7UtNu3r1APuYJz6nek&#10;hS/LcsI09EouYLODD791fonUmsMyuCrKxDIRYgj6gg8gg+2SS3Xuhi6i7erut66qx2QpV3BsXPj7&#10;bc+16oLJHJG40NNCkl4xOqcEGySqND2sjxuKKde6U3cPUOPw2Op+y+tag57rHOkTxyU5Z5MZI7W8&#10;FRf9wQiT0Kz+uN/2ZrPpaRsrnrwz0XBJZI3SSN2jkjcSRyRkqyspuCpFiCDyD9R7cwvXujzbS3Lg&#10;fk5tGPrnfdXT43tLBwvPtDdDIA1YEjJYPYepyq3qYhbyKonjGuNgmtWrrfRLt2bbzWzc5kdt7hoZ&#10;KDMYuo8FVTvYjkBkdGF1kikRgyMpIZSCDY+6BanqycehZ6J7jHXuSq9uboiGW623YTR7mw9Spljh&#10;8qiI1kcXNyEssygEyxC1i6R2coF6uy16id69Pt1lnKfI4SdcrsDdA+/2nmYH8qCNwJPtZJQWV3iR&#10;gUe5E0WmQHV5FSjmvXlav+XpH9V9k5nqveOP3RiWeWFG+1zOM1aUrKN2UzQN+A3AaNiDokVGsQCp&#10;qDTrTny6E3v3rnC44Yrtbr7TU9cb8tVwLTqAuPrZNTS0jItxEjMraU48brJBYCNNWyPTpsVbB4/6&#10;s9Bl1L2ZkurN647c1Gr1FAT9jnsWDZauhlK+aI/2da2Dxk3AkVSQRcHQNOnNGOlh8gOtsds7PUG6&#10;toFarrvf9J/H9rVdPcxwmQCSWiJ/smIuGjU8iNghJeOS3iKde1dOHx13fjGr831FvKUtsjtOnGIf&#10;WRakyZsKGqjvcI7ShEv9PIIHbiP34dbb19OgQ3ptLK7F3TnNp5pAmQwdc9HLIoISVB6op49QB8U8&#10;RWRCedLC/PvXWwa9Dpvgp2l0rtnsiA+fdnWnh2FvsnmSWhY2xNe9hc2LeFna7PIz3Nk96Z6jHXuH&#10;TT8eMhSZut3h0/mZ1jxPau3ZMfj2mP7cGYog1VjKixuAVkRlsLF28a3NgPdUNa160R5+n+Dz6R/U&#10;O5ajrPtzb1ZlozSwUWcbbm6aOqW4FNUM1FXRzRnhvCrs2k/20H9PdlGnp1kBX/B0+U8EnRnyPp4G&#10;aWnotp78SMSycM2KqXChzf8AMuMqb/09X9PbfwN1QDX+Y6XOzMFT7I+Um4OvqgNS4fcFZmtl+I/8&#10;qWYoqg0AI41AianP+P1H492Ha3V2NVr9h/Ya9JLZeHyec6f3dtSnjhTK4DujblWi1Bskc1dFkcXe&#10;VhpKxCVBqJNgATxa/vQFR+fW2+IfYf8AJ0ebdmQy+A2P8jszlYVp6XIZLccmIqDYG74fAYTHugsR&#10;6n8oI/LC55PDjGlfz6YVa6fsH+U9U+t+o+0/S8NQdYXuSAP6X9+6oWr14J+T/tvfutdY/funiwHQ&#10;2fHvrVu0+09u7engaXB0k38c3M9rqKGlKvJG/wDQVUhSnB/DSg/QH3ZRU9J5ZCBX9nSu+W3Zi9gd&#10;sZKhx0yPt3ZCHauHWHToaSFz97OuklSJKkFFZTZoooiLe6TSFj1u3i0LnicnorRcD6cn22Er0p6x&#10;M35J/wBh7cAp17rEXJ+nA9sde64e/de6Pd0QR0/8eu1+8Ki1Pn90J/cPYcrXWTUWMbzQHTyBVOZG&#10;F+fsGHH5fTsUn9nSWX9R1T07j/q/1ceiFs5N/wAD2x0q6xF7fTn3YNQdVK1PWFmtyTc+9E162BTr&#10;EWJ/wH9Peut9H5+GOSO6+xK3cu9aWkyMXVG0KnP0+86sP97ToITRJS1Mq3FdAlHLM8RnV5oPt41g&#10;mSJfEyiHuOfIV6T3JotB5kD/AFfs6KV2hQZyu3Fmt+1dTSZzD703DWZek3NiGaSkllqJpKh6dtaR&#10;zUlVEr80tQkUyJpbx+NkZmWznp9cY6DH3XrfSz2pvnL7VjrMekVFmtt5ZlOc2lnEabH1mgEK7xqy&#10;SQVMYJ8VTTvFUxXPjlUEg7DU60RXpTVmx8Ruukqc51dNV1jU0D1eY6+yTK+XoURdcs1GyKi5nHxq&#10;CxkhRamFAxqaZY0+4k3SvD9nWq04/t/1cP8AVnowfc7thPiN8Y9tyAo2TrcvuYK31KtPPOpFyDYr&#10;lR/ZI5FiBbU657FH29NRr+ox/wBL/g63bfiTtHbu9/gn8RsHubGQ5PHy/GDr2eMOWSWGZNqYkx1F&#10;NPGVmpqmI8pLEyup+jDn3FN1O9vcyshofEf7CNRwR5j5HqdLOyiv7GGOVQw8KI+hBCLQgjII8iM9&#10;CSNy7s6fZaXf9RXbx65VhFQ9kxx68hi0+iR7jghT9+BRZRkYV/F6uJCxlO/CS+zFRX84/Jv9IT5/&#10;0T+R8umPqptl7bgmSHynpV4x6SgcR/TH+2A49Pvdy0ee6M7MmpKmlraGo68yOWpKunZZYpUhopKq&#10;KSN0JV1bxgowJB4PI9t7fWO4jrg61BHnk06f38LcbfOVIIMLsCDUEBSwIp9nSI6q2ng+yvj11VS5&#10;tKiKox+2aRsLm8bMYq/HVVIpp46qhq1/cp5kEVrC6lbxOroSpUXk7Wl1IV82NQRhgc0I8/8AUekG&#10;0WUe67ZbrJWojXSymjoyigKniDj/ACGo6VmE3xntnZeg2T2vNTGfI1AododjU6LBQZhrWSmrUH7e&#10;MzLcftG0FSxP2rarwqzJbrOpkh8ssnEr8x6r8+I8/XpZb7hJYuLe8IqxpHMBRJPk3kkny4N+H06B&#10;35A4PDUXdXSG5s5j6XI7d3ka3qTdtHWKDFNDXD/cekh4I0VNVJKGBUxtErqwIuFm2yM0EqKSGWki&#10;keVOP+Cn59EnMlukd/ayyKGSXVbyA8CH+Gv5sT8qdKvA5bOfH/KUmzd6VtXmOn8hUpQ7G3/XNrlw&#10;ryNphw+bk+opQbJS1bWRfTHIVQgQNSIu5DXGKSjLoPxf0l+fqP8AUVdvNJy24gnJa2YgRTHJiJ4J&#10;IfTyVuHkfkR/sHqXJbP7D7a2htiOqaj+0h7NwmHo/wBc2KErSCrxoBB/iO3KyR1hCkSVFJ95F5FD&#10;WcQW16Joo3ennGSfJqcD8nHH0ND0Aty2drK5uIYq0oJ0UcTHWupP6UTE082XUK+tgnxx7gi7f6+p&#10;q6tngbdm3mXC7thisNc6r+zXIulLQZCJfKtlCh/LGtxHf2Gt0sfoZaD4Wyv2en2jh1JHK+9DerYM&#10;xHiJ2yAevk3lhhn7ajy6H/2W9CP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0v/pyfeTHWEJJbrGX/p/t/furBPXrH791YsB14kD6+/dNklusRf8Apx/j791cJ69YmcD/ABPv&#10;3V+sRJP19+62BXrr37pwJTj1wLgfTk+/deL06xkk/X37qmW669+6uEp1wLgfTk+/deL04dYySfqf&#10;fuqZbrr37q4WnXAvb6c+/deL04dYySfr791QAt117904Fp1jL/0/2/v3Vusf15Pv3Xuve/de6xl/&#10;6f7f37r3WP37r3XvpyffuvdYy/8AT/b+/de6x+/de68SB9ffuvdYi9/px7917rh7917rokD6n37r&#10;RNOsZcn6ce/dNl69cPfuvBK9dEgfX37pwCnWMuT9OB791vrh7oXpw6910SB9fbZz17rCxub/AE9+&#10;r5de6xl/wP8Ab+7hPXr3WFmt9Tc+/MtTjr3WJmJ/wHuwUDr3WEv/AE/2/upf06cCevWP68n23x6s&#10;SF69791sGvWMv/T/AG/v3W+sfv3Xuve/de66P0P+t7917rB7917r3v3XuuLkgcf19+6sgqesPv3V&#10;y1OuD/Qf6/uj8OqZbrF7a6uEp1wLgfTn3cJXq/WMkn6n3fC9e6690L14de64FwPpyffglePXusTN&#10;+SefdT17rCzFv8B7117rj7917rg/0/2Pv3XusXv3Xuve/de6xyMAp/r/AE96r1YLXqKWJ/1v6e99&#10;OBQvXH3RmpjrYNeuJYD/AF/6e/J1vrCzfk8e79e6xF/wP9v7bL+nXuuHtvr3XRIH19+6eoF6xlyf&#10;pwPfuqF68OsbGwJ9+68EJ6wkk/X37pwCnXXv3W+ve7aeq6uuiQPr7r1brEzk3/A9+691iL2+nPv3&#10;XuHWFmtyTc+/dbC16xFif8B7906Fp1x9+6qX9OuiwH1/23v3VQC3WJmJ+vA9+6cC06wl/wCn+39t&#10;hOrdYma3Juffn9OvdYixP+t/T2317rj7917riWA/xP8AT37r3WIkn6+/de669+691icjj/D3ZW09&#10;ep1jJA+vvRNetgV6xlyfpwPeunAlOPXD37rRWp66JA+vv3VwKdYy5P04Hv3W+lRsnfm4+vc9T7i2&#10;xXGkroR4ponGqGohJBeCojuBJE9hxwVIDoyuqsKF/Tr3Rndz7N2p8hcFWdg9YQQYfsKhj+43nsd2&#10;CmqkK3aen+imWRgdMgCpOeJBHPq17r59aqfPomc0M1NNLT1EUkE8EjQzwTKVdHUlWV1YBlZWBBBF&#10;weD7t1voXen+4sj1lkaqhraYZ7Y2eJp9zbZqQrxyRuPG80KSXjE4j4Kn0TJ+3J/YdGa0PXunzuPq&#10;fHYOlpex+uZjm+rtw2mpainZpHxsrtY0tSGHkSMSXRGf1Iw8Mp8gUybK+fHrZ6L9R5Ctx1ZS5DH1&#10;VRQ11FOlVR1dK7JJFIhDI6OpDKysLgg8H3TrXR4YZcL8r9jihqTQ4nu7Z1AWpak2ijydOpFyxCm8&#10;UjH1KP8AgPO2tQsUrKXRn7erqadEXyWNr8PX1mKytHUY/JY+oakraKrUpJFIh0sjq1iCCPbZ6d6N&#10;R0Z2Fg9zYOo6H7PkE21twMYtpZecjyY2uY3hjjkb/Nq0xvCfosrGNw0UzBdg+XTbrTuH/F9AJ2P1&#10;9nOst2ZDauei/epj56GtQERVdK5bw1MRP1RwpBH1R1eNvUp96Ip1umrPQs9A9i4elOV6k7CP3XXe&#10;/wA/ZM07WGPrpCqw1KO1xCjuq6mt+3IsU1wEfVtT5dacenEdBJ2f15mOrt4ZPamYVnFM/wBxjMhp&#10;0pV0blvBUoLsBrCkMoJ0SK6EkqfeiKdV1Fuhy6MzuM7H2lnfjzu6qSGLLCTNdb5WqNxRZSNXkMC/&#10;UhJizOFGnUDUxg650t6uKdWpT/V5dFZzeJym183kcHlqeWgzOEr3oaynJs0c0LlTpYcEXF1ZTZhZ&#10;lJBB966c6NF2ZbubqDBdw0yxvvHYyJtDsuOO3kmiBUUeRZFAJ1tICzWAvK6j0U/FSNa1H59eXsJX&#10;1yOg4+PO7sdiN7S7S3HpfZnZmOfZO44ZP0qaoFKOpF+EkgqWAEh/zaSSOOQPelWnWj0HWdxWf6o7&#10;Drca0rU+f2TuISUlWoZdT00qzU1SgNm8cyBJU/qjD+vvxamOtg9Cb8j8ZQz7pwnZGFiSLb/bG3YN&#10;30yRcrFXFVjydMSPrNFU2eX+jykfj3pgT14HFPTqR3tId3bU6h7YiKy1G5NqHam55lJLHKYV/t3l&#10;mv8ApkqoWDKPykd/pYtcrXJ62nGn+rP+o9PvZWb+23n8f+542a+d23hMtl6pjYSZHB1SUuQBf8jT&#10;DGrA34JvcG3urYp1dRxH+rPS2nxuS2nkPmbTUFIhhg8NZSqwLGE1uRlkgeG/Akhoq2Uo36140m5N&#10;90pq6qDXT/q8j0NvyLyWQw/RXZ+IyEzqs27sPgsUWY3KvSYDJVAQ3JIeoWrLDgG73v8Anz4HTcfc&#10;35H/AAkdVQe2elXXRIH19+691iZyf8B7917rEX/pz/j7oX9OrhPXqwbq63x8+NO5+2KzRS747M04&#10;rZgdf3Y4XEiUbJf6cCeuNvS8aQXBIA9up2rXzPTLjxHCjgOPVd7yM5LMSSxuxJuST9ST+b+2wtOl&#10;fWM/Q/63vWv0691g+vJ97LU691720c9e6cMLishuLM4nAYiBqrKZvJQYnHU6/V56iVYol/NtTuBf&#10;8e/AV60TTPRw/mDmsftSn626B2/KGxXWu3IKzNGO482RqYQFeVSSBJ4S09/61jf6wekHkPLpiAaq&#10;sfM/y6I6WJ/4p7Y6UdY2Yjgf7f3YDFevdYvdevddEgfX37r3R6dgE9X/AAy7M3oRJS5ruLcKbIw0&#10;xFvLRR+SnlAJsbGL+Ji4uLqo/rZ9TpQ/PpO41yAegr+f+qnRMNu7oy+2J6iTHSQy0tfD9rlsRkI1&#10;noq2G9/FV00gMcqqTqRrCSKQLLC8cqq6sg06fpXpWnbWE3sWn2EhxueYBpuva+YySTMf1HB1Utmr&#10;lLfpo5T96oKJE1e3kkTdNXD9nXuHQaSRvE7xSo8ckbmOSOQEMrA2KsDYggixB+nuvW+uVLXVWPqq&#10;etoKmoo62kmWopaykdo5IpEIZJI5EIdHRgCCpBB5Bv79WnXurGPli228rSdI9fb1zlfgN3Y3q2lz&#10;VJuerAlxzVlf46esjytPDGaiD7qfHaxVwK/jcMJYJI38tOolHAH06T241aiP4iP2f8X/AKvPdJ+D&#10;dXj5vhx8W8dRZPF5So258etl7ZzD4iphqooq2h21i6eph80DyRPokQlWVisiFZI2aN0YxNukbR3E&#10;moUq7kfMFjnqetinSe0i0EHTGimnkwQAg+h+3o1DKrqyOqujqVdGFwQeCCDwQR7QdGpFeiwdiddZ&#10;/Y+098VPVhp5drZnbuSi3J1hkX0Uca1NLOs1dgZCCMfUoXMklIf8kqBqCiCUq5N7W6W4dBN8QZdM&#10;g44Iw3qPnxHz6Cm5bZJYQym0p4bI+uBj2jUpq0Z/Cc1K/C3yOepHxDzeMy3QuyqWhrKaerwsdXjs&#10;rRxyI0tPKK+rdFmRSWjMsTLIgaxZGUj3re4yly5IwaEH1FB1fk2dJtviCkErqVhUVU624+lRkfLo&#10;wedwOG3PiK/A7gxtJlsPk4DTV2PrVDxyKefp9VZSAyspDIwDKQwBBZHI0LBlJBHAjoR3Ful2hjkU&#10;MrChB4H/AFfy6IZ8nMFvvZXWRxskmS3htTbm5MfuXY+73/dyWEnppTElFl2PqqaMQTOKeuuZfLog&#10;qQS6SkR7RJHcTVwrMpV1/CwI4r6GoyvCmR6dR3zZb3FhaaTqljR0kik4vEVNNL+q0J0vxrQN5Ho8&#10;NI+D7A2bQ1FZRUuU29vDb0FbLQ1iiSKamradJQjqbhgUkH+9jn2H21WzkA0KsRX0INOh+hj3KAFg&#10;GSRAaHIKsAf8vVfXb2L3b8f97dW7tAyO4NhbKz/2u3NySEy1dHh60GKv23kJSGadIYdRx00liqPL&#10;GS7KoQSWTpuUciYDsO5fIsODD/n7/VWNt6im5bngm7nhieiPxZY2w0THzoP7MnyqMngrN3be/wBl&#10;s7Wxnd2z0aTp7fs8eL7BxmOVnhx4rHV4q2KOMFRSmVhNCQPQ5kplKrUxL7agl/e0Jt5P7VMoTxan&#10;l9vkf2+R6W3tt/Va8W/g/wBxpiFmUZCashhTyrkehqo+IdH8gngqoIaqlmiqaapiWenqIGDxyRuA&#10;yOjqSrIykEEEgg3HHsNkUwepGVg4BBqDkEcCOsvvXW+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0uCSfr7yY6wlwvXXv3VC9euBcD6cn37rwSvHrEzfknn37pwCnWEsT/gPfut9cff&#10;urhPXrosB9f9t791ckL1iLE/4D+nv3TZYnrj791YJ69cSwH+v/T37qxIXrGWJ/1v6e/dNli3XH37&#10;qwT164lgP9f+nv3ViwXrGWJ/4p7902SW64+/dWCevXEsB/if6e/dOdYixP1/23v3XuuvfuvdcS4H&#10;+J9+691iJJ+vv3XuuvfuvdcC4H059+691jJJ+p9+69117917rgXA+nJ9+691jJJ+vv3Xuuvfuvdc&#10;C/4H+39+6bL+nWMkn6+/dVALdde/dOBadYy/9P8Ab+/dW6x/Xk+6lqde697bLFuvdYy/9P8Ab+7B&#10;PXr3WP3Zlr17rFIbfU8W97C0691gL/gf7f3vr3WP37r3WFiSTz9D7ZY16eFFHXH3XqhevDro8An/&#10;AA9+68EJ6wkk/X37pwCnXXv3W+uYQn68e/de6xkgfX37r3WMuT/gPfuvdcPfuvddFgPr/tvfuvdY&#10;ma/+A9+691iL/gf7f37q4T16ws1vqbn3VhXpwCnWIsT/AK39PfgtOt9cfemanXuuJYD/AF/6e6BS&#10;3XusTMTe/wBP6e3AAvXusRf+n+391L+nXusftvr3Xvfuvde9+691jcj6fm/v3XusRIH196Jp1sCv&#10;WMuT9OB7bL14dOBKcesDMLWHPvar59eL06xEgfX251TLdYy5P04910itenVFB1w92631hf8AUfei&#10;ade64+2OvdcC9vpz791cJXj1iJJ+vv3WgC3XvfunAoHWNmBFh/t/dtNB17VU9Y/fgtevFqde9uBQ&#10;vTZYt1jL/wBP9v7qz+nVlT16wswH15Ptvp4LXrGWJ/1v6e/dOABeuPurGg6aY1PWJ/r/ALD3pOHT&#10;icOsZIH1936v1jL3+nHv3VAlOPWIuB/iffur9YiSfr7917rr22z9e6xuQRYc8+2+vdYzxz7917rE&#10;XJ+nA9+691w9+6910SB9ffutgV6xFyf8B7904FA6xF7fTn37qrmvWIkn6+/dXTh1737q3WMv/T/b&#10;+/de6xMwH1Nz7qWp17rEWJ/1v6e2yxbr3XH3YJ69e6ftsbrzuy81R7g25kZ8blKJw0c0J4dbgtFK&#10;n6ZYZLWdGBVh9R72xAx17o2ecwm1vkzt2bdWzIKLAdv4ek825dqgrHHklXgyxM1g7M3+bmJupIgq&#10;TYxSjQ7hTr3RK6+lrMbWVWPr6WeirqKd6WspKpCkkUiMVdHRgGVlYEEEXB96C4r1fRjoYem+4Kjr&#10;etrcTmaNdwbA3IPtt0bdqFWRSrr42qIEk9HmCGzobLMg0OQRHJHpWp1Slf8AP1P7m6hh2cKPe+zK&#10;pM51huhxU4PKUzF/tDLqZaOoJJf02Ko7eo6THJaVSDo9bI6BbAbiy+1s1jtwYCtlx2WxVStXRVcV&#10;iVYcEFSCroykqysCrKSrAgke/A062gr0cveWFwnyZ2S3Y+zKKnoO1Nt0qU+8Nr0ttVaiKbPGDZpH&#10;KAtTubs6q1MxZ40tsmvVx28eiMteNiGBR0axB4II/FvqCD7r1fo7e18nQ/Jrrk7C3BVRRdt7Honq&#10;toZuqYK2QplCq0Urn9bFVRJ7+q4jqbuRMPdx3Y6aY6fs6JJkaKsxNdWYzI0s1HkMfUvR1tJUKVeK&#10;WNiro6nkMrCxHunXglejh4Goj+SPVEm0K+WKTt7rSiNZterl0ibKY1AqtTM5N3kACxsTY+QQSsx1&#10;zH3vj1f4fs6JpTVuRwuSp6yjlqcblcTWrU08yXjmgqIJAyML2ZJI5FB/qCPeurdGs7loqPt3r3Bd&#10;+4CCFM5RRxbZ7UxtKP8ANVUQSKCuKgAhJNSLf1ftSQLe8Uh97Jr1pVoaH8ug4+PPYFHs7e8uH3Is&#10;dTsjf1Edobtpak2hEVQSkNS/9Pt3kIY/VYpJSPVb3oY6swLdIHs/Ytf1nvzcG0KwyN/Ca4tjqtuD&#10;PSSWkpZwRxd4WUtY+lwy/VT7bYnh1UGvQv8AdNuxOu+vO76UGXKTQDr7sNlFyMnQoTTVUhuSXrKY&#10;aif0qvhS+o29206qH9vXh6dRMA3+kH437p28582e6cz6bvwwJYucRkS0dfDGvIEcE+qpkPAHo+lz&#10;qtwH2db8/tx+zPUfYp/vj8fe1dmyMZK/YeWo+0MDDYFvEQaHKWN7iKKmIkI+mpr/AFJPugOoH9vV&#10;iuhgfXH+XqBXyf3k+MeDqC5krOtezanDpGefHj81Sir1D8qGr4SLfQm5+vHvXFfsP+Hq/BvtH+D/&#10;AIvo1g3JTpvioyVdjP4jQ7i+M6dubhgqluauoipsKVicaUaVFi2+qJyCj1E7KFNwXK5/Kv8Aq/Z0&#10;3TGPJqf4R/l6aflvnHbpXYGJnjaKurdxY6sq5LFTMafb6NI0nNmOuuQfT+wP9T71KcD/AFeXVYl7&#10;ift/mT1WwzW4H+39sdKesTNb63JPv3WwurrCWJ+v+29+6dAC9CX0917U9o9i7a2bD5UpchWifMVM&#10;X1hoYB5aqS/0VvEpVL8GRkX6sB7qkdePTbyaQT0NnzF7Epdw77ouvNviOn2n1dSfwClpKbiL70JG&#10;lSFAtZaVI46ZVN9LRSEGz+3XOeq26UFTxPRPiQPr7afh0o6xs9+BwPbPXusJcD/E+7ha9e6xkk/X&#10;3U4690cn4c7WxkO5d1dx7pXx7W6k2/Pl/M4Uh66SGXxqgfiR4aZJWUA6hM1Pblhd2Eefp0xOcaRx&#10;PRVd7bqyO+N27i3flWByG4svPlqlEJKoZpGZYkvc+OFCEQfhVA/Hupetfn08o0inSWJA+vtvrfWF&#10;jc3+g97r5de6xl7fTn3rr3WSkpanIVdLQ0kL1NZW1CUlLTx/qeSRgiIo/qzMAP8AE+/de6O58w6q&#10;l2diOnOh8XNHJD15s+PI5x4GJWWvq1WLU68aZD4ZZ/p+mq4ABt7elxQenSeDuq3qf5DojXtnpR11&#10;q0kG5BHIt9ffuvdCMm7cTu6JKHsNao5BIhBj9+41Fevj02CJlYiU/i9OoGnyM6VkS2KzTxxx0ptW&#10;vH9vXqen+r/V/q9es2E60zEu/NibcnSnyWM3juehxWIzuIb7igrYp6qCKR4Jyqi8aygzRSiOaAnT&#10;URROCo8FyPn1vgCT5Zp0MHze3Cub+Q+6qdJPLDt3G47AQsPp6aOKqlX6A+ioqpFN/wAg24t7cnbU&#10;x6atOyMfn/h63gviBsZcj8OviBujbGRbam9U+K3XsX8apoxJBWxptLEhKXL0epEyFMoJCEslRBcm&#10;mnh1MGi67uNM8qONSeI+PMdxyp8j/I+YPU1WVh4tvDNE3hy+DF3AVDDQMOuNQ9ODD8JGejP7d3zJ&#10;UZOLam8Mcu195mJ5KeiaTyUWTSIXkqMRVkIKpFX1SQMEqoAf3YtGmV0ktvQa0OpfXzX5MPL7eB/l&#10;0vttwLP4M6+HL5CtVcDzRvP5jDDzFMl/3p/x527P/Dar/wD3Fl9tQfGv+mH+HpTff2En+kf/AI6e&#10;iefHTrX+LdE9c7y2dlDs/sWip8rBBnoU109fCmcyZWgzVKCq11E30BuJ4DZ4JFK2J5ud3puHSQak&#10;Ont8wdC5U+R/kfPoE8sbZ4+3wTwt4cwEg1gVVwJZO1x+Jf5jiD0ZbZnZH8Zycuzd3Yz+6HYlBAZ6&#10;jATSeSnroV4Nfh6oqgr6JvqwAE0BOieNGFyVXFr4Y8RDqQ/ipkH0YeR/kfLoVWO5+O5gmXw5gKlC&#10;ahh/EhxqX+Y4EDpR9g7eG7diby2xpDNn9sV2IhvzaSemkjjYf4pIwYf4ge2raXwJFf8AhYH9h6U7&#10;lbfWW8sX8cbr+ZUgdE1+N+6N07O6e2lu6J6/d3XLrU0G68HCGnyG3ZqarnifIUKgNLV4uSBI5qmk&#10;F5YC7TU+qPXED3dYUnnZMK+Cp4BwQMH0byB8+B9egNyvdzWVlHMNUkHcJE4vCVYjUvmUoAWXitar&#10;jHRwtwYnbXa2wMpiBVUWX23vPAPBTZGlKTxMk8d4KqFvUhkgk0yxt9UkRSLMvBHG72cgNCGU5HDh&#10;xH+TobXMMW8WzJUMkqEBhQihGCPsOR8x0RrobsCrO0KvpPu6jhrNmz5Wt6qoNwVLeijr6YaDgq+R&#10;rNAxjIfHVB02KeGNi0P7J/uNt3i4gNHoJCPUH8Q/5+H5+eQBy7uR8A2F+AYizW4c8FdceGx8sZRs&#10;egyMCt8fd65HZG6M38ad+VrzZvZ7M/XeZqjY5PDaTNBCNRN5qamIZFUsFiEkICikJZHuUAuFF1GM&#10;N8YH4W4E/mf558+jjlu/awmfarg90X9ix/0SLiB9oHD5VH4ejjeyTob9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palgP9f+nvJjrCEAt1jZifrwPfunAtOsJf+n+39+6t1j9+6sFr&#10;14kD6+/dOABesZf8D/b+/dUL+nWP37rQUnrokD6+/dOUC9Yy9/px791QvXh1w9+68Fr10SB9T791&#10;fC9Yy5P049+6oXr1w9+68Er10SB9ffunAKdYy5P+A9+631w9+6910SB9ffuvdYixP+A9+691x9+6&#10;910WA+v+29+691iLE/639PfuvdcffuvdcSwH+v8A09+691jLE/639PfuvdcffuvdcSwH+J/p791U&#10;sB1iLE/X/be/dNkluuvfurBPXriWA/xPv3TnWIkn6+9E069117bL14de64FwPpyffglevdYySfr7&#10;cAp17rr3vr3WF5gvC+o/1/Hv3XuozMWNyb+/de669+691wL2+nPujNTr3WL211sAt1737p0LTro/&#10;Q/63v3VusQUn/ivv3XusgULz/vJ9+691ieaxIUf7E+/de6je/de699OT7917rGX/AKf7f37r3WP3&#10;7r3XCSwW5NuffurJx6il/wCnH+Pv3T3XD37r3XRIH19+691jLk/Tge66amvXuuHvRenXuuiQPr7b&#10;Jr17rB7117r3v3XuuiQPr7917rEzk3/A9+691iL2+nPv3XusLNbkm59tstT04rUHWJmJ/wAB7sFp&#10;1UsT1hL/ANP9v7t1YJ69Y/ryffunOHXvfuvdYy/9P9v7bL+nXusfuoUt17rCxJJH4v8AT3o46dAA&#10;FeuPvXWi/p1xLAf4n+nvYFerFgOsRYn6/wC29ugBemyS3XXvWrUadb06RXrgXA/xPvxanXgtesZJ&#10;P19tk16cAp1xP0P+t711YcesHv3ThenXRIH19+6plusZcn6cD34ivVwlOsLNbj8+/dWBr1jJJ+vv&#10;3W+uvbJYnpksT1gP1P8Ar+3Rw6dHDriWA+v+29+LU631iLE/4D+ntk5691x966910eQR/X37qwWv&#10;XQUL/wAVPv3TgUL1FL/0/wBv790z1hZgPryffurKadYixP1/23v3Wi1euvfurIK9cSwH+J9+6d6x&#10;Fifr/tvfuvdde/de6j+2gtevde9uAU691xb9J97691GLgfTn2wePXunbb2481tXNUG4MBkJ8blsZ&#10;OJ6SrgPIP0ZWU3V43UlXRgVdSVYEEj34CvXujj5TF7a+Uu2ptx7chodv907foVOcwYYRxZSKMBQ6&#10;FjyDwsUrEtExFPUExmGYW446tXoklfSVeMrKrHV9LPRV9FO1LWUlUjJJFIjFXR0YBlZWFiCOPdOq&#10;9Dj0r2/T7Net2ZvWlTO9Y7qb7bPYurDSClL2U1cCLdgRYGRUAc6VeMiVFv7qwBPTX3L1FP1vkaTK&#10;YeqOd2BuOMVu19xwEOhSRTItNNIno8yx+pWFlmj9aWIkSPZ6ug6Q/XvYWd613RQbn2/MRPTN4q2i&#10;diIaumYjy00wH1SQC4NiUcLIvqRSNdWIr0Ynu7YWC37tlO/esY/LjMjeXfWChC+WjqhYz1LRp+l1&#10;dr1I/IZapdUcjuN06qppg9FN2/uLMbWzeM3Dga2TH5bEVa1lDVRfVXX6hgbh0dSVdSCroSrAqSPe&#10;urEDz6Nt21gsR3fsGHvXY9HHBubE060fZ226Xl0aFBqq1X9TCJLNr5101mazQSD3Y5z1VcY/Z0U7&#10;Zm7M1sfc+I3XgKg0+Tw1WtTESTpkX9MsEoFi0U8RZHH5VjYg2PuhbT06F1dGH+Qe0sLuTFYbvzYk&#10;KrtvejCPdeOi9TY/Lm4l8oUDSJ5FZXJABmAkBIqE9+YVoRw6ouDT06Rnx67Gx+0d2VO2t0BajYHY&#10;NIdsbrpKkkQoJg0cFUwuNPhaQo7XBWKSRh6lX3YfPq7nVw8uHSD7Z2DXdXb5zm0K7yyxUkxqMRWO&#10;Lfc0UpLU0/Hp1MnpkAuFlV050+9MPLrYcEdDRvdj3L0Vt/sSM/cb16o8ez97W5lqMa5H2Na/OptD&#10;MLm1yz1LsdKD37h03wP29MXx3q6bdEO++k8rNHHRdk4B5tvyz20wZvHq1TRyXP6VdUOu3L+NEHLe&#10;9/LqzAqK+nTD8e83HtPt6h29uKFo8VuxarrfdWPnsLpXg03hlvwAtYsWv+gDe2UNDn7D1aShFB9o&#10;/Lp/6Zo22F8gch1zuBnOPzsmV6szgHAmhrFkhgYA8Mk86QMt/wCywIvwPbqimPy62/ctfz/Z1P6c&#10;wUH2Xf3VW6TLHS0WIi3BmhCt5oxtfLI1d9upIInaCSRQAQW4Um3ttRxH+rHWn4g/On7R/np0YzYm&#10;Sot7UnV2Xr2gpc923sDc3W4ipwqJDQUT56qrEiUC0YjnNF4hayxhha1h7uO6nzBH+HqjHTX5EH9t&#10;P9npAfOLNU+QxvTK0qpBDWYevzngT8JUR4tYeLXAVUZRz/rjge9S+XW4RQn7f8/VfBNyT7Z6f6wu&#10;QbW/Hv3VlbT1jJA+vv3Xst1YD0lDB0N0Ju7vTKwxpureUP8AAdiU9QBq8ZZlpyFP1WepjapkQiz0&#10;9LGyn1cvoNC6v2dJ5B4jhPIZb/V/q49V9VdXPV1M9VVTSVNVVTNU1NRMSzvI7Fnd2PLMzEkk/Um/&#10;tKz06WjqIST9fbZNet9dH6H/AFvfh17rB7uX9Ovde+pCgFmY2VV5JJ/AHtvr3R6e6XHSHx62H0hT&#10;kU2699kb27CReHVC6OsEn0sfuIooQRwRROD+u5ffsUL59J4/1GLemB/q/wBXHohRf+n+39sladKO&#10;sfvXXusTk3t+Le/de64e/de6NJ8PdjJvLuzA11aI1wuxIJN8ZaacqqJ9kVFISzekaa6SFzf+wjni&#10;xIciFT9nTUzaV+3H7egk7h33J2V2ZvPe0jSGDN5uSTGrL+pKKG1PRRn6DUlJFGp/qQT+fdXbUa9X&#10;RdAA9OgxL/gf7f3Xq3XD37qwWvXRIH19+6coF6N/8Iky+U7zwOJiqJX27SU9VubOYuVVlgZ6OmkS&#10;iqfHIrpFUU9bPF451AlUM0auFkcF6AVYdJLt+w/6uPQZ9o0lL2dvTfO/dk5CozU2Tz+RzmX2xVAD&#10;I0sImeQz0qr6cjjkgsweL9+CNHNRAkUYqJKN3kkdOomgAHyAH7MdfQC+Dn/ZFPw+/wDFW+v/AP3k&#10;8R7ijcf9yJf+aj/8ePU8bRi0h/5pR/8AHF6MRuHbeE3VjJcPn6CLIUMjrMqsWSSKWM3inp5o2Sam&#10;qYW9Uc0TJJG3qRlPPtPFK0J1KaH/AFYPqPl0oubWO8TRIKjj6EEcCCMgjyIoR5dA3u/Lbo692puW&#10;h3O2Q3fs99vVtPQ7zp4vJkaG9NIscWap4EAqIRwP4hCgAHNXClmqZF0KJdOpSitqFVr2nP4SeH+l&#10;P5Hy6JL2abbYXWWskWhgJQKunaaCQAZH9Mf7YD4i3/EaKSH48ddpIuljHlJQOP0vmsi6Hj+qsD/s&#10;efdt6/3Jf/a/8dXprktSm2Qg/wDDP5yuehf3psXAb8xkWPzcM0dRRTiuwuaxzmCvx1Uv+bq6GqT9&#10;yCdD/S6uPRIroSpRQXDWxqvngg5DD0I6O77b49wTTIDUGqsDR0b1U+R/w8DUdB9h98bg2JlKLZ/b&#10;M0E1PX1C0O0+z6ePw0ORdjpio8og/bxmXa3HP21Uf8yySfs+1T263ILwVxlo+JX5j1X+Y8/Xothv&#10;5NvcQXhFCaRzgUVz5K/kr/8AGW8qHHQefFW+Ffu7YTagmz+4ciaFWtxSVVlp7WJsrilZx+fWb/0C&#10;nef1PCk/iiWv2jj/AIeizlAG3+qtz/ody9P9K3D/AI7X8+lzlttZzqjI1u7uucbPmNn19QKrePV2&#10;PX1RlmJnyu3owQkVZY6p6IBY6uxZNFRbWnSZb0BJTRhhZD/JW+XoeI+zpfNaybOxmtVLRk1kgHl6&#10;vEPJvMpwbiKNxBHBw7F3B3bvPbEgoNz9YfI/ZUe7caq8xHLYsvDWxJ+mWlrY1WaolPpmhmCA6XSy&#10;GEhkjt1fKyQPpP8ApWyPtHl6EdENutvc38sRo8F7EJF9PEjqGHqGGSfMGnmMAL8hsDuzYldtU5/J&#10;5B90bCqEm667QhQeXJ4OGRZFpKw8h83gJ2EgBIWppXmkchgDKv22RLgNpA0v8cfkrHzH9Fv5H+Qd&#10;5ltptvaPxGPiQmsM4GZIga6T/wAMjOf6S1J+dgnSnadP2ns+LI1CQ0W6cQ64zd2HiIIhqtAZZ4eW&#10;10VdFaamkBZHjayuxRj7Dd/afSPQZU5U/L0+0cD1JGw7uN3g1GgkXtkUeTeo/osMqeBHQwe0XR3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pWFwPpyfeTHWE/WMkn6+/dbAr117904Ep1wL&#10;gfTn37rxenWMkn6n37qmW669+6uFp1wL2+nPv3Xi9OHWMkn6+/dUALdde/dOBQOsZf8Ap/t/fuql&#10;/TrgST9ffuqgFuuvfunAtOsZf+n+39+6t1j9+69176cn37r3WMv/AE/2/v3Xusfv3XuvEgfX37r3&#10;WIv/AE4/x9+691w9+6910SB9ffuvdYy5P04Hv3XuuHv3XuuiQPr791omnWMuT9OB7902Xr1w9+68&#10;Erx66JA+vv3TgFOsZcn/AAHv3W+uHuhenDr3XRYD6/7b3QAt17rEWJ/wH9PbgWnXuuPu3XuuDyKn&#10;1Nz/AEH++49+691GeRn/AMB/Qe/de6x+/de64lgP9f8Ap7917rGWJ/1v6e/cOvdcfdKBs9e697bP&#10;Hp8cOve9db697917rgWA4H19+691iZv6n/Ye9E0691gY3JPtsvXh17rGXA+nJ9u9e6xkk/X37r3X&#10;Xv3XuuBcD6cn37r3UWQktcm/Hv3TqcOuHv3V+uBf8D/b+/de6xkk/X3otTr3XXtosT17rGX/AKf7&#10;f3oinXusf15PvYWvXuve3AoXr3WMv/T/AG/to9e6x+9de64sQFNzbj37r3UUv/T/AG/v3XusLNb/&#10;ABJ9+6sq6usRYn6/7b37pwAL11791oNU9cC4H+J9+6v1jJJ+vttxU9e6697CU691wLgfTn34vTr3&#10;WL22AW69WvXvbgSnXuo/uoUjPWxnrokD6+6k16eAp1iLE/4D3rrfXH37r3XRYD6/7b37r3Ud3JKj&#10;6C9yPfuvdcC/9P8Ab+/dOBPXrH9eT791YkL1737pssW6wsQTx/re/dOKKdYywH+v/T37q3WJmv8A&#10;U2HuoAXrQWnWEv8Agf7f3Uv6db64e2+vde9+691737qyCp64FwPpyffurlwOsZJP19+6pluoJcn6&#10;ce/dV64e/de66JA+vv3XusRcn/Ae/dbB64+/dOoKDrosB9f9t791stTrEWJ/wHv3TRYnrj79091w&#10;Z1T6nn+g96LU691GeRn4+g/oPbRYt17rH7sE9evdcSwH+v8A092LBevdO23tyZvamaoNw7fyE+My&#10;2MnE9JVQHkH6MrKbrJG6kq6MCrqSrAgke2q9bHRyctjNs/KfbMu49uQ0O3+6tv0KnOYMMI4spFGA&#10;odCx5B4WKViWiYrT1BMZhmG/i68Rp48OiP1lPUUFTUUVZBNS1lJO1NVUtQpSSORGKujqwBVlYEEH&#10;kH34L0/0Y3pftXCrjanqPtJVyHXO43MFHWVJOvEVUh9E0UjX8MHkOokD9mQ+UekyhtCnn1RgeI4/&#10;4eg07d6tzXVG5nw9cxrcRWqazbuejA8dZTE8N6SypNHcCRLkqSGF0dGbxFOtq2rp36O7fq+qtyOa&#10;xGyOzc8BQ7rwrAOrxG6iojRrqZoQ59J4lQtG1tSsvgadeddf+Tp+7/6jo9k19FvTZjpkOs95Ba7B&#10;VtKTJHSyTL5ftC/18TLdoC3qKAxtd4mZtsKdNgl/tHHpGdKdrVvVG8IsoVes25lQMdurEWDCelYk&#10;a1RvSZqcsXjva/qjJCyN7r07Sop0pPkD1fRbGzVDuvZ5jrut99R/xbbNbS3aGBpVErUeqwKqFbXA&#10;GsTF6bs8UhFHHVlenUz47dg4qgyGX6u3wwn6/wCy4/4VWJMwCUldJaOnqlZrrCHOlGf+w4hlJAhN&#10;7rTqrVOR5dA72bsPLdab0zO0MqCz4+fXQ1gFlqaWT1U9Qn+EkdtQF9Lh0JJU+9kU68DqFejDZH/j&#10;O3QkWX5qeyek4VpMmAC09fg2HomJtd2gRCxJJIMEzEap1vX/ACdeppP2/wCHoOPjlveh2tv0YHcG&#10;iXZ/YlA+ydzU8zWj8dZeOCZiSAojlfQzE+mKSUjm3ttWznrx4dIvc+Jz3SvatTQQSuuU2VuOKvxN&#10;Y4K+eOORKijmZeAUqIShdRdfUyG4v72zEHq5bV0IXyPwtLSb6xPZG2jJDgO0MPT76xE0f1iq3CGt&#10;iLAWE8dRaWQAnS0tuPoKt69eRa8fLp376r5m3H1d3jhgkMu+NtY/cM1RT8ImcxLRQ1iKB9PA0cK/&#10;4sGPvbevVkxUen+Dof4KTb+F+Qv8RUI+J+QdCafHJZWdMbksIZ62V1uADWZh4BGwP6IqheT9Xcav&#10;t/zdV4r9n+TpS9SbSolxPWtA1WsNZ1Fn83s+tlXVqbK5vGY96+nW6AM9HPlahRcgWpr2JBAqv+Cv&#10;8x1R/P50P7Cei4/Nqpgj7B2XiaSVJaLGdbUf2xT/AJuVdcov/QGKKMj/AAPusnHpyHh+fRMCxP8A&#10;rf09t9O9YmYi1vz791ZVr0I/UHXNd2r2Dt/ZtIZI6etqfuczWpz9vQw2eqm/prEY0xg8NKyKSNV/&#10;dlXUadWkcRjodPmB2NQZ3eGM622wYoNndXUYwcFLSH9k1yokU6r+SlFFGlMoNyrpNpJD82lev2Dp&#10;NClBXzOT0Thjckj2kY1PSxRQdcCwH+J/p79Tz631iZr8k2HvwFevdYS9/px7117ozvxN65pt79nQ&#10;57OeGLaPXFN/fLcNVV28OqnJekilZgUCtMhlcN6WhglF/bsS6j9nTUz6RjicDoK+6ux6ntbsrc+8&#10;5S60ddXGmwlM9/2aCnHipEsbWcxKHk4F5Hc2593Y+Z6tGugAdBX7ZZtXV+ve69e6xP8AX/Ye7jh1&#10;7rh7p17o9WyXPTXxE3rvZiKfdHeGTGz9vm66xjoxUU8sgFxIl4hXHUPy1M30KkqFGhCfXA6TMfEk&#10;A8lyft8uiHEk/X2n6VAV669+6cCgdcC/9Of8ffuvF/TrEST9ffuqAFujy/FO2y+sfkd3BKTTzYXY&#10;/wDdHAVVvrV1wdtOq4tpqhRXAuTr/FhdRD2hm+VP29J7hasierVP5dEepq6qoKmnraCpqKOtpJ1q&#10;aSspXaOWKRCGSSORCro6MAVYEEEAg39p+l3X0O/hrJvTC/ED4q7mpKiv3vi818bdjZvO4CtkVslB&#10;PVbYxc9RNiaiQpHPCZHZvsZyoUG1JPGiR0jRrfsk88gait4jgNTtPcfiA4H5j8x59S7tiTWdtE6V&#10;kQxIWjJq61UE6CeI/oN/tSKBScnBZ/Eblx65PC1sdbSGVqeQgMkkUsZtJBUQyKk1PURNxJFIqSIe&#10;GUH2WSRtEaMKf5vl6jo8t7hLpdcZqOHoQRxBByCPMGhHSS7fqxQ9T9nVhMd6fr/MyoJTZWYY6o0K&#10;eR+trKB9STYc+37FdU0Y/pr/AMeHSPen8Oznb0hk4/6RugF6C27uzavTWwNxbNnnzMVfgxkc7sTL&#10;S6IqnyzSyGfFVEptj6wxsP22P2lSbF/BI71Psx3KVJrh1kxQ0DgcPtHmP5j58Og9y7bTWdjDLAS1&#10;U1PCxoGqSaoT8LU8vhbzoTq6M3tjdmG3bRS1eJmlWakm+zy2KrkaCtoakAF6atpZLSU86g3sw0up&#10;EkbPGyuxTNC0Bo3nwIyCPUHz6FVpeJeLqQmoNGUijI3owOQf8PEVGenLMYfFbgxddhc5j6TK4nJU&#10;5pa/H1yLJFLG31V0YEHkXB+oIBBBAPuqSNEQykgjgRx6dmgS5QxyAMrChBFQR0QbZGVpvj78gO4d&#10;u/YbhyvX9dh8PnshlyZK6pxVJHABHVVA8fnqMdRy1kkDuhkljhWJ5PKUldRJcJ+8raJqqHBYAcAx&#10;rwHoTSvpWvDHUeWEo5c3G5io7QlY3Zss0agYJxUqpYgnJAoTWh6sBoa6iylHS5HG1dNX4+tgWqo6&#10;2jdZYpY3AZJI5EJR0YG4IJBH09hplKGhFCOIPUixyLMoZCCCKgg1BB9COiR/JHYlH1plts/IjaMN&#10;VTT7U3vS5XeOApG00tTFWtHSVdZEv6aarrQIqeoZRpqNcckg1xkyH+1XBuw1q/4kIUniCMgfMDiP&#10;TPr0AuaNvXanj3OEEGOVWlQfCwailh6FsK38VQTkZMTmMV158iOtWpnkjy+289CZKOuhAWqoauO6&#10;h0Eil6WvpJCVdGW49UcilGZSVo8u2S+jDiPIj/KD/s9CaeG25mtafEj8CMMjD7eDKeI/I46IjsfK&#10;53oveGRpsk8tTuXq4DB78xdOCBuDZDlJKDNUi6m81dt/yglTZ1oWjhLqlPUaRFcRruEYK/DJlD/B&#10;KOKn5N/hz5jqPbCaTl+dg2Xt+yVR/o1qcq6+rR1/3ig4KerP8dkaHL4+hyuMqoK7G5Kkjr6CtpmD&#10;RzQzIJIpEYcMjowIP5B9hJlKEgihBoR6HqWIpVmUOhBVgCCOBByD1M916c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tKf3kx1hWE9euJYD/X/AKe/dWJC9YyxP+t/T37pssW64+/dWCevXEsB/r/0&#10;9+6sWC9YyxP+t/T37pskt1x9+6sE9euJYD/E/wBPfurFgOsRYn6/7b37pskt11791cJTj1xLgf4n&#10;37q/WIkn6+/de669+691wLgfTk+/de6xkk/X37r3XXv3XuuBcD6cn37r3WMkn6+/de669+691wL/&#10;ANOf8ffuvdYySfr7917rr37r3WMv/T/b+/dNl/TrH9eT791UAt1737pwLTrGX/p/t/furdY/dS1O&#10;vdeJA+vtskt17rGX/p/t/dgnr17rH7c6910SFFybD37r3Ud5ieFuB/X8/wDGvfuvdYPfuvde9+69&#10;173VzQde6xOQTx/T3RWoOvdcPdSa9bAr1736tOnAlOve9dX66JA+vv3XusTOT/gPfuvdYi/4H+39&#10;0L+nXusZJP190ALde6wuTcj8e3AtOnVAAr1w926a64lgP9f+nv3XusbMT9eB7917rCX/AKf7f37p&#10;wJ69YibAk8+/dXqBjrCWJ+v+29+63117q5oOvdcSwH+J9thSevdYiSfr7coF691170KNnr3XAuB/&#10;ifd+vdYySfr7YJr17rr3rr3WN5AoNuT7917qIzM3LEn37r3XXv3XusTkG1vx791YNp64e/daJr1x&#10;f9J9+62nHqKX/A/2/v3T3Xlaw5Nzf3otTr3XEsT/AK39PbRYt17rj7sE9evde9ude66JABJNgPfu&#10;vdRC/wDT/b+22evDpxUpx6x+2+nOuiQPr7917rGX/A/2/v3XuuHv3XuuLWsf9a3v3Wx1h9+6sXrw&#10;64FwPpyffuvBK9YySfr70TTq+F6xuSLW/PvStq68rausXvRenVusBJP1Pur8evdde6de697917ro&#10;sB9f9t7917rEWJ/wH9PfuvdcffutjriWA/4p7908BTqD790x1jL/ANP9v7sVoOvdY/derBa9e+nJ&#10;9+6cAC9Yy/8AT/b+/dVL+nWP37qoUnrokD6+/dOhadR3mJuF4/BP+++nttn631g9t9e697svHr3D&#10;rGzEGw492ZqY6910EJ+vA9t9e64MQt/8D72BXp5RQdPG2t0ZraGdxu49vVsmPy2KqBUUtQnP+DI6&#10;nh4pEJV0NwykqeD7cCU62RXHRwty4Hb3yc2lU772VQ0+J7c2/Tou69rwsFGQRVsJYtRGtmCnwyH1&#10;G328xJEUg9x4dNCseDw9eiPVUM1NLLTVEUkFRBK0M8EylXR1JVldWAZWVgQQRcHg+2unujbdSb5w&#10;fZ214uhu0agiKVlj663TJYzUVUqlKelLuw1AX0QLca1Y0xNmi02Brjpthp7h+Y9ei2b82Vn+utzZ&#10;Da24qbw19E2qKdA3hqIWJEdTTsyqZIZQpsbAghkYB1ZRXh1cGvDoffj92dhJ6Cv6S7MZarYe72NP&#10;iqipYL/D6yVtS6ZW/wAzFNMFdG/TDUASWCvK3uynyPVWWuRxH8+gR7W62zfVe76/bGWDS06k1OGy&#10;gXSlZSMzCKdRyFawKyJc6JFZbkAMzcgI62rahXoc+gd34fe238n8fOwKgDD7iV5dj5WaxegyHLrD&#10;EXIALyfuQi63k8kJ1CoCjQNMHrxxn/VTosu89p5jYu5cvtTP05psniKpqaXg6ZE+sU8RIBaGeMh0&#10;P5Vh9Dce7AU6cBp9h6NRkG/2YXpJcuT9z2t05SCDJfQzZPDWJ8pv65JY0QuTdj5Y5fTeqS1/iH2d&#10;aA8Jvkf8PQDdKdmt1j2Dic7LrkwNWTht00ttSzY+oIWa8f8AbaAhZkX+00YU8Mbtq2f9XDrbkN1l&#10;7264TrfsGvx+Mby7ZzMKbj2lWxsGR6GpuyIjrcN9vIGjBvdlVHPDj3UpnrSjX0J/bYHaPUOw+5oQ&#10;s24dvW697DdB6mki9VFWSAfQya7ux5LVMSKAqcWIx1ZRpNPzHUDDv/pH+NefwlzPuHpbODcmLH1k&#10;OGyBYVcai1ykM3kmkJ4VUjHAsDQdw+zrZ7W+3/COuG2KGs7M+OmV2tQ07ZDcvWe/aPJYOnQ3kahz&#10;j/avTxqf7JrmeZz+LLe3Jbw7hTrR7Wr6j/B0K1TBhs1T/HvsXGVrtg+qaiv23uLNxhykkG2ZI5sY&#10;36XKDLBAqggWaqVBpC3FuNOvUpUev+XHQ67K2JU0m5dzwVMzwNL8lKnsJYmvzRTY+v8AtnZgQNM1&#10;askaj1eqMBrsfTdV/wAP8um2bH+1/wA3RHPl5NbujIYvyeQbf23icOvN7AUUc9gv9i/3F7f43/Pt&#10;qTj07Hw/b/h6LCSB9T7p051iZtX+w9+62DTqwLqVKf47/H/cPcuSiVd79h064fZFPMo1RxSeQ0bA&#10;MOUlKNWyD9LwQwgWY2LgbwxX14dMlfEbT6ZPVe9RUS1E0tRUyyTTzyNNNLKSzO7HUzMTclmJuSeS&#10;eT7S5fpYBTqMXJ+nA93CU631w96Zq4691ga9zf8Ar72CFHXuuvbXXuj475X/AGXz4yYXYEZ+07F7&#10;qf8Aje7lHE9PjdClqV/o8dojFTlGBVmet0n6+3z+mtPM9J1/VevkMD7eiDe2Sa9KOve9de6xl/6f&#10;7f37r3WMn6k8/n37rYFen/Z22Mlvjdm3doYlb5DceYgxFMSCVQzSKrSvb6RwoS7n8KpP497A1GnV&#10;SaCvRoPmVurGtvLbXU22W0bV6f23BtymgRrqax4YTOxIADPHBHBE17kSJLc3Zh7dmapp6dMwLjUe&#10;LGvRNiwH+v8A09s9LNQUdYixP1/23v3VCS3XXv3Vgnr1xLAf4n37pzo82+NXW3wq652oddNlu4t2&#10;S70ycBuoko4NEsTWPLBoo8a9/pz+eCXj2oB656RpSSUn+EU/b/qPRE/bPSzr6Qfwa/7In+Hv/irX&#10;X3/vJYj3Fe4/7kS/81H/AOPHqcNp/wBxYf8AmlH/AMcHQ4Z3aH3Ve24tuV/9292CNY5MlFH5Ketj&#10;QWSnylJqRayFRwjho6mAXEE8atIrtxz0GlhqX08x8wfL/AfMdbuLLW3ixHRJ/FSqsB5OMah6HDD8&#10;JGagZ33v8U3S/ZOF3HSDbG7JNstSR42WRZKetjqJ4KR58XVusaVkP74DppSqg1L5oI9cTOYbbbVu&#10;I2U6l1Vr5igJyPLh9h8j0Qcw7lpsZ45R4cmimmtQwJC1QmmoZyMMPMDFRh6dx5xXU3WePYWkpth4&#10;lJvqR5DQwNJa4Bt5CbXAIH49or9tc8h/pt/hPR1skfg2cC+kUdft0CvU3c+yo8vWxbiwWQfbO9KK&#10;n+2otxUiCRZoQSwo8lTEomQoGfnxuVkiJZ6aaCU+T3SG40DSw1KeKn19QfI/6iCOnLuw8ZvFjPhy&#10;gUDgVqP4XH4l+RyOKkHPWLbm9JarIja27KCPbm844WljoVdpKPIxR/rqsTVOkf3MIHMkTKtRT3tN&#10;GF0SPuWCg1odS+vmvyYeX28D5datb4u3gzDRLStK1VwPNCQKj1HxL5jzIG1CDFfM2ikWO8e6ejXp&#10;5X0ixeHJs7Am9zZKKPmxPIW1uQvB12J/oy/8+/7PQeYeDvo9JLQj8xJ/mUdLTIbX3B1LWVW5OtqC&#10;ozeyKiZ63dHVVLp1waiGmr9thiqxVHBeTHlhDUEsYfFMQGZWZb0aJTR+Cyevyf5ejcR51HRhLayb&#10;OTLagtETWS3Hl6tF6HzKcG8qHiod1R7f7s6g3TQ7drqfK0G6dt1dFj5lBBirURjCk0ThZIailrET&#10;yROFdHUqwUj21CW2+dS4oVYE/Z/mI6U3gj32ykWIhhIjAfJqYqDwIalQcg9AJ0omYk6w2j2z15Tt&#10;V5yTFpiOzNihxHHm5MWTQSVcAciOlz4ip1kST0pVhvFUWZkmjMr/AEiZoJcCtY3/AIA2afNc/lxH&#10;p0HNiEhtI722FX06Z4uAlMfYWHkJKCoPBuDeRCM+SmMw264ute/Nl5n+GpRZRdn7gzTRENQLUSPF&#10;Tvk6Z42dEx9a8lPX00qM7xTNAU/q/tTND4ltIK1GpR60yaGvmMqfUV6Q80xJeCDcYG00bw3enwVJ&#10;A1givaxKupGQSKdP/wAXOx6vb+4s30Lu+A4TJ4ueeu2piamRnNMVvNXYmF5LtNTR6jV0MgeXyUch&#10;vKzRkBvd7USKLmPINAx9fIN9vk3Ch+3pTyluhtpW26caWUkxqT8PmyCvECupDU1Q8cdHr9h3qQe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SiL3+nHvJjrCovXh1w9+68Fr10SB9T791fC9Yy5P04&#10;9+6oXr1w9+68Er10SB9ffur4XrGXJ+nA9+6oXr1w9+68Erx66JA+vv3TgFOsRYn/AAHv3W+uPv3X&#10;uuiwH1/23v3XusRYn/Af09+691x9+691xLAf6/8AT37r3WMsT/rf09+691x9+691xLAf6/8AT37r&#10;3WIsT9f9t7917rr37r3XEsB/iffuqlqdYiSfr7903Ut11791cJTj1xLgf4n37q/WIkn6+9E06911&#10;7bL1691wLgfTn34JXr3WMkn6n24BTr3XXvfXusLzAcLyf6/j/jfv3XuoxYsbk3Pv3Xuuvfuvde9+&#10;6910WA+v+29+691iLE/639PdH4de64+2unAnr1xLAf6/9PfunOsZYn/W/p7917h13r4AH9Pr7917&#10;rh7917rCxJJH4B9tEljTr3XH3YJ69e64lgP8T7v17rETc39+69XrCXJ+nA9+691iY2F/furKK9Yi&#10;Sfr7905heuvfuqF69Y2YWsOffutqvn1iJA+vv3TnWMuT/gPfj17rh7oXpw6910WA+v8AtvbZNetF&#10;qdYixP8AgP6e3E4daU164+9F/Tq3XEsB/wAU9t9e6xsxP14Hv3XusDNfgf7f37r3WIsB/r/09+69&#10;1jLE/wCt/T37r3XH37r3XEsB/if6e/de6wuSwN/fiadWXj1H9tF/Tp7r3vQUnr3XvboFOvde9769&#10;1heVV4X1H/ePfuvdR2Ysbk/7D3omnWwK9cfddIpXq2o1p1wLgfTk+2unesTN+SffuvdcA1yfwLe/&#10;de68Xt9OffuvdYWa3JNz791sLXrEWJ/wH9PfunQoHXH37qpf064lgP8AX/p7bK1PVQC3WJmv9eAP&#10;emWnTgXT1iL/ANP9v72E9erdY/en49e699OT7p17rGX/AKf7f37r3WP37r3XRIH19+69x6xl7/Tj&#10;37p1Up1w9+6v1AJJ+vt7C9J+uvbbNXqyCp64FwPpyfderl6dYySfr791TLdde/dXCU64FwPpyffu&#10;vF6cOsLN+SefeiadbU1HWA8kn+p9snPVuve7hPXpsv6de92JC9VALGvXVhcsf9ufbRNenusDzfhP&#10;9ufeuvdYCSSSfqfbuoAdPjh117oWr1vpR7P3nntibix25tt1jUeSx0wcXv45o7jyU86Ar5IJlGl1&#10;uOOQVYKw0DTrRFejXb/2ht/5AbSn7d60o4qTe+Oh1dgbLiYGaRlU3niQAeSYqhZGAAqowRYVMbxt&#10;7j1UHTg9Eh1urhgWR0a6lbggj8j8gg+9dX6O3tnJ475O7F/uNuaqp6XuHZ9E9RtHP1PpOTp0W7Qz&#10;MB6m9IWa/qHoqU12nX3YmvVfhz5dErzGLyGEyddh8tSTUGTxlS9FX0VQLPFLGxV0Yci4I+ouCOQS&#10;CD7r1bo6uycrQfJbrSXrLc9XBD2jsmjau2RnasjXWwxoFMUsh9TtpVY6j8sviqbSPFIRf4sefTTd&#10;hr5Hj/n6JNXU2W27l6ihrIavE5rC17QVEMl45qeogexHHKvHIvBB+oBB9tlc9O9HG3csPyQ6gg37&#10;QRRv2t1lSCh3hRwLZ6/HgO4nRFHqYgNOgFrMKqJVN4vduPWgNJp5HotvUXZWQ6u37h92Ugkmo4m+&#10;xztAn/KRQzMoqIvqBrXSJIyTYSxoTcAg+Bp1tl8XHSz+Q/W9BsreEGe20I5tib/pP7z7SqacWhVJ&#10;gks1Mg0rZYTKrxiw0wyxKbsGtSgrXq0Xdx49LzHt/pp+PVXiiRU786NvkMZc3lqsFKv7sS3N2+2j&#10;itZQbCngQeqU3sB1onw2+R/w9J34z5rH5PLbq6h3HMqbe7XwUmJikk5EGTgR5aGdLkKHHr0j+3MI&#10;B+LGqmpIPn1uYUGoeWfy8+m/oWvm2F3S2y90xeKg3JJW9X7tx8nKsapmplQk2FvvUjGv/UFrGzG9&#10;U7TQ/Z1uUalqPLI6EXofa8+0Oz+ydgZvIPQUefpsj1PS1GoK0tbLHPV0tXELq1o6WiZg6j0PU04I&#10;UyqR5RQkfl1pzUAj5Hpr21hM9B8WO19vyztDXUe9oMwuCjDGeWngrKHH1ThByYfu4CBwRrpnFr8+&#10;/AYPWz8Q/wBXz6OhS0m7P7/breuk1OcD1w8cramGmPNZD74Rtc/U/dauW/WCWsfd/wDY6aqCMf0v&#10;9X+Dqtv5TVy1nffYcqX9FbR0hLc80+NooD/vMZ9tPx6fjFFHReySfr7r1foX+i+r6ntrsbC7ZKSj&#10;CwsctuaqjuPFQwFTINX9l6hysKHmzyBiNKkjaprIH7etNIIlLfs+3oQflj2hT753+Ns4GRE2f17G&#10;23sVBS2EElTGQlXPGqEp4w0awxEenxxBlsHPvctGPyHVYaoueJyeioN9T/r+2ywXpUOHXXtstXrf&#10;WMv/AE/2/uvXusLMB9eT7sFr17oyfxZ6zg7B7Jgy2eSNNk9fwf3t3TV1QtT2p7vS08rsCgWaWMu6&#10;tw0EM/u8S6j9nTM8mhccTgfb0hu9e0ant7srPbvczJi2kGM25SS3vDj6clYF0m+l5SWmkH0Ekr24&#10;t7q7ajXq0SeGtOgdLAf4n3oLXpzrEST9fe3FOvdde6de64MwsR9ffurA06Or8ScRQ7MxnZPyK3FT&#10;6sT1rgZsbtwS3C1GVq4ghijcfSTxzRU/PH+WqfwSHohSrenSaY1onr/gHRMs1mchuDL5TOZWokq8&#10;nmchNlMjVSElpJ55Gllck3N2difbRNenwKdNXvXVwleuiQPr7904BTrEXJ/wHv3W+n/aW3K7eG6d&#10;ubUxovkNyZylwdIT9BJVTpCrN9AEQvqYmwCgkkAX97AqadVZgoJPlno1Pzf3HQTdpYjr/Cnx4Dqv&#10;Z9DtaipUcOiSvEtRJptwGWnanhcfUNCQeRYOSnNPTpNZL2ajxYk9EvLE/wCA/p7a6V9fSI+DP/ZE&#10;3w8/8VZ6+/8AeSxHuK9x/wByJf8Amo//AB49ThtP+4sP/NKP/jg6NN7R9GHRS/mlOo6WfGrDFNV5&#10;7d2MxGPWQKW8xeSoHjLEFXKU7Lcc6Sw+hJ9nOxD9evorE/Zw/wAvQO56b/EdPEvIij7ak4/Z0L1D&#10;XZfrakosVuWSTNbOoqaKhoN4wRAT0McaLGiZmCIafCqgWroVEai/3UcAQzyomVbokphjkr5H/Sn1&#10;+R/KvDo6jkfawEl7owABIBlABTvA8v6Yx/EBxIpQzRVEUU8Esc8E8azQzQsGR0YBlZWUkMrA3BHB&#10;HI9pCKdGysGFRkHII8+mTce2cLuzHHGZuk+4gWZKuknhd4aimqIzeKqpKmJknpamFuUliZXXmxsS&#10;C5FM0Jqp+3zBHoR5j5dJ7q0jvF0SCorUGpBUjgVIoQR5EZ6Jvuuqyuxvk50rV78zeMq8XLt3MYHH&#10;bxqSlLNNCaeoMK5OJVWnSpjnmRGljEcEvlEoSHS6A8hVbi0l8MEHUpK8QMjh50x9uPPoEXbPYbrb&#10;NcMpXRIiyntJFDTWOFQSBUUBrWgyOjzAggEEEEXBHsPdSB0C+6dh5rAZus7D6rWmptxVRE+7NmTs&#10;sGO3GiByfI2krRZjn9mtA9RtHUh4iSq+G5WVRFN8I+FuLJ/nX1H7OiK72+S3kNzaUDnMkRwkwH/H&#10;X9H/ACao6B34n7gpWzHd+zKekyOKhxXYDbpocLl4mgqaOLLK3kopImHpeilpfG+klCx1ozK4Yrt6&#10;iIWKQkGqaSRkHT5/nXol5QuRruoAGXTN4gVhRlEnFSP6JWh8vMcelf3V1RkazGbxzmy6STIRbvxD&#10;0PYexYyNOUVYgkGVxyswSHP48ojx8hKwRrFL6wjFmwvQpVZDTSao/wDD8j/RP8uPSvfdnZ1lkgFf&#10;EUiaL/fgpQOvpItAR5NShzTotNDtfK91dM7Q7O2VJNSd59LzDAVrQKwnyP8AByrQQzK6rLJVGlMc&#10;kRdbvI89M4Ie6GzTLt87QyZhlyPRdXH8q8fyPQWjtH36xju4MXdqdBpxfw6UBrkmlCK8SSp44PR1&#10;H2Rje1thYPeWP8UU1ZB9tmschuaOvhAWqpmBOtdEnqTVZmiaOS1nHsO3tqbOQxny4H1B4H/V59SB&#10;s26JvFuk64Jwy/wuOI/zfIg+fQle0nRr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Wk/7yY6wtCgdcC/&#10;4H+39+6qX9OsZJP19+6qAW669+6cChesZf8Ap/t/fuql/TrH791UKW699OT7904Fp1jL/wBP9v79&#10;1brH7917rxIH19+691jL/gf7f37r3WP37r3XRIH19+691jLk/Tge/de64e/de66JA+p9+691jLk/&#10;Tj37r3XD37r3XRIH19+60TTrGXJ/wHv3TZavXD37rwSvHrosB9f9t7904BTrEWJ/wH9Pfut9cfbZ&#10;f06910WA+v8AtvdQC3XusRYn/W/p7cC0691x92691weRU/xP9B7917qK8jP9TYf0H++59+691w9+&#10;691737r3XiQPr7917rEX/px/j7917rh7qWp1YLXr3tupbpygXrg5Itb8+/Munrytq6xe69aL0697&#10;91TLde9+6dAoOuBcD6cn37rfWEsByTz79SnXusZcn/Ae/de64e/de66LAfX/AG3v3XusHv3XusTM&#10;DwP6/X37rYNOsRYD/X/p791sAt1jZifrwPfunAoXrCX/AKf7f3QNU9aDVPWP3fq/XvpyfdX4de4d&#10;Yy/9P9v7Z6bL+nWP37qoUnrokD6+/dOgU6xl7/Tj37rfWJnAv+T7917rEST9ffuvdcG4U+/de6w+&#10;/de66JsL+/dbAr1jLk/Tge/dbZdPXD3VjTryivXBmUCxPJ4A9t0LdOgU6xe3AoHW+ve9F/Tr3XRY&#10;D6/7b3pCT17qNI7E2BsLfQe3OvdYfbZf06cCevXEsB/r/wBPbfHqxIXrGWJ/1v6e9lq9eA8+uPvX&#10;VuuLMACPzb37r3WAkD6+/deAr1wL/wBP9v7904E9esfv3ViwHXRIH19+6bJLdYy9/px791cJTj1i&#10;ZwL/AJPv3V+sRJP19+69117917rgXA+nPtpzU9e6xkk/U+6de669+691wLgfTk+/de6xkk/X37qy&#10;DPXXv3T3WMv+B/t/fuvdQ3YBjf6k+/dMHj1hLE/639PfutdcffunAnr1xLAf6/8AT37qxIXrEzE/&#10;Xge/dNli3WIv/T/b+2y/p1YJ69Y/dQpbqxYL1724AF6bJLde91L+nVgnr1xLAf4n3UKT1bUBjqLI&#10;zFiCePwPfiuaDq4Fesfu4SnHpwJTj1wLgfTk+2249X6xkk/X3rr3XXv3Xulz112NuDrHc9HuXb05&#10;EkREORoHJENZTFgZKaYc+lwPS1tSOFdfUo9+60RXowXcHXuA7E2we9uqIDLR1ZaXfm2acXmoqoKr&#10;1E4iUeloy16gD0lStSl43dh7j1UGmD0UjE5nJ4HKUGaw9ZNj8ni6tK2hrKc2eOSNgysPweRyDcEX&#10;BBBI9+6v0cremJxnyV2Cey9pUdPTdq7So0pt9bcpRZ6+GNLLUQKPVI4RC0N7syK1Nd3iiB3SvVB2&#10;48vLome39wZfaudxm4sJVyUGYw1YtbRVKfVXQ/RlPDI4urofSyllYEEj3rq/Rvu4MHiu79gUvfWy&#10;qOOLcWKploOzMDS3Z0MEag1QXlmFOljqP6qUq7EGBx72xr1RRox+zovPTvZmQ6p3xjdy0pkmxzt9&#10;huHHp/ykUUjL5VAuB5Y7CSI3AEiKD6CwOh09TWKdLb5FdbY7Z+4aHd+0vHUdfdg04zu3amk5iikl&#10;USzUw+mlfWJIgQLRt4xcxP7915HoM+XS36iqafubqncnRuWlj/vPtyN92dY1c551RlmmogzFQFLS&#10;MvJa0dQ7hbU628c9UJoa/t6BbprflX1P2biM1WrNT0EdW2C3ZRSq1zRTOIqtHi4LPTlRKqH6yRKD&#10;xf3XXQ9OyJ4gp+zp17m2jUdN9tzSbdkNPjRXU+89j19OboKeSQVFP4nUkMtLOjRBr3YRh/7Q91kG&#10;g/zHXkOsZ/PpXfI+kjyeY2J3TtiNqah7NwdPlJPsjf7fM0QjiqYl0gESIRGLkXeZJWBJvbz9xqPP&#10;qsWBp9P8HQg971+4oewei+xcPSq9RmaimqZsXjLOG3JQ1VJR5SDUpKvJIKempP6OtPYEgH3thQjr&#10;yAUI/wBVOhXxs9ZSfKff+EixsOU2/l+rXyWCxigtTyLJLTZby2UgET5mWqJIPLzH8ni3n1SlVGaZ&#10;/wBj/B0u+hNz1ubwPTstcs89Tm+s89NkayX9U0mIz+IpKcstlJ8X3srhtNiJCQzAknSmvVZMV+0f&#10;4Oqyu9qpqzuXs6Z5PKyb2yFLq/oIKh4AvH+oEen/AGHtpuPSheA+wdBMWA/xPvXVurAsSR8ZfjlP&#10;npT9n2n28oixikaZ6OmaO8ZHq1L9nSymZja61VRFHICEBDnwD7emqeK1OIH+HqvJnJJ+vP1J+vtv&#10;pUE9esLOB9OT7b0VPV+sTN+Sf9h7qVzQde6xFyfpwPdwlOvddKju6xorPI7BURRckngAAckk/j3f&#10;r3Ho+PYrj47/AB5wfVFK6U/YnbUX94d+svE9LQuFU0jWsyhgopLHUjaK0qAXuNN+ktPM8ekyfrPq&#10;8hgfb/q/ydEM9sdKeo/t0vTh17rosB9f9t7bJr17rEWJ/wAB/T3rr3WWlpKmvqqahooJKmsrJ0pK&#10;SmhF3klkYJGij8s7kAD8k+/DPXujs/JespOqusesvjfhp0atoKFN6di1FOQRLX1Gto4mdeXUTPM4&#10;VuViSk+oAsolIRQo+09Mwr4hL/kPs6Iv7T9LAoXrGX/p/t/futg16x+/db699OT7917o4/wm23Q1&#10;XZWb7HzgEe2+pNqVe6a+qddSpO8MsUNx9LpTrUzKTyGhBAuLh6FamvoK9JLx6Lp82NOiqbx3NW7z&#10;3ZuXduSP+XblzlVm6lb3CtUzPLoX+iRhtKj6BQAOB7aJrnpSq6QB6CnSb966t19Ir4M/9kTfDz/x&#10;Vnr7/wB5LEe4r3H/AHIl/wCaj/8AHj1OG0/7iw/80o/+ODo03tH0YdFD+S187vv457EF5Ycx2SNw&#10;18C2P7GMNPrLA/1hqZgCeOG4Nrezrav045pPRNI+1q/5h0C+af8AGLiyt/Jp9ZHyTT/kY9G8IBBB&#10;FweCD7Jehp0Gsu3Mts6WXI7EhSqw8kjVGS2BK6xQksS0kuGlcrHQVLEljTuRRzN/yqyPJUMrEqz4&#10;k4+T+f8AtvUfPiPnw6KzavZHVb5Xi0OAPtQ8FP8AR+E/0SS3SuwO4sXuOkeqxkzlqeY0tfQ1SNDV&#10;Us4ALQVVPIFlgmUEHSwGpSHUsjKxYkiaI0P5EZBHqD59LLe5S6FUPA0IIIZT6EHIP2/aMdFq7lo4&#10;pPkJ8aGmWOeDI/3pxdVSTorxvC2NgSVHVrq6TR1DIykWK3Bvf2b2Df4rcfLwz+eo/wCboL74gO5W&#10;NchvHUgjBGgA/tDU6FQ0Wa6wJlw1PX7j66Vrz7eg1z5HCJ/akxgJaSuxkf1NESZ6db/ZmSNY6NUO&#10;pbv4qK/8XBX+30Pz4Hzzno28OTacoC8PmgqXi+aebIP4PiH4aii9CbistjM7jqTL4eupsljK+ET0&#10;ddRuHjkU3F1YfkEEEfVWBUgEEe0joYyVYUI4g9G0My3Ch0IZSKgjIPRLOycDubEfKrbWX2NmYMBu&#10;DfPXNQlEK5S1Dka3Es00tFkUUF3pZ8fBGmtLSwuscyEmMKx9ayo9myyCqo4rTiobFR86n88jz6Au&#10;6QSwbuj27BHlhalR2u8eSrfIqAKjIoCOFOjQ7C7Bot6RZGhqKGo27u/bs4ot17PyTKamimIujqy+&#10;mpoqhfXT1Mf7cyEEaXDIpRcWxgoQdStlWHA/5iPMeXQs27clvgykFJENJI2+JT6/NTxVhgj51HRW&#10;d4V24ujvkd/GdsYmXLbP7fw0ma3DtXHqBNU1+LRjkJsamkK2Rip3FYULA1ZeeLmZ4CDiBV3C10ua&#10;NEaKx4ANwr8q4+WPKvQRvZJdg3TXEuqK5Uu8Y4s8Y7iv9IA6qfiqRxI6z1m7cJ012Hhe1Nu1y1nR&#10;Xfk0Z3JUUvNNjM2wLRZRQyq0K1aFzUx8PqSoaQFoYYl0sLX0RhYUmh+H1ZPT508vy9SetveR7Hcr&#10;eRGtpdkayPhjl8n+WrOofJq8AOjvo6SokkbrJHIoeORCCrKRcEEcEEcgj2HyKdD4GuR1y9+63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pMFifr/ALb3kx1hSSW669+6sE9euJYD/E+/dWLAdYiSfr7903Ut1179&#10;1cJTj1wLgfTk+/dX6xkk/X37r3XXv3XuuBcD6c+/de6xkk/U+/de669+691wL2+nPv3XusZJP19+&#10;69117917rGX/AKf7f37r3WP68n37r3XvfuvdYy/9P9v7902X9Osfv3VQpbr305Pv3TgWnWMv/T/b&#10;+/dW6x+6lqde68SB9fbZJbr3WIvf6ce7hKcevdcPd+vddMyryxt7917qM8xPC8D+v59+691h9+69&#10;1737r3XvfuvdcC4H05Pv3XusZJP196Jp1sCvXXtosT06FA6972E9etF/TrosB9f9t7uSF6oAW6xM&#10;2r22zautkaeuPuvWwnr1xLAf6/8AT37qxIXrGzE/Xge/dbBr1hL/ANP9v791vrH7917rxIH19+69&#10;1jL/ANP9v7917rCzAf4n37qwWvWJmvyTYe/dapnrCXv9OPfunAlOPWJnAv8Ak+6l6deLU6xEk/X2&#10;0TXpsmvXYA0k/m9vd0Hn1tOPXH251cvTri/6f9f3phUdUy3WH3UJTq4SnXAuB9OT78Vqer9Ymb8k&#10;+6uKde6wlif8B7p17rj7917rosB9f9t7917rEWJ/1v6e/de64+/de64ORYi/Pv3WwadYSQOSbD+p&#10;9+62Tq6wPN+E/wCSj70RXq6rTrEAzEMeefqfeiwXq/WQkD6+2yS3XusZf8D/AG/u4T1691jY2F/r&#10;z72WA6sFr1gZvyT7bqW6coF6xF7/AE491OOqF68OuHv3XgteuiQPqffunRjrGXJ+nHv3XusZ4BP+&#10;Hv3WxnrCST9T7907heuvfuqFq9cC9vpz7914JXj1hZvyTz7904BTrEWJ4+n+A9+6312E/J/23ujN&#10;TqjNTrz2FgPdVanHryZ64e9Fq9X6j+69e64lgP8AX/p7917rGWJ/1v6e/de49cffunAnr1xLAf4n&#10;+nv3TnWJmJ+v0Hv3XusJf8D/AG/v3XuorfU/6/v3TB49cSQPr791tDTrGXJ+nA9+62Xrw64e/deC&#10;V6xP9R/re22FT1fC9cPewlOqF69e9+L068Er10SB9fdMt1fC9Yi5P+A93C06oWr1wPAJ/wAPftfW&#10;0Spz1HZrck8+7EgdKiQvWIsT/gP6e2i1emyxPXH3XpxRQdcSwH/FPfurdYyxP+t/T37r3XBjYEj3&#10;7r3QrdOdt5jqbcwyVOr5DAZILSbmwLEaKqnufUob0rUwgkxsf6sjHQ7g+60RXoRu+epcRQUdJ251&#10;o0eQ613SRVSpRrYY2eV9PjMekGKmkluiqQDDKDA4X9sN7rQPkegV627GznWG7MfunBSFmp28GRx7&#10;sVirKVyPLTy2vwwAKtYlJArgErb3sGnWyK9Dd3315g8ri6HvPrNDPsrdbCXcFBCoDY2vkbTIZI1L&#10;CFJZ7pItykc/CMY5ogPdaB8j0HXRnbFR1Vu+OrqtdVtPOBcZu7F21rLTEkCZYzw81NrZlH9pTJFc&#10;CQn3StD1srqx07/ILqmm693JS5rbTx1nX+9ITmdrV1KdcMayASPSCQEhljV1eFr+uFl5ZkktalOn&#10;Izq+0dLzojNY7s/ZWe+PO7alI5KyKXNdb5Op5NLWxCSZ4VJu1gxaUKoBaJqpNQ1qPfh6dUIp3ft6&#10;LnjK/c3Um/6etML47cuy88VqKSUkAvA5SaByp9cFRHqQlTZ43JU2IPtoVB6dCgjoZvkttjG1dXt7&#10;ubaMQ/uj2jRrkKnx8/bZXSTVQyW4WSYqzN+TPHU/Sw97kWmeqxN+E8R06Vh/0xfG+mrwPud69Ezi&#10;hqyAfJLgplAjY2B1injiFiSNCUspteS7bPco+X+Dr3wN9v8Ah6c+lKybeHSHYW2qigmymT6nrP8A&#10;SPsc34jqTTVjKgDB1kSGeN5/Dp/daQqSb8WX5debtYH1x1g6xzrZb4870nkpZchuDpfPvuzbNQS2&#10;qH+MUtTSiUMSOaGpeau4PMkUZZTzqqDUdebDD5/5OhQ2tvmCi2x8bN+RCYbg3LkMX07mq8Cypi8b&#10;X1cUkUjcamqJWgmPP6Y2PLE23XAPVSPiH5/n0Y/resx0NZUYzH0hgh2ZvOv6uxy2/TFHicfkJ5W4&#10;H/AiooxJ/a5kHNuPexTqj/4QD/P/AGeqf+1ao1nZ3Y9TqB+535mJ9QFr68hUNe3Fr3+ntk8elK8O&#10;hS+MPVUfZPYEddmYUOzdlome3HLUcQyFSxpaR2Pp0zyRl5A1gYIpRcEj3tRXqsjaR8zgdJ75FdsS&#10;dtdj5HLUs0jbaw98LteFjwaaJjrqbWWzVkt5eRqVDHGSfGPfmNT07GoiWnn59AR7r14sT1Ed+Tb+&#10;v19+6dHXAAsb/wC8+/daLU6yAKouf9uffumyxbo1PxS69xee3ZkezN3+Om2D1VTf3jydVVg+KWsi&#10;RpaWL8a/AYzOyi9ykUbKRMAbJk/Z1qU6V0jicdAp212Nke0t/bh3pkTKgydWUxlFIQftqKL0UlP6&#10;fTeOEDWR+uQu55Yn2w7azXpyNBGAB0GpYn/W/p7p1frCX/p/t/fuvdY/fuvddEgfX37r3RuPiNs/&#10;E1G6c923u4eHZfT2KbctTNIAVkrwjvSIgJXXJAI3mQKdXmSnW37gu7EM1Pl0zMTTSOLY/wA/Rb+w&#10;97ZLsPeu5d6ZYt99uHKyV/gLFxBETpp6ZGPJjpoFSJPzpQX9tsdRr0pWkYCjy6RJJP19661luuvf&#10;unQKDrgXA+nPv3W+sZJP19+690e+fT058L4adlWn3b8gtwCobVdZkw9PpZSObPC0EKH6H05E/wCF&#10;n66Ep6/6v9X29I6eLNXyQfzP+r+XRD/bHSzrokD6+/de6+kX8GOfhL8Oz/X4sdff+8liPcV7j/uR&#10;L/zUf/jx6nDaf9xYf+aUf/HB0ab2j6MOih5C27fmTg6YKZKXrDrOXJShuVWrri8Vz+AzQZGIqOT6&#10;Cw+npOl/RsSfOSSn5D/ZB6Bcv+Ob4g8oIC3+2eo/wOP2V6N57Jehp1737r3SPz+0kydZFncPXSbe&#10;3VSRCGmzVMmtJogdQpcjTakSvoyxPoZlkjuzU00EjF/b8c2gaWFVPl6fMHyP+og9Iriz8VvEQ6JB&#10;wYZqPRhjUvy4j8JBz0WPsHM5PI9//GegzmFnw2axOT3KK0R6paGoSXH0giqaCr0qs0MhiYNG4jqI&#10;SLTRKrwySm9qgS2nKmoISnqKE4I/1A+R6Cm5TvLuNisilWVp6+aGqLQq3mMcDRh5jIJOZ7Iehx0G&#10;WV2rldvZGs3R19HTiqrpjV7j2XUOIaHKsf11ED20Y/Lm3E4HhqOUq0LFKmBWkwlASXywrcSvy+a/&#10;LiPL0JVNZvbMZralSavEcLJ8x/C/z4NwYcGAB907pxOQyvQvZOMaohk2l3BBtPcGPrkMFbjhl4gl&#10;ZBWwNdoJEip1NidEitG8btFIkhMrCFlE0R/FGWUjIbTwIP59BzfbtJHtLpK1juRG4OGTxBRgw8jQ&#10;D5HBBoa9D/vzrxd0T43cmByJ2x2BtwM23t0QIHBRuZKDIQgr97jKkgeSEkMptJCySC5Lba68EFGG&#10;pG+Jf8o9CPX9vQk3DbfqyssZ0TJ8EgH7VYfiQ+Y/MUPRbe392ZDcmxDnqnErtzuToPctDvnJbaLa&#10;xLTQyiOqqcfOwBqsNW0rmUuASvi8U4V19RrYwCKTSDqimUoG9CeAPowP+cdBjebxrq38QroubR0l&#10;ZPVQaEqfNGBrX5UOesna2yMT/cnO5/BRyVXTPZ+Li3BunGUUWtsFWTxpVUW6sZAjf8B/IY3yVPEN&#10;TRhpkBvKPerO4bxArf2sZ0qT+MDBQ/8APp/Lr28bengPJHm2nUPIoFfCYgMsyD0rQyKOIyPPqF8R&#10;+2ayTHw9SbwrI5cnhxPSbMyYkEkdTDRWFVjVnBKSyUMbRzU5V38lBLE4IEfNt6shXx4xg0LD0J4H&#10;8+B9GB6b5M3hiv0U57lqImrUMF4rXzK4K8aoQfLo8vsPdD/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SWJA+&#10;vvJjrC2oXrEXJ/wHv3TZYnrj791sJXj10WA+v+29+6cAp1iLE/4D+nv3W+uPv3XuuJYD/X/p7917&#10;rGWJ/wBb+nv3XuuPv3XuuJYD/X/p7917rGWJ/wCKe/de64+/de64lgP8T/T37r3WIsT9f9t7917r&#10;r37r3XEuB/iffuqF6dYiSfr791TLdde/dXCU64FwPpz791frGST9feiade669tl69e64FwPpyffg&#10;lePXusZJP19uAU69117317rA8wFwvJ/1X+++vv3Xuo5JY3JJPv3Xuuvfuvde9+691xLAf6/9Pfuv&#10;dYyxP+t/T37r3XH22X9OnAnr173UKW6sWC9eJA+vtwAL02SW6xl/wP8Ab+6l/TqwT16x+2+nOuiQ&#10;Pr791omnWMvf6ce/dNl68OsTOBf8n37rwWvWIkn6+/dOAU669+631wLgfTn37r3WMkn6n37r3XE/&#10;Q/63v3Wxx6is1uLc+/dPA16xkk/X37rRIXrG/wBP9j7o/DpstXrF7a6r173sLXr3Xr2Fr8e3gKde&#10;6xl/6f7f3vpwJ69YWYD68n3qvV6gY6xlif8AW/p731vrj7ozUx17rG/4Htrr3WP37r3WIv8Agf7f&#10;37r3XD37r3XRIH19+691jLk/Tge/de6wlwPpyffurhK9YJNTEe9E06cAp10EA+vPtsvXrfXi4H05&#10;9+CV691jJJ+p9uAU69117o58unEHn1idgeB/X3UrTrZenDqO/wBf9h7srUHVAC3XD3Q56cCgdYy/&#10;9P8Ab+9dVL+nWMkn6+/dXHXvfut9Y2f8D/b+/de6wlgP9f8Ap791YKW6xlif9b+nv3TgAXrj791U&#10;v6dYQpP+H+J9+6c6yABR/wASffuvdcC/9OP8fdHHn1UrU9Yma3+JPtrrfWFm/JPHvYFet9Yi5P04&#10;HvbLp691w916uEr10SB9ffur4XrGXJ+nA9+62DXrh791vrixAB5+o9+691h9+691Fd7E2559+6YP&#10;HrCST9ffuvBa9e9+6dCgde9+68Gr1if6/wCw91LU6qy1PXD22WLdWChesZf+n+392CevVS/p1j92&#10;LBeqhS3XvpyfbZJbpwAL1iZ78D/b+7qlOPWtecdRm/UfdG49OhSeuBIH1916dC06xl7/AE49+631&#10;w9+6910SB9T7917rGzX4/Hv3XusJcD6cn37r3Rhuhe5IdiVtbtDeMa5TrLd5aj3DjqhTKlM0yeFq&#10;tIxyUKWWdVBZ41DKDJGgPutEV6a+9enZurs7BWYmRsnsPci/fbVzKMJF0OPJ9rLIvBljQhkcemaI&#10;q6nV5FTZFOvK2rqf0H2zS7HylbtTdyrX9bbzRsduPH1QLxQNMni+7Cf6nR6JgvLR2YXaNB711YoS&#10;Ok73d1RVdU7qakgd67auaQ5LaeYBDrNTGxMTSL6Gnp9YViP1qUlAAkAHunI2DDoZOiNy4ftLZuW+&#10;PO+qnxiqjkyfXeXmN3pauNXk8CEkEmNi0ka3GuJqiEsAyD3WtcdUcaTqH59FYyNJuXrTec1FP5sP&#10;unaGaVlkQ8x1FO6yRSxn6PG9ldG5V0YMLq3ulCM+nVyaivRlu9sXju1Ng7d+Qu2aeKKtlji2/wBl&#10;Y6mufBWRhIUnb62VWKRXblopKRrD1e3WaueqRnSdP5jqH8fqyj7H2dvT4/Z6pjhfNU77m2DWVHP2&#10;+SplDyxrwW0uEWUqtv2lqvzJ7qh1jT+zrUo0EMPsP2dIboHdEvXHbg29uen+3xO45Z+vt44ytFlX&#10;zyGACUfRfDVqoc/iMyC4DE+9BqY6ccahj7R0IWOyUPx9762xsmGWZsBh8vJSbirqoFVrYc8I1SeQ&#10;caoaGhNJ6SWUVEE7LxIR798Jp1r+0XpfbZgwnWndMvQy2Xbe9aDO4zPSuGBY5wF8VAHY2lFNjaSm&#10;hUgWE9VUj8m1gNJ09VJ1Lq/P9nTltRcGNl7m2LVTUslP8Ydw4vfUpYAGqrKCmrarLxLZS0iNlkqY&#10;lub6GjUkXUe9U/l148a+uOjZbGgw0mV3FW46y/3krMd2ikatqAXK4lMahuf9W2Mmf+l24A97HTLY&#10;/wAH7D1SZulZ8vvjcS0cUtXVZTddYtJBADJJLJPWSCNEC3Lu7MAALkk8e2TnpZ0dLtOsp/jl0Vhu&#10;nsRLGu/uw6R8nvatp29cUE1o6oBlJBSUJ9lFb0vFHO9g7XNz2inTK97avIcOq+CwH+J9tE06UBSe&#10;sRYn6/7b3XjnpwAL1j0C5J55+nuwx1QvXh1xeVVuByw/H49768Fr1nxeMyWfyuOw2KpZa7KZWtix&#10;2OooBd5JpnEccaj+rOwH+9+/dOABejr/ACCy9B031htT427Wq45MnLBHuXtDI0pN56mXRLHAWFjp&#10;llUSaWAdaeGkBJDNfUraRp/b0xENZLn7B9n+r/L0Rb2x0o66JA+vv3XusHv3XuuLNp/1z791sinX&#10;dPT1FbUwUlLDLU1VVMlNTU8ILPJI7BURFHLMzEAAckn37rwFeju98VEPSvS2x/jzi5Y03Hnol3z2&#10;nPTsCWmkZWgpHZWZWUTRKPwfHR072tKbvP2DT+3pqJfEJfy4L0RP2z0+E9euiwH1/wBt7904BTrE&#10;WJ/1v6e/db64+/de6XXWWx67sjf+1NkY9ZPLuHMRUc8sQuYaYEyVdRb+lPSpJKf8EPvajUadUkfQ&#10;CfTofPmVvii3F2ouzsEqU+1uqsTFsjEUUBbxJNCF+80KzHS0bqlMf6imW9/qXJTU09OmrZNK1PFs&#10;/t6KKX/p/t/bXSjrH7917r6SPwX/AOyJfh3/AOKsde/+8liPcV7j/uRL/wA1H/48epw2n/cWH/ml&#10;H/xwdGn9o+jDooXxxJ3Z2L8ge0XAmp8vvZdpYSr/AK0uMVlFjb+3TtSki9hYDm1/Z1un6MUMPomo&#10;/a3+zXoFcr/45dXl3xDS+Gp/op/saeje+yXoa9e9+691737r3RRu3cTQbk+SXx/wldFNNAmG3HXV&#10;Jp3khkitQO1NPFNEySRTQ1UKvG6MGR1VgQbezqycxWszD1Qevnn+XQM3mFbrdLONq00zE0JBHYaE&#10;EZBBFQRwNOhxiz2V2ZLHQb0qDX4CSVYMbvwKiLGWa0cGbjQLHSynhUrEC0szemVaSUxJOXmMT5jw&#10;fNP8q+v2cR8/I/Fw9idM5qnBZsCnoJAOB9GHafPSaAiQCCAQbg8gj2l6NOinfLrYuOynVW5d50cU&#10;tHunbUVDWxV9GxTzwU9fCTDVoFZZ46dZpJYSw1RSX0usckyudbJcFJljPwtUUPkSDw9K0APr+zoH&#10;85besto864kQIajzAcYPrSpI9D50JqN+wewKLetBTrPSvhdxri6fKV+AqWDN4KlA8NZSTABK3H1A&#10;YGOeO4BvFKIp0kiQuubYwHGVqQD8x5H0I9PzGM9H23bkt8oqNL6QxQ+jCoZT+JT5EfYaEECB2n1d&#10;iezMKaWWd8RuGhgnTAbkpVBlpjURNDPBKtwKmgrImMVVTOdE0ZI9LhHW1ndm0avFTSq+tMg/IjyP&#10;l03u+0pusdCdLgHQ44rqFCD6qwwynBHzoegj+LG7Izs+u6e3JUwJvrqvJVu2cripm1NNRRVLiCpg&#10;1KompUWQQXUGypGzhRLGWXbxD3idB2SAMD6Ejh9vn/xXRLyje1hNlKR41uzRsp81DGhHqM0/IV4j&#10;oCuz+oqXqTsKjyOEyQ25snsHJxNtfOuWCbW3ZSB5sU7uQw/hdYDLTurXRaaSZXULSwMTG0vjexEM&#10;NToO4f78jOG/Mcft+09EG7bMuzXIaNtEUzDw38oLhalP9o2VPlpJrhR0djqvfx7A2utbX0f8H3Th&#10;a2Tbu9dvt+qhytKQlTFbU14ZDaWFtTBonQ6idViC8tvpnoDVSNSN6qeH+z8+h3tG4/vKLUw0yKSk&#10;qfwSLxH2HiPUEdCV7SdGn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pH+8mOsKQpbrxIH19+6dC06xl/wAD/b+/db6x&#10;+/de68SB9ffuvdYi9/px7917rh7917rokD6n37r3WMuT9OPfuvdcPfuvddEgfX37r3WMuT9OB791&#10;7rh7917rokD6+/daJp1iLE/4D37posT1x9+62E9euiwH1/23v3TgFOsRYn/W/p791vrj7bL+nXuu&#10;JYD/AF/6e6hS3XusZYn/AFv6e3AtOvdcfduvdY3kVOPqf6D37r3UZnZ/qeP6D37r3XD37r3Xvfuv&#10;ddEgfX37r3WMuT9OB7917rh7oXp1cJXr3umW6vheve7hKdUL164FwPpz78Xp14JXrGST9T7bJr04&#10;BTrr3rrfXAvb6c+/de6ws1uSbn37qjCvWIsT/gP6e/dbC064+/dW66LAfX/be/de6xFif9b+nv3X&#10;uuPv3XuuJYD/AF/6e/de6xMxP1Nh7917j1gYgnj/AFvfunlFOuPv3TR49cH+n+x91cV611i96Cev&#10;XuuJYD/E+7V8utqK9YWb8k8e/E06doF6xFyfpwPbZevDqhevDrh72q+fW1Xz66JA+vu5NOnOsZcn&#10;6cD20xr17rh7r17rokD6+/de6we/de64F7fTn37r3WFmtyTc+/dbC16xFif8P8B7906Fp1yCf1/2&#10;3v3VuuMjKth+R+B7oy16qWp1HLE/639PewoXqoap64+9a+nOuJYD/X/p7v17rGWJ/wBb+nvRxnrY&#10;zjrGxIHH9fbbNXq4T16js1v8T7p1YsB1iLE/X/be/dNkluuvfurhKceuBcD/ABPv3V+sZJP19+69&#10;1xP0P+t791scesHv3ThenXvfuqZbr3v3VwlOuBcD6cn37q/WMkn6+9E069117aLaum3Pl1GkkBNl&#10;5t+fx72E9etoKdYCSfr7uSF6v1722zaurp1jL/0/2/uvWy/p1j+vJ9+6qAW697906BTrGX/p/t/f&#10;ut9YWYD68n37r3WJmv8AU2Hv3WiadRz9T/r+/dVC1z11791ssB10SB9ffiadNklusZe/049tF68O&#10;rqtOsTNb/E+/Ba9bZqdYiSfr7vhem8t1172pr1cJTrgXA+nPumip68Xp1iZvyT7uBTqoBk6xFyfp&#10;wPfjw6UJEF456ws1uB9fbHTvHrGST9ffuvdde/de6xl/wP8Ab+/de6xkk/X37r3XF/0n37r3WH37&#10;r3XvfurBa9G/6K7Fwe68DUdDdoyfcbczv7GzsvOR5KCsJPhhWRr+MGQ3p2+iOTCwaKXSlgfI9eZN&#10;HcOPn8+i9dl9fZ3rDdddtbORhng/yjH5CMERVdM5PiqIr/hrEMvJRwyHlb+69OKwYdGQ6d3HiO5t&#10;i1fQe/KtY8xRU7VvWG4aj1SQywo7ClLH1N4FvpTnXSmSIFDFEfe9Xl0y6mM6l/MdFTymO3F17uuo&#10;x9YJ8NuXa+VUh4jZ4p4GWSKaJ/7SmyyRsOGUqwuD7YJNen+PRru0aGi796px/dO36aCPfGzqUYns&#10;jFUgAZ4YhqNWEFyViB8yMf8AlHaRGcmmChwmox00p8M08vLoN/jX2BjcFuWv6+3ZoqNjdm0/93ct&#10;BUMRHFUyq0VNNq/3WJPIYXYFdOtJSw8I96QdWkXFRxHQf7qwm5OiO2JKWmnkXJbSzcWVwVfIAFqa&#10;bUJaWVgp0sk8J0yoCQD5Ij9CPdD2HqwIcfb0P/dOJwEuW278kcLHAdtbrwSZeLHOFb/fywqIYKWV&#10;dPjfRKvnnUi0v2VWpN5Eu49K6v8AVXqkZp2ny/wft6mbsx+J7f2L1X3jmGjlj2nSzbc7cBP7lR/C&#10;o3qoEYjgTZN0EKNzZ6+nBsqm2z3AH9vXh2kr+Y6ddzzx72xnUXydnjTVtDBVD74FNaMHKYSVmxKM&#10;FII/iOUdYz9SsMifVQF9+OaN1oDTVf2fn0Jy7OxM+/8AsusppSuP+Reyo6PZMRNkmNTha6tyFQxF&#10;wrxS08T2vcfcX+lifHifn1XVgfI5/LHQ6dU4P+FUGKqpZ/NVU/XWC2HWM5uxqduTZamq9XJJKVNU&#10;yt/Q/X34Dpt/8pP7adEG+MexcRTZTdvfO9SkOzevZaqpxE0oDLPWrqYzRKfTKaaN1EQHLVMsWg64&#10;yA2g8+lEh/COJ6K12bv/AC3Ze9s7vLLHTNlaq9LSj9NPTRjRTU6fi0UKqCfqzanPqY+6k16eRABT&#10;pAsLE/0/HvXVteOuBYD6/wC29+Ap1UAt1iZyf8B7904Fp1gLC7W5v+ffurdHW+NG28T17tXc/wAk&#10;970ytjds082L2FQTWVq3IyAwPJCD+oh3+3RgGClqhzbwEiw7RU9MSnWQg8+PyHRRN07ly28NxZnd&#10;OeqTV5fO5CTJV854GuRr6UX6JHGtkRRwiKqiwA9pidR6eA0ig6Tpf+n+396631j9+6sFr176cn37&#10;pwLTrCzA2t+PfutkV6N18T9l4lMxuDuzegMGx+oqNsss0i+moygTVTRR3IDy01xKqg6vO1KLWk5d&#10;iXzPAdJ7hsBF4tj7B0W3sLfGY7G3luHeudk1V+eyDVjRAkrDEAEp6eO/PjpoESJL86VF7m59tsdR&#10;r0+ihBQeXSIL/gf7f3rq3XD37r3Xvfuvde9+690ej4r0lH1nsLtX5IZuGNv7tYiTaex4ZwpE+SqR&#10;HrKgkMP3ZKaHWt7RyVP+oI9vR9oLdJLj9QiP1yfsHRGa2tqsjWVWQrp5KmsrqmSsq6iU3aSWVi8j&#10;sfyzuxJ/xPtnpX1F9+691wLgfTn37qhenX0k/gt/2RJ8Ov8AxVfr3/3ksR7ivcf9yJf+aj/8ePU5&#10;bR/uJB/zRj/44vQ0dq7sGxut967rD+OfDbeqZ6Bj+ap0MVIpP4DVUkYJ+ovwD9PdLOH6iVU9WFfs&#10;8/5da3e8+gtZZvNUYj/TUov8yOkB8X9qHaXSWyqaZClbmqN90VxYWLNkHNRDqB51LSNEhvz6fx9A&#10;p3abx7hj5A6R+WP8Nei7lOz+isIgeLDxD/t8j+VB0P8A7LehH1737r3XvfuvdFY3ARX/AC/2HS+p&#10;xgeoa7MWuAqNVVdVSEixuzFbXU8AFWH59nEXbZOfWQD9gB6CNz+pvUQ/gtnb/emZejSSxRTxSQzR&#10;xzQzRmKWKUBlZWFmVlNwysDYg8EeygGnQtIDCh6DdsfmNhEz4Cmq87sxRqqNrQ3krMat7s+IudVT&#10;SILk0DEugGmhbSsdGyrUtz8WG/i8m/03of6X7fXorMb7dmMF4vOMZZP9J6j+hxH4PJeoXZ/8N3p0&#10;x2D/AAqqp8lR5TYmUahqKY61aVKSZoxYAsHjnQBlsHVlKkK4sLWdbe4TUKEOtfsqP8nVN1031jNo&#10;IYNFJQjOQpp+wjI4j7ekn1jg6PfvSfUmSepq8XuHEbMoEwe6cfYVtHPBTR00rK8gcTQ1BgtUQSBo&#10;aheJENlKvXkhtriQcVLtVTwIJr/KuDxHSParddxsLd6lXWJNEg+JSFCnjxBp3A4bzHDoQ9ubtrjk&#10;l2jvOnpcVu9YWmopaW60OYhiAMlXizI7uDGCDUUjsZ6YnkywGOokSywimuOpXzrxU+h/yHgfkcdG&#10;Vretq8GcBZPIj4JAPxJU/wC9Kcr8xRiWvcOxqVPkxmaGnrp9t5TsDZcG9tl7poApmoc7iCaOoRI2&#10;sk9PV0BLVtOx8dTGbSDWEkjNYrg/SgkagjFHU8CjZ/aDwPl0FbrbwN1ZQSjTRCWKQcUmj7TjzDL8&#10;Q4MOOaEL7cCx927G3z01vOjpNvdl0OK8kuPu/wBtLLE2vHZzFyOPJUYqepjTXb92G7009mszp4v9&#10;18iTxktGTx8wPNT6Gn7eI6Mrj/d7BLYzgJOF4fhJHwyIfNCRnzGVPzKD1V2ZnOr85tTdm5hVHD5y&#10;E7I3tUS6jIy4t/tSKyM63GX2u9tRu71WHlik0iaCdvZ3eWi3asicR3p/ts4/ov8Ayeo4EdA3aN0k&#10;2mSOaWul/wBKU+fYdPdx74v2tEQeIPVqUckc0aSxOksUqCSOSMhlZWFwykXBBBuCOCPYOIp1LYNc&#10;jrn791v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tIwuB9OfeTHWF/WMkn6n37r3XXv3XuuBe3059+691jJJ+vv3XuuvfuvdY&#10;y/8AT/b+/de64Ek/X37r3XXv3XusZf8Ap/t/fuvdY/fuvde+nJ9+69w6xl/6f7f37psv6dY/fuqh&#10;S3XiQPr7906Fp1jL/gf7f37rfWP3UtTr3XRIH19t1Lde6xlyfpwPdwlOPXuuHu/XuuLMFFyf9h79&#10;17qO8rNwt1H+8+/de6w+/de697917r3v3XuuBe3059+691jJJ+vvRanWwteuvbRYnp0KB173YJ69&#10;VL+nXEsB/r/092JC9VALdYyxP+t/T22Wr04Fp1x916t1xLAf6/8AT37r3WJmJ+psPfuvdYi/9P8A&#10;b+/de6x+/de68SB9ffuvdYi9/px7917rh7917rokD6n37r3WMuT9OB7917rCXA+nJ9+6uEr1jJJ+&#10;vv3TgFOuvfut9cGe3A5Pv3TB49Ymb8n3omnWusLOT/gPbRYnr3WIv/Tn/H3sVXPVxVc9YiSfr70A&#10;W60AW697cC06cC06xl/6f7f3tjQdW6x/Xk+2OPXuve/de6xl/wCn+39+691j9+691hdvrc2APv3X&#10;usJf+n+39+691xCk/wCH+J9+6UdZPSguTb/E+/daJp1HeYnhbgf1/P8Axr37psvXh1iN/qfzzf3V&#10;m09eC164kgfU+26lunAKdYy5P0493VKdb64e79e66JA+vtuTq6GnWJmv/re9IKnrxevUdyCeP6e9&#10;OanrwSvHrgSB9fdenAKdYixP+A9+631x9+6910WA+v8AtvfuvdYixP8Arf09+691x9+6cCevXvfu&#10;rEheuD/T/Y+/daVqnrF7bL+nV+sbyKnH1P8AQe6hS3XuozOz/U8f0HtwAL17rh7qX9OvdcSwH+J9&#10;1Ck9e6xEk/X3txTrYFeuvdOnAlOPXAuB/iffuvFqdYySfr791ZTUdcG/Sffut9Ri4H059+6oXp1w&#10;9TH+vv3VMt1xPHHv3Xix4ddMbAn3pjQdbCV49R2b8k8+2qFur1C9cVa5/oLe3AoHWlbUeuDkE8f6&#10;3vRf062VqeuBYD6/7b3QAt1sCnWIsT/rf09ugaeqPUmnWFntwP8Ab+99OJD6/s6x+6lqdPEhevfT&#10;k+2y1emyxbrAxuSR7r06ooOuBYD/ABP9Pfut9YixP1/23v3Xuuvfuvde9+691xf9J9+68BXrD790&#10;6Epx64FwPpyffuvF6dcNTBgwJDA3Uj8H/D+nvRNOqZbo9G0spjvk710/X+6KyCDtjZtG9ZtHPVRs&#10;1dCqqpWZ+WcsAqVP1Y2jqQHZZANr+pX16o1YTXy8/l0S6dc7szcTxOtZhNybcylj9UmpqqnkuCD/&#10;AKpHW4IuD9RcH22EPSgdw6N/v6govkX1ZB2tt+lhi7J2LSLj9/YikA1VVPGpf7hIxybKGmh4uY/N&#10;BqkaCP3thXplf0zQ8PLoB+hu1m6v3vBVV95to59Bht3Y9hrR6ZyVWoMZDB3pGcuBYlozLELeQn3Z&#10;Bp6vImsU8/LrN8gOrV6x3s/8ItNs3csZze0K6BtcfhfS0lMsoLBzSs4CkMxaJoZCbvYac6evRvrG&#10;ePmOhd3aG796Kxu+qdHrOx+qEGG3ZGg1TVeOsWFRpF2c6QJ7mwDLWAA+n3U9wr1UfptTyP8Ah6nd&#10;YQYreey96/Giq8a52iwp3Lg6+aW/+/ggczVtLFrOiNKdmipmCEh1irJwxWX07GcdbfBDfkfs6wdE&#10;Yqhl2rn+kdzSSUuY7hwmRzGPoqwkLQTY1lixzyRW1pUzT0tTUOrc+KkpiFIlB9+XhT1/ydekxQ+n&#10;+Xrh1vtqqreg+yeqspNNT7szEGR7CweBlUh0hwdXR0kpHN/JV19BNThLceJm+huNAYp15sMD+XQj&#10;4fE5yXAfFPNpW+eu68zxwm5gGJFNR1+HgzBWUf2TS4OJEb8KTpPFve/TrWKsPUY/mP8AD0aLrzCZ&#10;bD/eCrZnpf717uq4GkNz48huA1lP9WJ5XyE8C5N7cgmw6Zcj/B/g6IF8oN5YnaWB218d9jy6MHtK&#10;lgqd0zRGxnq7eWKGUrYNIXkNVPa6maSP6NEQG2NMdPxivcfP/B0SB/pf/U8+6dO9YXfgW/HpJ9+6&#10;uq+vWH37q5YDrifob/S/v3VNRPS+6t67y3au+sJs3EBo2yNR5MjXBbrSUcdmqap/oP2476QSNchS&#10;MHU496yxoOrFvDFT0N3yn7HxNblcP09sZlh6/wCrIVxMMNO146nIxJ4p5mYAeQ0wLQhzctKaiTUw&#10;lB97lzgcB1SFSBqPE9FFZvyTx7qgx091iLk/Tge9BKcevdeDWUD6n3RuPVw1B1xJJ+vuvTvThh8P&#10;k9w5fF4HDUslblszkIcXjaOK2qSadxHGgJsBqdhySABySAD78M9aJpk9HF+SeZxvVux9ofGbadSk&#10;n8Egh3H2VkqW6isyUyrNHE4sGZNTCfS2rSn2i/WL29J2jSPz6SwDxCZD54HyHRH2IAPP1HtnpX1h&#10;9+691737r3XRYD6/7b37r3UzEYvJbgy2MweIpZa3KZivhxeNooeXlnnkWKKNf8XdgPfhnrRNM9HV&#10;+WGVoOvdp9Z/GvbdUklLsnERbg3pLTEhZ8pUq7pruqNyZpqnSRbTUQ/lBZ6U0AX06SWwLlpD5mg+&#10;wdEVLAf6/wDT2z0qLU6xlif9b+nv3TZYt1x9+6sE9evpMfBb/siT4c/+Kr9e/wDvJYj3Fe4/7kS/&#10;81H/AOPHqdNp/wBxIf8AmlH/AMcHTd8saqoz+P646hx0jrX9nb5pqasMfOjH0bxtUSOB9Fjmmhlu&#10;bi0T2BI4XbMvhl5zwjQ/tP8AsA/t6DnODG5WGyXjPKoPyRSCT+RIP5Ho2VLS09DS01FSRJBS0kCU&#10;tNBHwqRxqERFH4CqAB/h7JiSxqfPoYogjAUYAAAHoB1n966t1737r3XvfuvdFb2tfKfLXs+uBLLt&#10;brLF7Zb+imukpckB9BckKTySf8bcA3m7LKMfxSM37Kr0EbT9beZ2/wB9wRp/vZV+jSeyjoXde9+6&#10;90G+59m1bpmMjtB6SjyOZpJafO4OtZ0x+VEkRjZpvGGajr9B0rWRqzFbJUR1CpF4lcM4wHqQCKEf&#10;Ev8AnHy/YR5ld3YsdTQ0DMCHU10SVFM0+Fv6Q+xg1BQLPiDnKHK9D7Oo4Kummr8IK3H5OkhPrgP8&#10;SrWg8ikkjy05Vg36WOq3Ksqq97QrcMSMGhHz7RX+fRTyXcLNt8Sgiq6gwHEd7Ur9o6H3ce2sTurG&#10;vjMtDK0YkWppKukkeGppZ4zeKppKiMrLT1ETcq6EH6qbqzKS2KUwmo/ZxBHoR5joQ3Vql4uhx8wQ&#10;aMpHAgjII9R/g6J/3RmtwbJ3J0xuLdwaoyGyew0paTetHF46XIYTKp9lkUqQo00mYjiEZlgFoKhP&#10;JPTFVWWCnPLCNbhJVTgyVKnirrkU9V40PEcD5EgvfJ5LCW2kmy0UwAlAorxSDS1f4XApUcGFSvmF&#10;M32B1/Tb1pqCtoq+bbu8tuzNXbQ3fQqDPRTkWZHU2WpoalRoqaZ/25o+DZgrKU21ybckEalbDKeB&#10;H+QjyPl0Kty20X4DKSkqGscg4qf8qngynBHRLcVQ4zdfZ3YfSnY2JTAVXZ+OXc8lHAp8NFuugiZJ&#10;srhWk/ztLlqNfvEkb1SFJqOYMFlDHrsYYkniNRGdNfMxk/C3zBx/MdAWFEu7uawul0GdfEoOC3CD&#10;LpXirr3A+dCp8+ho+N+5twYB830J2ASm7+uIhLt+sbVoyWBZ9FLUUxa5eOlJWK97rG0UbfuRy2Q7&#10;rEstLmL4X4j+F/MH7eP7fKnR9yxdSW+rbrj+0h+A+TxeRHyHD7KDiD0a32TdC/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tI&#10;f3kx1hf1xLAf6/8AT37r3WMsT/rf09+691x9+691xLAf4n+nv3XusRYn6/7b37r3XXv3XuuJcD/E&#10;+/de6xEk/X37r3XXv3XuuBcD6cn37qhenWMkn6+/dUy3XXv3VwlOuBcD6cn37q/WMkn6+9E06911&#10;7bLE9e64F7fTn34JXj17rGST9fboFOvdde/de6wPN+E/259+691HJJJJNyffuvdde/de697917ri&#10;WA/1/wCnv3XusZYn/invxNOvAV64+2y/p04E9eve6hSerFgOvEgfX24AF6bJLdYi9/px7oXrw6uE&#10;px64e6dX66JA+p9+691jLk/Tj37r3WEuB9OffuvdYySfr7917rr37r3XAuB9OT7917rGST9ffuvd&#10;de/de64F/wAD/b+/de6xkk/X37r3XXv3Xuo/v3Sjr3v3Xuve/de6wH6n/X9+6YPHrG5FiPz70RXr&#10;XURiSSPwD78Fp08op1x9+Ir1sivXFm0/7H34mnWtQGOsRYn6/wC29+Jp1brr22zV691wLgf4n3Tr&#10;3WMkn6+/de669+691heYLwvqP9fx7917qP6nP9ffuvdcwoHJ+vttieHTigceumewNuSB7c62Xpw6&#10;iFixuTc+/dUoW6yBQvJ/259+6cC06wySA8Lzb8+2nNerdYCSfr70uM9bAr173vVU9OaQo6xl/wCn&#10;+397L+nTXWFmA+vJ9t9WC16xMxP1Nh7904Fp1iL/ANP9v791brH7917rokD6+/de6xl/wP8Ab+/d&#10;e64e/dWC1697905QL1737qhevDrgXA+nJ90L068Er1iZvyT7plunAKdRXmLcL6R/X8+7hKdb6w+7&#10;9e66JA+vtthU9e6xFyf8B72Fp17rj78Xpw6910WA+v8AtvbZNenahR1iLE/4D+nvXVCxPXH37qwT&#10;164NIq/U8/0Hv3ViQvUZpGfj6D+g9+6bLFuvBP6/7b37qwT165Fgv/FB79051hYgXY8D6+/ceq0A&#10;z1Gea/C/T8k+7FMZ6qX9OsHuvVQpPXvdXFenQtOuDki1vz70E9et9Yvd+rBa9dEgfX22+T05QL1h&#10;PJJ/x96LEY6oXrw6xlwPpyfdOqdYySfr791sY6xOSDYcce/dPKa9Y/fut9e9+691737r3XAvb6c+&#10;/de6xM35Nz791tTQ9YSxP+A/p791ssT1x9+6sE9euJYD/X/p7bfqxIXpzwO4MvtnNYzcGCrJcfls&#10;RVrW0FVD9VdD+Qbq6MLq6MCrqSrAqSDtKAV698Yz0czszB4r5DdeR9z7Mo4qffW3KRaLsDbdLy8q&#10;QJ6pUXl5GhjGuFjcy04MWoywCP24x1Co6YSsR0ngeB6Lf032nkOpd7UO4qcSVGLntj9xYxDxUUbs&#10;C+kXA88JAkiJI9a6SdDOCwrUPT7rrFOlx8jercftPL0G/dm+Kq633+gyuFqaPmKmnmTzSUvAASOQ&#10;EyQKbWTXEBeEk2YHy6rG1cHiOhA6uq6bvnqLL9MZiojG9tlUxznXNfUkapIYgVFJ5GPCRF/AwJss&#10;EsTKp+3uNjIp1Vuw18jx6D/457rl6r3jks5uaafGbcnqotj56gnABeqqKgcyRPyq42OKWaZwrMgt&#10;CQDUg+6qdJ6u66x/g6n1+xsz1B8lcbTYqompsXQZj++NBl5NTqMBaWor5JXPqkSnoUqYJjwZDG4X&#10;llvsijdVB1rn/Uelb3JQ5ql776y7Q2RNLk6XsqXD53askhIQzRClp5aNyGJWJoTE8oJAVZ5FPCk+&#10;9uKGo8+tRmoKnyqD0vdyT1+C+WHXW+MLVrX7V7C2+mQoaiG32wx7UU38QsVsCsQH8QY8jVKHYnke&#10;/Edw60DVCPMY/PiOslLSbooV+Z21wsvnx5fdWEeIaRDBX0eQZY4QLBWfEIkKBf7KFB9Le7UI1Dqu&#10;oEof9Vf+L6O9t2Wtr6ChzNbIVkyuFopzQgWWFzCZZfz+ppJiDwOEUfj3YinTJIrQeRPVAOTydbls&#10;hXZXJVMtdkslVyV9fWTm7yzSuZJJHP5Z3Yk/6/tN0v6a2b1XP00+/dW8vz6w+/deLV64FwPpyffu&#10;thK8esLN+SeffunAKdH0xIHxd6Kmz9Qope4+4KX7XDRN6ajF47SG18gPFJCkglccf5TJToyn7cn3&#10;f4R9vTB/Wankv8z0QVmZ2Z3ZmdmLMzG5JPJJJ5JJ9sM/SjrA/wCo+9hqDr3XH3QsT17r3vVPLpwJ&#10;69cSwH+v/T3rpzo63xvw+M6v2bur5MbypY5I8FBLgOs8XU+k1uTnVoZJo72JVbmAMuqyfdvYGEEv&#10;RjSNR/LpJOfEIjHnk/IdE1z+fye5s1ltwZmqkrctmshLk8jVyfV5pnMjm30A1NwBwosAAAPbRNel&#10;QFMDpl966310SB9ffuvdcC/9P9v7917rH7917o6/w/2hiMZV7v793omjaPU2LmqKBpALT5R4SQsQ&#10;b0yS08LgIvB89RTFTce3oh+I+XSW5etEHFv8H+r+Veik703dlt9bqz+783L5cruLKS5OrYX0qZGu&#10;sUd/0xQpaOMf2UVR+PbRNc9OA6RQcB0lveutha9dEgfU+/dOAU6xlyfpx791vr6TnwV/7Ii+HH/i&#10;q3Xv/vI4j3Fe4/7kS/8ANR/+PHqcNp/3Fh/5pR/8cHTTtll7M+Ve7dx8T4Lpfby7Sxj86f4pVGZK&#10;hrfQumqriY/X9uI/09r5v8Us1TzlbUf9KKU/yfz6Ddof3pu8kvFLZPDX/TtWv/Pw/IdG/wDZJ0NO&#10;ve/de697917r3v3XuisfH0fxjsD5G7yCs0eR7LG1aecjhkwscsQ0n6WKVCH+tipb8AG+5dkcCeke&#10;r/es/wCToIct/r3N7P8AxT+GD/zSBH+UdGn9lHQv697917r3v3Xuid/GnbH8S6opp6OY7c3Ptvdu&#10;bxeLzNGgfSgyEkrUtZAHSOsoWkch4Cy2A1wSQThJlPN1m0zEHuVlUkflxB8j8/21GOgTytaeLZgq&#10;dEiSSqrAeWsmjD8S1OR+YIND0ZXA7nerrH2/n6aLDbrpoDUPQK5aCshQqrVmNmdUNTTAsokXSJad&#10;nVJ0XXE8pVJDpGpTVfXzB9D6H+R8vPoU293rbw5BpkArStQw/iU4qPXzWtCMglLd67XG8eoOwsAI&#10;hNPUbZqK2hjIvepowKymAtzc1FOgB/H+P09vbdN9POjf0gD9hwf5HpJzBafXWU0dKkoSP9MvcP5g&#10;dIfp7sfKHZOwqre1bHWYjdWGoU27vRieaySNIpMTlmJISuWqDx09VxHWBQsgjqyFnUX1qPEcRjKk&#10;6l+XGo+VOI8vs4F+ybm/gQmc1WRV0S/0iACj/wBKtQrcG86Ng8vkrs+oyGy07E21EkG/+qKlN57c&#10;ySIpcw0jCWupJb8y00lMrO0X9to1X6MwbW1zhX8J/gk7WHzPA/bXr3NVkZYPqosTW58VGpmi5ZT6&#10;gipp5kdBzmtwf6X9nYLuTr+iXG9y9SJFnJ8DMr66qjqIBNV41iCr1WMy1Ezy0Uq3ZwSkZhlkm0q0&#10;i+hcwSGsUmK+hBwfkQcH/KKdFs9z++oEvrYabm3o+g/iVhVl+aOtSh/IUJPRn+vN+YLsvaGG3lt2&#10;bXQZamDvTuQZaadfTPSzgfpmgkBU/hhZ1JRlYk9zbtauUbiP5j16Fe2bjHusCzxHDDh5qfMH5g/6&#10;qdLX2x0v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0gi5P0495MdYX9cPfuvddEgfX37r3WMuT9OB7917rh7917rokD6+/de6xFif8&#10;B7917rj7917rosB9f9t791otTrEWJ/wH9Pfumixbrj791YJ69cSwH+v/AE9+6c4dYyxP+t/T37r3&#10;XH22X9OvdcSwH+v/AE91CluvdYixP1/23t0LTr3XXvfXusbyqvH6j/Qe/de6jM7P9T/sB9Pfuvdc&#10;Pfuvde9+6910SB9T7917rGXJ+nHv3XuuHuhenVwleve6Zbq+F697uEA6oXJ64FwPpyffi9OHXgle&#10;PWMkn6+2ya9OAU6696631wL/AIH+39+691hZrfU3Pv3XusRYn/W/p7917rj7917riWA/1/6e7Ba9&#10;VLU6xlif9b+nuxWg6qGqeuPtvpzriWA/1/6e/de6xFifr/tvfuvdde/de697917rokD6+/dbAr1g&#10;9+6f64FwPpyffuvdYySfr70TTr3WFmPIHHPvYz0wePWEuB9OffurBK9YvfunCQvXvfumy1esTkG1&#10;vx7aZutqnWMsB9f9t70AW6c6xFif8B/T3YrQde64+2+vdcGdU+p5/oPfuvdRmkZ+PoP6D37r3Xgn&#10;9f8Abe/de65Fgv8AxQe7Ba9e6xMxP1Nh7qVoet5OOsLPfgf7f37q4T16xFgP8T/T37qxYDrgzs/1&#10;PH9B7q2R1QEseuHvQT16d64lgP8AE+9tw62DTrEWJ5J49s9bqW6wlyfpwPfurhKcesTNp/2PvZFO&#10;rA16xEk8n3rrfXXv3XuuBcD6cn37r3XD1N/j7917rieOPfunVUDPXvfuvF6cOuiwH1/23vxx1QAt&#10;1iZif8B7ZLE9OBadYS/9P9v7sE9erdY/ryfdiQvXuo/u3XusZf8Ap/t/fuvdY/eiade699OT7aLV&#10;691jL/0/2/uvXusfv3VgteuiQPr7904AF6xl7/Tj37qhevDrAVJYk/T37rQWvXL0r/h7905heuBc&#10;n6cD37qhevDrh79071DfUzsOTZiB/h7eFFHTJqx66K2Un6n3Rmr1cJTrh7p1frokD6+/V691iZr/&#10;AOAHv3V06xF/6c/4+/dVeanDrEST9fei1OqKS3HrE5NyPx7ZJr1brh7117riWA/1/wCnv3VgtesR&#10;Nzf37p0CnXXv3W+uJYD/AF/6e/de6xFifr/tvfuvdde/de64ORYj8+/dbAr1hJA+vvxNOnQAvWMv&#10;f6ce2i9eHVC9eHXD3UjrwWvXRIH1PvwFenAKdCp052vlOpd40ufpBJU4iptRbjxKnippS3OkEhRP&#10;CTribizDSTodwXVXT1V11inQkfIvqzF4Sox3aOwvDWdc77018DUI/aoquYGRoQo/zcM1maNbDxOJ&#10;ICqaEDVcefWo2rg8R0+/HrduJ3xtzN/HjflQBiNxxSVOyclLpL0Vct5jFEXIAYyDzQi4DP5YiW84&#10;X3cUHWpBp7h+f2dAbj6LfPUHbdFj6KllG89tbjipKSigDFawyMqxxoOGkp8jBKAPoWjl/sn6Nk0P&#10;V8MPl0PfywwNHl6Tana+zZ6St2VuJp4K/wDhYJgiy7yEVFU7BVDS1gpxE7lQS1KNX1X3uTOeqRmm&#10;DxH+DpSVU+b7J+LJzP2yDe2zsAcZUVZCtV1u2o65BLKljrSFjjGV3blzRVSjiZw1war1qulvt/w9&#10;N3UeUyu9fjpvXDU9F91ubqhK7JbLyEwuy09fQ1cdXHTm2p6imgqKlowCdEklIQFKR+6KajrbDSwP&#10;r1E2vm6vdHxK3JWRUT1O5+r2qts4vJ+ryRYvKzUbV5Rhb6UE0sLL9FijU88D3utV+zrR7X+3j9o6&#10;NHsepyu+5eot64zHxPiN5bMrJu2KuW4SoqKCijxtLCy8+V2rKuo0hjzDG5+q2Lq9xB9eP+Dph20B&#10;h6EaflU16G/b+6KbcMsr0UVRDBTZHL4SpSoAUrPiMiMe7KP9RMQzqfyhW9j7cBr0yyaR+w/tH+x1&#10;r8F/6f7f2h6M+sTNbk8+/dbAr1wc8A/QH6+/dXQZ6xX+v+HuhevDpzo0Pxi6uxm6M9lOx97mKm63&#10;6zjObzNRWLqhqamFDPFTFSD5Y4lUSzIA2pRHEVPnHtxBUVPTMzlcDieHQW90dpZLt3fuW3bW+WCg&#10;LfYbexsh/wCAtBEzeCK12HlfUZJSDYyu5FlsA07Fz1eNPDFOgkL/AIH+39+0UHV+uHuqrq6sq6uu&#10;iQPr7coF6dAp1jLk/Tge2y2eqk1NB0IXVPXOX7W33g9l4kOjZGo8uSrwupaSji9VTUvewtHHwoJG&#10;uRkjB1OB78q6jTr0jiMEnoYflL2PiM3m8R1dsbx03XPVMH8AxUNK14qqtjXxVNWWUATaCpiSQly5&#10;E06uRUH3eRq4HAdMwJoBZuJyf83RUfbXThevXFjYX9+68Kr1iJJ+p9+6d669+691LxmPrszksfh8&#10;TSy12TylbFjsfRwC7yzTOscUaD8s7sAP9f34Z6oz06O/8mstj+p+tNg/GbbVXFLU0FHFujsqrpT/&#10;AJ+tl/eiikIALLJOzThHGpIko7Gw9vydg0/t6SQgzEv64H2D/V/h6Ib7Y6WBadYy/wCB/t/furdY&#10;ySfr7917r3v3Xuvo2fFjeFLsH+XV8YN41WhkwPw+2FWwRSXAln/uhh0pYSRyPPUukd/xqv7jKeA3&#10;N46DzlcflqNf5dTFHejbttSc/ggQj5nQoA/M0HQm/FnaFXtrqjH5fLl5Nw7/AK6bfOZqJQNbmt0m&#10;mLMPrrpVjlIsAryOLXuTveJxLMVX4UGgflx/nj8ukvKNk1rZq7/HMTK58zr4fyoftJ6Mf7K+hR17&#10;37r3XvfuvdNuYydPhMRlczWELSYjGz5OqYm1o6eJpXNz9PSh593RDIwUeZA/b01PKIEZ24KpY/YB&#10;XovfxKxc9H0th8tWrpyG78zkd115Itqeoq5Ikf8A1pIKeNh/gR7Mt5cNOVHBQqj8hX/Ceg1ybCUs&#10;VdvikZ5D9pYj/AB0Zb2VdCrr3v3Xuve/de6Ld8W/+ZeZz/xJOf8A/c5/Zpu/9qP9In+DoL8pf7jP&#10;/wA15v8Aj/Q753AY7cVGtJkElVqedazH11K3jqaSoQMI6mlmF2imjDEA8hlLRurxu6MXxymI1H2E&#10;eRHoehDcW63K6W8jUEYZW8iD5H/ijUEjpPY/N1+Lq6fbW8zFLPWv9nhNyJGI6TJ3UnwTINUdHktI&#10;OqEkR1ABkpePLT07rRhxrj8slfNf84+flwPkSmjnaFhFPxOFelFk+R8lf5cG4r5qoK/G3G0FR1tv&#10;TrDN0MOQx2xexM7sObG5NRKktItT9zHrR9QeNxVHSeQbXU/Q+1+6uRKsymhdEeoxmlP8nRFyvErW&#10;stpIKrFNLEVbIK6tQ4/6boR4a+v2HWRbZ3U8uX2DlSMbt/dddqlkomlPjTFZyVy2uOTUI6Wuf/O+&#10;mnq2NSUmqkpUXA1phxllHn81/wAo/MYwDISNtzeFNVoW7UkOStcaJD6Hgrnj8Ld1CxeevNm5nGHd&#10;m29o1FPQ9pdDbjqMVtl692MWY2vk2fKY7FZM6lLU86yyLFIxY0kyJJGw9YJndTq+l3zHMoLU4rIv&#10;aSPn6+o6De22LxGSKEgXFo5VKnEsD1dUf5Gpoc6SAR59B3sXsOg6e7ZydXRQ1eL6t7IrZa7O7ZrF&#10;VJtuZWGRYsnFNApAhfFVEitMsYIbGzwzqGSmUlTcWpvYADQyIBRvJ1ORn+kOH9IEefRXt+5rsl4z&#10;KCsE5JeM8YJAQHBHloJqacY2B4L1ZMrK6q6Mro6hkdTcEHkEEcEEewr1KQNeuXv3W+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R/wDeTHWF&#10;/WMv/T/b+/de6x+/de697917rGX/AKf7f37r3WP37r3XiQPr791omnWMv+B/t/fumy/p1j9+60FJ&#10;66JA+vv3ToFOsZcn6cD37rfXD3QvTr3XRIH1PumW691jLk/Tj3cJTr3XD3fr3XFmVBcn/WHv3Xuo&#10;zys1wOF9+691i9+691737r3XvfuvdYy/9P8Ab+/de64Ek/X3otTrYWvXXtosW6dCheve7BPXqpf0&#10;64lgP9f+nuxYL1UKW6xlif8AW/p7bLV6cC064+69W64lgP8AE/09+691iZr/AFNh7917rEX/AAP9&#10;v7917rH7917rokD6+9gV60TTrGXJ+nA9uBKcemy9eHXD34vTrwSvXRIH19tk16cAp1jLk/Tge9db&#10;64e/de697917r3v3XuuBe3059+6uErx6xkk/X37q5IXrAWJ/wH9PfurdcffuvdcSwH+v/T2yAW69&#10;1EdiSf6X+nt4Y6rQDPXD37qpf064lgP9f+nupanVQpbrEzE/U2HtstXpwAL1iL/0/wBv70Oq66nH&#10;WP2/0510SB9fem4de6xl7/Tj2x17rEykkE/S3v3Xuvelf8PewK9e64FyfpwPbgSnHr3WEuB9OT78&#10;Xp1cJXrGST9fbZNer4Xrifof9b3rqhevWD3QvTh1dISePXRIH19362BTrEWJ/wAB791vrj7bZq46&#10;uE9euLEAG/590C16uSF6w+3QoHTZYnriVBtf8e6Oa9XQU6xyMqi35B+g906v1HLFv+KD37r3XIJ/&#10;X/be/de65FgvH+8D37r3WEn8mw9+63k46xl/6f7f37q4T16xn8n6+/HPViwHWAsT9f8Abe6gBerd&#10;de6F68OvdY3kCjjk/T34LXr3UQkn6+3evdde/de64FwPpz70RXr3WMkn6+6MKDr3XXtvr3XAuB9O&#10;T7905roOsZJP19+6oTXrr37rXWMv+B/t/furhqDrGST9ffutAFuve/dOBQOsZf8Ap/t/furdYSwF&#10;/wCv1t7917rEzE/Xge/de6xF/wCn+39tl/Tr3WP3pQSa9e6xyfj26TTqj56x+2y/p1oJ69cSwH+J&#10;906c6ws35PvXWwK9Yi9/px7904Epx64e/dX66JA+p9+691jLk/Tj37r3XD37r3XRIH19+691iZyb&#10;/ge/de6xF7fTn3o468DTrGST9fbVC3VqFuuvbgWnTgWnWMv+B/t/fiterdYySfr78SF691722Wr1&#10;7o2Px07Iw9RBkekOwilVsbe+qlxklUbCirpSCqo5v4lqJQrRsP8ANVISQBdcje9qfI9NSL5jiOgQ&#10;7J2Nn+nt+VWCqZ6iOqxlUmU2/moLxmeDXrpayIgnQ4ZLMAT45UdQTpufaTXpxW1CvRtt2yjuXpuL&#10;u7C4kp2VtPAVG3dw+AaLwgqlXXwpo/dMVK07wMthD5p9LtLSpZynn00vYdPkeHQc/GTcNDuyi3R8&#10;f91mWfAb5oZ63b8gGtqOvgiM8jR3NkvHAJ1v6RLBa15WvRDXHW5BTu9P8HWDam/6nqv5F1uK3BCc&#10;ftSKoHWWRxVdZoosNEEpqCaQFdDqqpFVSyBf3hJM4H7zX9Wh62y61/n+fSuyOci+Onemy9pUCVVB&#10;seimqp8lNV/pq6fcNSFlqGIN5Y8dT0tHDc8mSgdresg7FF60P1V/1eX+r+fS8xLYbrXuul6FKSw7&#10;E3zt/NRVsUw0rJVbgnlen8TW9YioaCmoEZtY8nl+lzb3A060TqXV5in8v9R6MjDUYbqHrHIYGgro&#10;KrIdaddrnchQREmWRYaOoWOcJcBBW1lFI5/s6i+oAMD7crpFB0xp8RqnzNP9X5dLjASYNKyupMOq&#10;Mamnj3c04t6lzM9U+tbqGVZZKNm5+vF+R71XrTA+f2fsA6oDrokp62sgjuI4aqSJA3JsrkC5/JsP&#10;afpecdQWYWt9ffq9eGM9YmI/P4+g90qT+3pwDz+XSi2dtTN783Phto7dpjU5bOVq0dMpvpQctJNI&#10;QDphgiVpJGsbIpPP097VOts2kVPRrfkju/Ddf7WwXxu6/qUbE7bhirN/ZOCwauyLaZvFKyk6mEp8&#10;0y3YK/hhBX7cr7dfhQfn0nhq7aj58PkOiREk/U+2sL0q6690LV691wL2+nPvQag6sGoOsRJP196J&#10;r055de9668o09Htp/wDnGDopqtv8l7n7rodFMvAqMPhrX18ESwTNHID9VIqHQEFqNrv/ANmvzPSX&#10;/ch/6K/zP+r/AFZ6IfIb/U3JNzf2x0qYV6xe/deC064P9P8AY+/dbIr1gLAf6/8AT37rRanWMsT/&#10;AK39PfumyS3R2vidtTEbUx+8PkhveAjbXW9DLT7ZhksPvMrLH49MQKtd0E6QxsRpE9QrBgYW0vRd&#10;vd6f4emJgWpGOLcfkOii7x3blt77oz27s9MKjL7hycuTrWS4RWka6xxgklYoUska3OlFVfx7aJqa&#10;9K1UIAB5dJYsT9f9t711brr37r3XEuB/iffuvdYWb8k8e/de636On6iXf/xS/l0dC455NG5vjX1z&#10;urebREgx4qj2ljCFZhe3kEU7LfT+7FCAbt7A0Y+mkuLk/hd1X/TFj/sfkT0PdwY7jHZbcv8AoiRS&#10;S/KNUH+Gh/MDq2SGGKnhip4I0hggjWGGGIBVRFAVVVRwFUCwA+g9hkmuepCVQooMAYA9B1k96631&#10;737r3XvfuvdAB8oNxPt3pDezQE/e52kj2rQwrfVI2RmSmlRbck/avKbfm1vz7Mtoi8W4SvAHUf8A&#10;aiv+GnQc5sufprCWnFwIwPXWQp/kT0K2xtuptLZm1NroFH939u0eIcp9Genp445Gvzcu6lifyT7R&#10;3EvjSM/qxP7T0cWFt9HBHF/Air+wAdKn2z0r697917r3v3Xui1/FRpJurqquePxLkt9ZyuiTUGsr&#10;V8ikXsPo6sPoL2vbn2abv/bU9EQfy6C3J5LWhb+KWUj/AHs9GU9lfQp6g5PGY/M0FTi8rRwV+PrI&#10;/FU0lSoZHFwRcH6FWAZSLFWAZSCAfdkcxmqmhHn03LEs6lHAIPEHgeildd5Kl6w7x7o2nlqnJz4L&#10;NfwXdVHuLJMJRTGameCT+IT3DCOSYiJamQfqRfuJTJKHY5uVN3bxOtKjUpUeefIfzp+zoHbbKNpv&#10;7qFyxRvCkDtnTVSO4/bjUfTuNTXo3VZR0mQpKmgr6anraGtp3payjqkWSKWKRSrxyIwKujqSGUgg&#10;g2PslVipqMEcD0MnRZVKsAQRQg5BB6J9k6KfpHvnZu48jljJ19v/AAkvXL5PJOxkoZ4G+8xcNdO9&#10;/uPGwaCnqpGLimulQf2DPMeIwv7ZkA70Oug8wcGn+Ej14cadAuVDsO4Rys36MymHUxypHcgYnjTg&#10;rE104PCpcvkn0vWbhpR2VsWiin3nt0x5DK4AoWhzdLTqyPDLCpCzVQpJJYbEM1RTO9KQxMOim1X4&#10;jPhSHtbAbzQn/JWh+Rz69Oc0bE1yPqrcVlSjMlKiVV8iPM0JH9JSV9KOfx639RyUOK2O1ZLVYXIY&#10;P+8vVGTrH1yT4dW8dTh6iX6Pk9t1N6WUXu8AilC6dR903O2IJkpkHTIB5N5MPkwyPnUdO8tbipVb&#10;etVKa7djkmPgUJ/jiPafUUPRpfZR0L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R4JJ+vvJjrC/rr37r3XAuB9OT7917rGST9ffuvdde/de&#10;64FwPpz791QvTrGST9T791TLdde/dXCU64F7fTn37q/WMkn6+9Fqde669tFievdYy/8AT/b+7BPX&#10;r3XAkn6+3AKde66JA5JsP6n37r3Ud5vwn/JR9+691gJJ5JJP9T7917rr37r3XvfuvdcSwH+J/p79&#10;17rEWJ+v+29+Jp14CvXXtovXh06Epx6978FJ68WA66JA+vu9AvVKlusZcn6cD3QvXh1cJTj1w906&#10;v10SB9ffuvdYy5P04Hv3XusJcD6cn37r3WMkn6+/de669+691wL2+nPu4SvHqhenDrGST9fdyQvV&#10;AC3XXtstXpwLTrGX/p/t/derdY/ryffuvde9+691737r3XvfuvdY3Jvb8W9+6cSgFesfv3Xi/p1x&#10;LAf4n+nv3VQpPWAkD6+/E06dJp1jL3+nHtovXh02Xrw64e7Jw6snDrA5Ck3P592Jp1VgSesJcn6c&#10;e2y9erBKdcPfglevF6dcX/SfdyuKDqmW6w+9KlOrqlOuBcD6cn3fq/WPlj/iePdWNOvdZAoXk/7c&#10;+2evdYZJAT6ebcX9+691HZrcm592U062BXrEWJ/wH9PfixPToUL1x916qX9OuJYD/X/p70Wp1pUL&#10;/wCfrEzE/Xge2ixbpSsYT/P1iL/0/wBv7sE9evF/TrH7sWp1ULXrokD6+2yS3TgAXrGX/A/2/u4T&#10;16oX9OuHvZYDrQUnrokD6+26lunKBesEkh4C8X/PvxXT14Nq6xBSeT+eb+69W65+lR/T37r3XAuT&#10;9OPfuvdcPfuvdYX/AFH37p1SAOuPv3VS5PXAvb6c+/deCV49YSQPr70wqOnesTOT/gPegtOvdYHY&#10;Hgf1+vu3XusZYD6/7b37r3WIsT/rf09+691x9tl/Tr3XEsB/r/09t9e6xlif9b+nv3XuuPv3XuuJ&#10;YD/X/p7917rEWJ+v+29+69117904q1z1xLAf4n37q2oDHWIkn6+/dW6wlyfpwPbRevDr3XD3deHX&#10;uuL/AKT72wqOvdYfdQlOvdcC4H05936rqzTrEzfkn3RxXq3WEuT/AID34LTr3XH3VzXr3WF/1H3T&#10;p5OHXH37q3XvfuvdYn+v+w9+691w9+691jL/ANP9v7917rCzAfXk+/de6xlif9b+nv3Dr3XH22Wr&#10;jrY64lgP8T/T250/1iLE/X/be/de6691c0HXuuJYD/E+2wpPXusRJP197cU6914EgggkEG4I/Hun&#10;Xuj67bOP+VnV0O1sxXU1D2z14EagzdVd3q6ElY2lkAvLKsqgLPYEioWGQsBMV9vg16YP6Rr5H/D0&#10;CXWXdEnXXaUVZPTVVDsdoV2Zk9vVIu0GMidlR5IyLGshnZ6mcqq+SaSpACiZh7oGNenHXUOlf3Ft&#10;KH4/5PIZ/ZFeqN2HXLUbHyNDdjjMZA1NXVaxS6fH5J6qSGGBlZz9mkqyX8/uwWh60ja/8v29L3fl&#10;Ntjs3beyPk0IaUf3Yx5h7Gwg4E+QoF/3H05QEkx1GSaKB2JL/Zzwvb9sr78RUauqK2k6P2fZ1gjg&#10;xvyK6m2XvbclXGc91Dl2pux57ostRg4kFVUzG+ktLJTQK0Z5Hl+50gkkCvxZP59bH6Zp68Pt6Gva&#10;Oc2tvjZW2PkxvfEtT5vYG3c1GyKirHN4Z2WGWEMQskkaxukFtIE9RIB6kQh0UI1enVCCDpHn06UV&#10;LtjL7mrd41FYTi/kls3F7Vo4HcMI3OGzM1Wun6XWmpqaMD02md1YanA90p5+vW8gU/hP+XoZuv8A&#10;BU+JweGK1Aqq7H7Txuy8hOCDeTCfdQOCeTqFRNKDf8/0N/dgKdNSGp/Mn9vVEG5qdqLcWfoS2o0e&#10;aqqQt/UxzyIT/sbe05x0uOemFjYX96p1tc464vb/AGJPPvxNOtq3R7th0VN8Zun6rtPN08X+lPsa&#10;jON2Di6tAzUdK6pJ55I25HpKzzAj6fbQHQ0j+710LXzPTTnxW0+Q49ETrquqyFTV11bUTVdbW1D1&#10;dZVVDFpJZZGLySOxuWd2JJJ5JJPtvIHToOem8sB/r/09thS3TvWMsT/rf09uABevceuPtnpwJ69e&#10;9+6c6NP8Z+tMPl8jl+2d/lKTrLq5P4vkpqpbpW10QElPRIrWE2glHeMai7NBBpP3Fw5GvmeA6TXE&#10;hHavE/y6Bvtrs3M9s76zO88uXj+9l+3xdATdaSijLCmpU/H7aklyANcrPIRdz7qzajXp2KMRrQdB&#10;mxsL/U+69WY0679+6t1imJCi3+q/4g+/dVc0HUT37qgSvSp2Ts/M7/3Zgdnbfg8+Wz+QShpgb6UB&#10;u0s8luRDTxK0kh/CIx/HvYGo0HVmYRAk+XRq/lfvLDbax+0vjhsOe21utqWOXctRGeazLMrM3lKk&#10;hni8zyygHT9xO6aVMCgOSmnaPLpPbAvWRuJ4fIdEj9tdK+uiQPr7917rEzk/4D37r3WEv+B/t/fu&#10;vdZaSlqshV0tDRwy1VZW1CUlJTQjU8ksjBI0QD6s7sAB+SffuvdfQi/lrdb5zEdMbA3dvApPmMF1&#10;BtXp3AyoLRij25gsbjKmWH6jxzTUKICp/XFNe5a/sB8wyCJ/AXyZnb/TMSf8v8x1IfJds1yGvZOL&#10;KsUf+kjAWv50A+0Hqy32G+h71737r3Xvfuvde9+690VjvK27u0eiOsEAmppd0S9hZ+AngU2IjZoB&#10;IPzHUN54/wAcgAcng42/9CGab+joX7W4/sx0Et//AMdu7S04gyGZx8oxj8jkdGn9k/Qt697917r3&#10;v3XusNTOlLTz1Mmox08LTyBeTpRSxsOLmw97ArjqrNoBJ8hX9nRd/iZTyQ9CbJmn1fc5CXJ5GoZi&#10;DqMuWrirccDVGFNv6k3sbj2Zbya3L08tI/Yo6DPJqlduiJ4nxGP5yP8A5OjHeyzoUde9+690WvKQ&#10;xY/5UYSSaNHpN6dKVmBlglAZJZaHJrVNqVhZj9vIVI5Gk8j8k1Q6rM/0ZQfsqtP8PQWlUR7upPCW&#10;1ZCPIlZNX+A9CYRVdeAsgqchsJTdoxeSowa8XYFmMlRh15JUapaIfpD0fFGlxdfJ/wCT/wCZv8P2&#10;8TWh231MP7TF/lKfzT5r8KI+R+3ot4dMbgrsclJk6rbkVPv/AAT2SohlbGsKtiF9STJUUXmQAXDi&#10;T8g2KjapPAnAOA1UPkRqx/I06Qcz2wvbF2WjFKTJ5g6O786rUfOvUrZ266fbGG2lLU1UlR1ru2go&#10;pdlbgqnMj4s1kSPS4jJzHloDrEVHVvY6tNLUnzeKSorPCZWYAd6k6l/iocsB6+ZH5jFaXsbwWqRk&#10;msEgXwnOdGoCiOfTyVj/AKVs0LFG7LwOZ6n7O3BjsPULj9s5eqHb2xq9VNsHk0cQZCaNVA143Wwi&#10;ydOl/wDcbUx1ARvsmDHdpIt7CrMKsP0nH8a8R+fmp/iFPPoG7pbvs906oaRsfqIj/vpxhiP6NcSK&#10;P9DYNTs6Pp1vvqg7F2ljtyUcX2lS5egzeKdleShyFOfHV0khUkExSg6W41xlJANLj2G7q3Nq5Q58&#10;wfVTwPUhbXuC7nCJVwchl81cYZT9h/aKHz6XXtP0Y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o7FgPr/ALb3kx1hf1iLE/4D+nv3XuuPv3XuuJYD&#10;/X/p791UtTrGWJ/1v6e/dNli3XH37qwT164lgP8AX/p79051jLE/639PfuHXuuPtsv6de64lgP8A&#10;E/091Ck9e6xFifr/ALb26Fp17rr3vr3WJ5VW4HLe/de6jMzObk/6w9+691x9+691737r3XRIH19+&#10;691jLk/Tge/de64e6F6cOrhK8eve6ULdXqF697cCgdNlieuBf8D/AG/vRf062E9esZJP19tk16cA&#10;p11711vrGX/p/t/fuvdYmYD6m59+691iLE/639PfuvdcffuvdcSwH+v/AE92C16qWp1iLE/X/be3&#10;AAvTZJbrr3Uv6dWCevXEsB/ifbfTnWIsT9f9t7917rr37r3Xvfuvde9+691737r3XAuB9OffuvdY&#10;mb8k+/dbAr1iLk/Tge/dOBAOsLNbgfX3Rmp14vTh1jJJ+vulC3VKFuuvbgWnTgWnWMv+B/t/durd&#10;RXJLG/tsgseqkheuPuwUL02WLdYy/wDT/b+7dWCevWFmA+vJ9+6c6xlif9b+nv3XuuPtsv6de66L&#10;hT/Ujm3utCc9e6xs7P8AU8f0HuvXgK9cPfutkU6xuR9Pzf37ramnWP37r1S3WJnNyBx+PfurhKce&#10;uHuhWp6v4oQY6wsSSf8AA8e7AU69q1dcfe+vdcC4H059tBOnS/WMkn6n3fC9Uy3XXuhavVwtOuBe&#10;3059+CV49eL04dYiSfr7uSF6oAW664+p/Httm1dOKunrgX/p/t/derdYySfr7917rokDkmw/qffu&#10;vdYHm/Cf8lH37r3XAPwLkk+/dWC16xsxP1Nh7904Fp1iL/0/2/v3VusLMB/iffuvdYixP1/23v3X&#10;uuDcKffuvdYfdS1OvddEgfX23Ut17rGXJ+nA9+K6evdcPdevde9+691iZjew4t7sVoK9e64e69e6&#10;6JA+vv3XusRcn/Ae/dbqeHXH37q6p10WA+v+29+6c6we6hQOvdYy/wDT/b+7A1691iY/Unn37rRN&#10;OsLMT9eB7900WLdYi/8AT/b+/dXVadY/dS1Or9e9tlq9e697r17rC36j7908vDrgSB9ffurdYy9/&#10;px7917rEzgX/ACffuvdYiSfr7917rE7EcD+nv3XusfujPTr3XRIH190y3XusZcn6cD3dUp1sceuH&#10;u/T/AF0SB9ffuvdYixP+A9+691x90L+nXuuiwH1/23ugBbr3WIsT/gP6e/MKde6GTae8sp0tLgM3&#10;h1i/vblZYMxlIJwbJhjaSDHyflf4spFRKQNSwrRvG4Mkg93QU6qV1dD/ANx9UYbtCfavdHX80VLt&#10;Xelpt+zKgti2hR5K3I1CJwDDFDKtSBa9RGrAu1Rf3fptG09p/Lpy2jnsN8kOvd19SPSU2Jzmzohl&#10;OpVlKq6UFJGtNSU0stgJJEjCw1Ln9aziUJqiuKA6h14jwzX149M3RmRw+zZ6Ho/fVLIo7ex1ZJuO&#10;kqyyNQz1aJTYelKOCI6mogp5JNQXUWq6IggxH3uM07T59amUkahxGft9f9Xy6V/x667zPW+8967G&#10;3JjZ8vQ7tyNVtOsgF1pZMTQUEtTPk5UJBaKpfJUNNF9LGqmW+pGA8o01B69IwYah9vQ95Wt2tWyZ&#10;XoKooFwW3MxhZOvtmoyAeSppMPHkqyojLNdo6anrqPxNa7VEc5YsSLbJ8uqgfi861P2HH+foLdsb&#10;DzUPV/TW26iZ0311X2JhtzZegJPkgoMln66lMLgi4T7VmkIYBhHDxZSAagYA+fVzgk+RB/kOjW7T&#10;xjYt9xNFN58fld0zZ6hkBuDFWUtNNJpOogqatpCLWFubXuTcY6Yc1p9lP2dUYdkQ/b9ib9p/T+xv&#10;TKQ+gWHprp14H9OOPbB49LBw6QzNf6e9db4dGd+NnVGN3Xlcl2JvnRSdZ9eIcrmaqqH7VVUwKJ0p&#10;DwTJGi2kmVQxZSkNrzgiyCueqyNpwOJ4f5+g67s7XyXbu+sjuarM1PiYSaDbeLkNxTUSMdAIBI80&#10;xJklIvd2Kg6FQDTN1tEoKDoHnckG3HHtsNU9O6adRffi9OnlWvXvbZNenQKde96630rNh7LzfYu7&#10;sJs3bsIlyearBTrJJfxwRgFpqiYgEiGniVnewJstlBYgGyqWNB1V3CCp6Mb8k974Tb2Nwvx467mK&#10;7Q2CQu6q6OwbJZhSTMZmUnWKeVmaQXC/cMyhAtPCReQ07R5dMQISS7cTw+Q6J97a6U9dEXtf+t/f&#10;utEV64s6p9Tz/Qe/db6ivIW+tgt729+691gL/wBP9v7902X9Oj8dNUFJ8d+mM58gdxU8Lb43rSnb&#10;vVOKrFDMscwJ+90HkLLoMrE6b00Kqr/5UFLydg1fs6SuPHbR5cW/zf6v8nRDa6uq8lW1mSyNTNWV&#10;+QqpK6urKli0ks0rmSWWRjyzyOxZieSST7Z6WqNPUEv/AE/2/v3W+sLMB9eT7917rEWJ+v8Atvfu&#10;vdde/de6Nx8SdqYmPcu4e5t4RW2V0xiG3LM72tNlNLfw+CMMRrmRlaWMA3E606n/ADgBcioDqPAZ&#10;6TXJJGgcWx+Xn19Ar4Y5V9wfEH4t7knpqakq90/HnZu68jDSLpj+7ym3sfkKtlX8CSpqXb/XJ9xT&#10;ubmS4lJ4+I//AB49TrskSw2cCqKDwo/5qCf2k16Mt7Q9GnXvfuvde9+691737r3RVusj/fn5B9wd&#10;hHVLjNmUlN1VtyZhddcLefJ6DyLx1cZII/sT/wCJucXf+L20UXm1ZG/PA/l/g6CG1H94blc3P4Yg&#10;tuh+Yy/7CP2Ho1Psn6F/Xvfuvde9+690iOzMkuH6539lWKgY7ZmUrRq/Jjop3UfqW5ZgABcEk2Bv&#10;7UWqeJKi+rKP5jpBusvgWsz/AMMUh/Yp6S/QON/hXSvWNLoCGTZ9HkCoAHNZGKskheLkz3P5v9eb&#10;+3dybXPIf6RH7Mf5OknLkXg2EA/4Urf70NX+XoX/AGi6Ouve/de6Ll2epo+9fjjl1DKklXubA1RV&#10;QdQqcSjQKXJsumWLUAOWGqx4IJnaGtvOvyQ/sboMbt+nuFk/znQ/7aMU/mOjG+yzoT9BvX4mo2p9&#10;7PiqGfMbOyPlbP7Sp11yUomBM9Vi4lGuSOTUzVFEtzIWMtIBNrgqlauJ6BjRhTS3rTyP+Q/kcZBX&#10;JCbSpQFo2rrjGSteJQedfxJ58VzUMFfxvfGZnq/OdeZE0m4Mdsrc2U2PJ90FmhrcY8hqaGUqdSyU&#10;1RRVarGSLMi/4X9q90qkwlFQWVX9CG4H8wR0UcrlZ7R7Z6OInkizkOldSn5gq2Pl0ie6Mflth4rA&#10;VctNUZuh2BmBn9hZ+uZp3koyjRZfamXllbU4rca0iUczlvu/HFSSE1ehqpRYMtyxHAuNLgYz+F1+&#10;w8R5ZIxwQ75E+3ojEFxC2uJzklaUeFyf4lqFJ+KgU91CzHteoi6E7HwOUxdXLW9Cd3R0iYTIs5aL&#10;FVs0SvjUkZydERhcQo7MNVL4wx/yEl3ZgdyiIbE0Vaj+Ief+f7f9N0ntGHLt0joSbS606T5RsR21&#10;+VMA/wANP4Mnu9hzqQe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0b/eTHWF/XiQPr791omnWIvf6ce/dNl68OuHv3XgteuiQPqffunAKdYy5P049+&#10;631w90L06910SB9fdMt17rGXJ+nA93CU691w93691xZ1X6n/AGHv3Xuozys3H6R/Qe/de6xe/de6&#10;97917r3v3XusZf8Ap/t/fuvdY/dS1OrBa9e9tli3TgUL173YJ69VL+nXEsB/r/092LBeqhS3WIsT&#10;9f8Abe2i1enQtOuveut9cSwH+J9+691iZvyTx7917rCXJ+nA9+691w9+6910SB9T72BXrRNOsZcn&#10;6ce3AlOmy9euHvxenXgleuiQPr7bJr04BTrGXJ/wHvXW+uHv3Xuve/de697917r3v3XuuiwH1/23&#10;v3XusRYn/W/p7917rj7917rE/wBf9h791dWoOuH05Pv3WiS3WBjckj3XTU9WCevXAsB/if6e7dOd&#10;Yma/1Nh78TTr3WEv+B/t/bZf0691iZgP8T78GoOmytT1hZvyTx7rUt1cCnWIuT9OB7dGOt9daTYk&#10;8e6l6de64njn3TLde6xFyfpwPdwlOvdcPfmfrYz10SB9fbXTuF6xFyf8B7900xr1x9+62or10WA+&#10;v+29+6cJC9YCfqf9j7902WJ6xl/6f7f37qwT16xMwF7/AF/p79051iLE/wCt/T37r3XH22X9Otjr&#10;iWA/1/6e6gaunSwXrGWJ/wBb+ntwAL02Wr1x91L+nVeuJYD/ABP9PbfSjrEzX5JsPfuvdYw1yAPp&#10;7917rp5An4uffuvdRWdm+p/2Hv3WwK9cffunAlOPXBmtx9T7914vTrGST9ffur9de/de6j+/de66&#10;JA+vv3XusTMT/gPfuvdYi9uB7b0V691wALH/AIk+7EhevdeZdNvbbNq691x91691xLAf6/8AT37r&#10;3WEn6n6c+9k1691jL/0/2/vXXusfv3VgteuiQPr7904AF64F/wCn+39+6rrqcdY/funOsBYn6/7b&#10;2wWr17rr26nDr3WGSRQCo5Pu3WiK9RiSfr7914CnXXurcOt9e9tEU6910SB9ffgK9bAr1jLk/Tge&#10;3AlOnAlOsLNbgfX3Rsnq/HrGST9fdevdde/de6j+/de66LAfX/be/de6ws1+Tx7917rEX/p/t/dN&#10;FePXusf15Pu/DqwWvXvfunAoXrGX/p/t/furdY/fjjr3XRIH19skluvdYy/4H+393CevXuuHvZOn&#10;r3Ss2tjaOWStz2ahaXb23I0qshFcqKqok1iix6sCpDVkqHXpOtKaOpmQMYbFutcnrRPSaymTrMzk&#10;a3K5CXzVlfUtVVElgo1Mb2VVAVEUcKqgKqgKoAAHvZevW+jmfHzd2A2bhqLrjsCaWpw3dLT+PGVL&#10;hafH08iGipqiUW1xtmptaXunjSCnqL6JNY2ppg+fTUi1yPLoP6LYu4+ku/6OJquopMVtOeTeH8dY&#10;aVqNvwrI9QeOGkqacPRlB+qpcRr9VJ1TSerVEi9Kr5K7XXcNZsrvnrs1tVjew1pIZhR3aemy0SpF&#10;TKPFfRM/hEJVSStTA41Euo93oDnqsZp2ny/wdHB7v3LurYHTeU3bRUMUu/ajBY7buez2Psq0fkJS&#10;arjHPojqKhxEF/S8sbtdY7e/MaDpqMBmp5ZIHQIdy0O6swnQnaWCqIq/ee2NyY3Z+7MdSlvHDmqh&#10;qNnikjCroDVitTzA2uskKDi3urZz/qr06naSDw4j7Ohlpsfl6D5KZ2eCsnn2z2d1MK2Cui9UdPU4&#10;uelo1MbA6GEQqlcH/V1YAIvY28+my1V+w8OhT6xObpdmbCx2cjK5Cm2bFQZcSAhhU0ApqYtY/mYF&#10;2b6G4Fh+BscOqSAAn7f8PVLnc0L03b/aEbBRbsHMSIF+ml8hUOv+A9LD/W9snj0rQEgfYOmrr3Ym&#10;c7L3dh9n7fhBrMpUWmqXBMdNTrYz1UxFrRQR3Y/ljZFu7KDqmrHV2/Tz0Y35H7+wm18Nivjv1vMU&#10;2ts4Ku76+IgNkMmja5I5mXiTwzfuzf2fuLIFUU6e/SNpwOqQpq7jxP8Ag6JkzW5JPtkmvT4FOsRY&#10;n/W/p7r1brj7906nDr3v3Vj1737rwx0ebHrH8V+oHzFQiw95dtY4wYuB7CbCYljq8zD9Ucx9LEHS&#10;fuDGpUilkBfH6Q+Z/l0kP+MtT8K/zPRE3keV3kkdpJJHLySOSWZibksTySTySfbHSzrgSB9ffuvd&#10;YZJCB6eLm1/fuvdRvfuvdcH+n+x9+6q4r0PPxz6el7g39T0VeGg2Zt1Vze9ckW0JHSISVp/KSAkl&#10;YyFAb3WMSyi4iPu6JqP+HpiU+EPmcD7epHyW7ki7X33owOmn2Fs+n/u9snHQL44hTx6VkqxFZQhq&#10;mRdK6VKQJDGRdCTuR9Z+XV4I/DGeJyft6Lizfkn/AGHtvp7rEXJ+nHv3XuuHv3Xuve9E0691mp6e&#10;erqIKSlhlqaqpmWnpqeBSzySOwVERVBLMzEAAckmw9tlievdHS78qIunOp9ifHLFyxrnKyKPf/bM&#10;1OwOuuqAGpaJ2ViGWHQDYgXSCklH6z7UOuhQn5npLD+qxk8uC/YPP/V8+t9X4Jf9kQfDb/xVTrz/&#10;AN5HD+4o3D/ciX/mo/8Ax49T1tP+4sP/ADSj/wCODo1ftH0Yde9+691737r3SK7H3fT7B2JureFR&#10;oYYHDS1lPFIbCSoI8dLCTzbzVLxpf8avai1gNzIqDzNPy8/5dINzvRt1vJOfwKSPm3AD8yQOkH8c&#10;9pVG0epdtR5AOc3uJH3hn5pr+R6rJETgy358qU5ije/9pD7UbpMJpmpwXtX7Fx/hr0X8s2ZsrNA3&#10;xPWR/Us+c/OlAfs6HH2X9H/Xvfuvde9+690AfyfykmK6L388OpqjIUNPhKeJLlnNdW01IyqARc+O&#10;Vj/rA8H6Ex2lNdwnyJP7AT/k6DvNkvg7fNTiQEHz1sq/5ehl29i1weAweFS2jD4emxaabkWp4UiF&#10;ieSLJ7Qyv4jFvUk/tPR3bQ/TxpH/AAqq/sAH+Tp3906f697917ouvei+DdPx/wAiIWkMPcNLjfJc&#10;hVFXR1SEH8aj49Q/rpI/r7M9vNUmH/Cif2EdBnmAaZrNqcLlV/3pW/zdGK9lnQm697917opsRy3X&#10;nyO3lS7fxlPV4XsLZNJvuuwVMFheapx9Q1BXPQcCNsj45BUPE2harWxeVZbN7OTpubVSxoUcoDxo&#10;GFRX5eVfL06By69t3OURqCs0SylBglkOhtPlqodRGNVcmvRkJotub723LTzxUmd25nqNoJ4JlOiS&#10;Mkq6OpCyRSxSKQQQksMqkHRInBWC9u/mGB/1f6uBHQoZYtwiINHRxQg+Y/wgj8iCPIjopuyaLb3g&#10;3z8SuxUnnxuOqXg2Hlqr9dVjK0SZGgRJjGYlyePKu0J+kngkVI7U0ik6uGbsvYuJ+MDyYdp/I+f2&#10;/PoHWCR0l2a5qVUkQsfxI9XXNKa1zT1oaDtPQt9K7vyzDM9U74qll7C620UVTVyEg5bFMAMdmIgx&#10;LP5YSqVHLlJheUq0oUIb+BcTR/BJmn8Lea/5vl0c7FeudVncH9aCgJ/35H+Fx9ow3Gh48eh59l3Q&#10;h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0bC9vpz7y&#10;Y6wsL04dYySfr791Shbrr37pwLTrgX/A/wBv791brGST9fei1Ovdde2ixbr3WMv/AE/2/uwT1691&#10;j9ude66JABJNgPfuvdYHm/Cf7c+/de6wEk8kkn+p9+69117917r3v3XuuJYD/E+/de6xEk/X3omn&#10;WwK9de2y9eHTgSnHr3vwSvXi9OuiQPr7vheqZbrGXJ+nHuhevVwlOuHunV+uiQPr7917rEzk3/A9&#10;+691iL2+nPv3XusZJP19+69117917rGX/p/t/bgT16bL+nXAkn6+7EheqgFuuvbZavTgWnWMv/T/&#10;AG/uvVusfv3Xuve/de697917r3v3XuvEgfX37r3WIvf6ce/de64e/de66JA+vv3XusZcn6cD37r3&#10;WEuB9OT78DXqyrXrEzfkn/Ye/dOgU6xFyfpwPfut9YWe3A5PujPTr3WMkn6+6ULde6691OOvdRpH&#10;sxtz7uq1691iALH/AIk+3PhHXusgUD/H/E+2ixPXuuLMCLD/AG/uwT16rqqesLEAEfm3092JC9W6&#10;w+2y1evdYy/9P9v7r17rH7917rokD6+/de64F/6f7f37rYNOsfv3WwpPWB25NzYA+/dOhadYS9/p&#10;x791vrrSSCf9j70cde64EgfU+2st17rGXJ+nHupx17rh72pp1srTrx459+NW60M9Yi5P04HvXToS&#10;nWEuB9OT791frGST9ffuvdde/de6xOQbW/Hv3XuuHv3TgIUde9+6qWLdYGNySPfurBPXrgWA/wBf&#10;+nv3TnWMsT/rf09+691hL/0/2/v3XusfupanVS1Ove2yS3TZJbrhoFyTzze3vZamOnR12WA4+v8A&#10;gPdOt9Yma/JPv3XusJe/049+691iZwL/AJPu4SvXusRJP191YUPXuuveunEWvXAuB9Offutl6dYy&#10;SfqffuqZbrr37q4SnXAvb6c+/dX6wlgOSefbNKnrYFeoskjElfoP8PboFOvEU6xe99a697917r3v&#10;3XuuDMRa3590w/VlWvWL3ssF6cLBevfTk+2y1emyS3WBjckj3Xp1RQdde/daLU66JA+vv3TZJbqG&#10;X/A/2/v3T3XD37r3WJ/r/sPeiade64e9jPTip1wLgfTk+/dbL06xkk/X37qgJY9de/dPdcC4H059&#10;+OevdYySfqfegKde6697691lpaapr6umoKCnlq62tqEpaSmgBZ5JJGCIiKOWZmIAA/J9tsa4HXul&#10;RuyspqOKi2hiqiKpx2BkeXIV9OQUrcnIFWrqFcX8lPDoFPTG+kxRmZVR6iUGh9OvdRNlbfp9xZsr&#10;k5pKTbmGpJM7uiuitqioKbSZQlyAZ6mRkp4B/anmiU8En34CvWjjpu3TuKp3Rn8hnZ40pfupVSio&#10;oL+OlpYUWGkpIb8iGkpo44ox9QqC/PvxNT1vh0ftVznfHx6GNmlhHamF25FXxxDS1ZlsPHWsIhKW&#10;VpQK+bGB9IN3qYIJW0xzrd09y/Ppn+zb5H+R6nfCym3BV7L3NTbjoaebZdPualrNs/xNQWXJQurz&#10;mBZAQFhnjp3Qi2mouUu+vTpM9Vmwfn/k6gda9j7t3B8h+y+vOxccKnE7ljnxc+DnYSU1AuOLfY+I&#10;uFBhqIZNOtVVp5pYZRY29+Bqc9WZQqgr5ZB6z/Hmq3Xiu1e7Op91D+J1jZKTfsVdVqxgXIQV0EkN&#10;aEYkha01FLULe5AhT839+XiQft61JSgYf6geoGxd6bqx3x4ztbWUsrbv6V3zHickJuZzQ0ubxWTr&#10;oCwIBUrEYpBfmOH68g+9A46sVq49D/m/zdHjxuWqpdw7lxFShVaNKHKUEv4NPVxSQheSbMtVQzk/&#10;Thhx+S70mIwD/q/1Z6pe+ReOND3l2NRwJJJJUbjNYkYBLM1ZFFU2Uck3abi314t7TsKHpbGagdGH&#10;DQfE/qTyHwjvPs+isoNmkw9D/sQdJgvz9BLVn/dsdL72f0x8+q/2rfIfzP8Aq/1Z6IHLNJO0s0jy&#10;SSyOZJJZCWZmY3ZmJuSxJuSeT9fbBbFOlOnNesY5K/0I591p1brH7doFHXuve2engNI64FwPpyff&#10;utqajo2Px26+wePoct332XH4th7Bb7jB0Mw5yuWjZfBFCjcSxwzFVA4R52RWJjjnAejWnceA6Tzu&#10;T2LxP8h0AHZnYme7R3nmN5bgl/yvJTaaakQkxUtMlxBSwg/pjhT/AGLuWka7uxLbNqNetqPDGkeX&#10;SCDWFvzf3Xp5BQdcWb+p/wBh791brCzX/wBb37r3XH37r3UvHYzIZvJY7DYijnyGVytdFj8dQUo1&#10;STTTOI4o0X8s7sAPfhnHWiaZ6PJ3FlMd8ceoMf0Dtarhl39vSkXNdrZyjNnSKZReiWQENomUeFFN&#10;v8lV3ZA1WSXm/TGnzPHpJEPHbWeA+Ef5f9X+TogHtnpZ1if6/wCw9+691w9+69173TVXA69173og&#10;t9nXujdfFjaWGxtXuXvvfMLDZPUFH/E6JG4+9zZA+xpoS1laWJ3RlFxaokpb+kt7fiQL3Hy/w9J7&#10;hiQEHFv5Dz6LRvXeGY35uvP7wzs7VGW3DkpMjVuSSE1m0cMdySsMEQWONf7MaKo4HupNc9PKoQUH&#10;l19In4I/9kPfDX/xVPrv/wB5DD+4q3H/AHIl/wCaj/8AHj1OW0/7iw/80o/+ODo1ntH0Yde9+691&#10;737r3RWO/wBm3zu7q3pGmLvT7mzg3bvNI7jTh8aWfxyG4AWqkSQKfxLEn5IBONt/xdJLg/hGlf8A&#10;TN/m6CXMR+vmgsBwd/El/wCaaZz9prT5gdGmVQoCqAqqNKqvAAH0AH4A9k/Qt679+691737r3Xvf&#10;uvdFs+RH+5ep6b2Mq6zurtrHVNbEPq1DjQ9VWWFx+kFDfkAD6EkezXa+wSyfwxtT7WwOgvzL+sba&#10;3/35cIT/AKVKsf8AJ0ZP2VdCjr3v3Xuve/de6Lp8iJpIG6JeJtLN8jNtQk2B9MiZCNxyD9UYj+ov&#10;cWPPsz2wV8X/AJov/k6DHMzFfpKf8psA/aHHRi/ZZ0J+ve/de6Lt3GRgOxOgt8gFY6bfM+wa5l+h&#10;i3DRvBF5OP0R1NOhBNgGI59Xszsf1Ipo/wCgHH+0Nf8AAeg1vZ+mubS49JTCfsmUgV+wqOhQyeIr&#10;8FXVO5drU7VDVMv3G5NsIwVMgNKqaml1ssVPlY1UaWJSOqUeGoKt4ainSo4kGh/9q38PyPqv+DiP&#10;ME1lha3YywitcvH5P8xXAcfsbg3kygT2tRbbyW6+s+w7tVbW3bOeqt3VVM0lPPB91UCowtXrvFNQ&#10;VmIztPpZ3CzU0rlCEdWHsws2ZEeLgy/qL5g0FGHzDKfsPQf3iOKSaC54xyH6eQioI1GsbeRVkkHE&#10;5U+hHQedxf3u2tksDvdZYv8ASr1PC1T/ABhE8VNurabMFrJZI0LsJ8c0gNfAP+A4klq4VKSU5RVY&#10;6JgY/wDQ5PLiY5PL9v4T54B8+ize/HtGSeo+ot86qUW4t+DEjOVr3j8NSwwRQ4mxd6Ynf+2MZujD&#10;MywV0ZSqopiPNSVMZ0VFJUAfpmp5QVb8NYOt0ZSSO4ga2co3l5+RHkR9vQ22++TcYllTgeIPFWGC&#10;D8wf8/DpXe2Olv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oz&#10;+8mOsKwnr1xLAf4n+nv3TnWIsT9f9t78TTr3XXtov6de64lgP8T70FJ691iJJ+vt0CnXuuve+vdY&#10;nlVeF9R/3j37r3UZmLG5P+w9+691x9+691737r3XRIH19+691iLk/wCA9+691x90L04dXCV49e90&#10;ALdXJC9e9uBQOmyxPWMv/T/b+6l/TqwT16x/Xk+2+PTnDr3v3XusZf8Ap/t/fuvdYWYD68n37r3W&#10;MsT/AK39PfuvdcffuvdcSwH+J/p7sFr1UtTrEWJ+v+29uABemyS3XXuhevDq4SnHriXA/wAT7p1f&#10;rEST9ffuvdde/de697917r3v3Xuve/de64FwPpyffuvdYySfr7917rr37r3XAv8Agf7f37r3WMkn&#10;6+/de6xv9P8AY+6vw691HZrcD6+/KKDp1OHWL68n3bq/XvfuvdYD9T/r+6aM5691172WC9e6xyfj&#10;21x691hKgm5/23t5RQde68WA4+v+A9+Ir1UtTrEzX5JsPegAvTZJbrCXv9OPdC9eHV1WnXD3Tq/W&#10;Akn6+/de669+691wLgfTn37r3WMkn6n37rYFeuvfunAlOsLzAcLyf6/j37q/Uf1Obnk/19+691zC&#10;heT/ALc+/de6xvMOVXn8X9+691GJJ+vupIXrYWvXvbXHp0KF697uE9eqM1euLMACPyePdmIGOtKt&#10;esPtnp7qP7917r3v3XuuL/pPv3XusPv3XuuJYD/E+/dWVdXWIkn6+/dOUC9YmYg2HHv3Wwa9Y/fu&#10;t9dEgfU+9E060TTrB7bL16bL16978Er14JXrokD6+3ML04BTrEzk3/A9snPW+sRe30592CV49e6x&#10;Ek/X358de64P9P8AY+/Jx691i97L+nXuuiwH1/23tvj17rEWJ/1v6e/db+XXH37q4T164lgP9f8A&#10;p79051jLE/639PfuvdcfbZf0691gP1P+v7uOHTuqg6wP+o+99Nk164+/da697qWp17rokD6+2iSe&#10;vdYmbV/rD34GnWwadYi4H05PvXVglesZJP19+6vheuvfuqF69cC4H059+68Er1jJJ+p9+6vheo3v&#10;3VuuBe3059+691hZrck3PttlqevdYixP+A/p7cGOraicdcffurBPXriWA/1/6e/dWqBjrGWJ/wBb&#10;+nv3VuuPv3XuuibC/v1evdYixP8Arf09tuevdLrF/wC/VwDbif0Z3cME2P2upHqp6W7QVuTH9Gch&#10;6SmYA2f7mRSktPExrwz1rpAlgP8AE/091630JO4j/c7adDs2NvHnNxin3PvQrbVFEU8mJxhINwY4&#10;ZTVzp9DLNAjjyUvF6Ux+3rXHpJ7OwcW5dxUGMqqhqHFL5MhnciBf7agpY2qK2cD6F46eN9Cn9cmh&#10;Byw9600NOt9D70bujeW5vkPicztGlNNT1Ewo8jjNTfbUm3IEjg+1kYcaKWkiiSEn9VSkJILNztTU&#10;/wCrh1SSmk16MR8yM3uvZmH68j2fCuD2tFuSXO1FdiQsa/xaKUVlGrqiqqgyNNUAG6yyguw1RAmz&#10;mnTUPdWvH59JvuHOU26On6Xv/ZdFLQbp3RS4na28K3HHSaGOirHqJnBsZA38UpaWFZCwZoBADxYe&#10;9NkV6unadP5jp9332Tp6o2x8h9qYwJujcOSwGD3jLTgBY4cTWVlRUwuRdhFVV8McBZjqaEwKSPod&#10;k4r1pRkr5ZI/P/UehWkzu2qHfuz8PjqQPsz5FYjN7grp7BUnq6jF4bxfS4VnpKWTULm8tWTxzfdf&#10;59VoaH1Wn8q/6vy6GLaO6KDOjI1LxeHJxbwyuyahSlnviqzINTBz/qHo08yn6fuj8t7dQg9NMpH2&#10;UB/bTor+6tgbe2d3D2X8iexgi7Z22MfNs3FsFLV2SXFUUQkRW4d46hdMFgR5y0rMgpiSyRQ1PTys&#10;SoA4+fyHVbXY2/8AO9l7vyu8NwS6qzJTnw0qEmKlp14gpYQfpFCnA/LNqdruzEp3qx6VxjSKDy6R&#10;BNiBbg/8T7qMjq9KddD8j8ryP9t73x60TTrG7AE/48+66Setrw6wlif8B/T34rTpz4+ha6X6nyvb&#10;286Xb9Iz0eGpFGR3PmyBoo6JD+42pvT5pf0RKfqx1H0K5G0TWevSyCIV/Z9vS2+Q/bOK3XW4rr3Y&#10;IFF1X19GMbt+kpiRHW1EatHJkH/LhgzLCz3Yq0kxIeodRuRq4HAdUgi09zfEeP8Am6LKT9T9Ofbf&#10;T1AM9dAg/T+tvfutg16wt9T/AK/v3W+uJIH19+4de64F/wCn+39tl/Tr3R5OhtuYjpTYGT+S2/qK&#10;KbINTvjOqNvVfpepqp1aMVgBswEw1KjDlKZaicK2qE+34V0DWfy6STN4reGP9sfl0SzdG5sxvHcO&#10;Y3TuGseuzOdr3yGQqn/Lub6UFzojjWyIg4RFVVsAB7qTXPSpQFFB0nS9/px711vrh7qzU691723l&#10;uvde9uKtOvdPO28Blt27gw+18BSNXZnPZGLF46mU2DSzMFXUx4RFvqdj6VUFmIAJ93Ar1onSKno1&#10;Xya3HidiYDafxr2ZVpNh9hwpk9+ZGCw/iGemTXLrI5ZKbyE6T+hnWJuadT7vKwTt9P8AD0xCNdXP&#10;nw+S9EvLk/Tge0xevSjr6XHwP/7Id+Gn/iqXXf8A7yGH9xff/wBvJ/zUf/jx6nDaf9xYf+aUf/HB&#10;0a32k6MOve/de64u6Ro0kjKkaKXd3IAAAuSSeAAPqffgK9aJpk9FZ6HRt/707J70q0Y0mdyR2ZsT&#10;yKRpxGPZVedAwuBVzIhYcFZY5R9CPZxuJ+mjjtxxA1v/AKZv8w/lToJcvD94zz7geDt4UX/NNPP/&#10;AGxA/MHo1Hsn6F3Xvfuvde9+691737r3RbMuBun5RbToR+7SdYdcV245X+qx12YmWhWI/W0jUiCQ&#10;fTgXvcW9mqfo2bHzkcL+Siv+HoLTf43u0a+UEDufk0p0U+2gr0ZP2VdCnr3v3Xuve/de6Lr8hoHq&#10;H6Jjj06l+RW25zq49MUeQlb/AGOlDb/H2Z7aaeL/AM0X/npHQZ5lXV9IB/ymwH9gc/5OjFeyzoTd&#10;e9+690AnyZoZqjpzc2So1JyO1qih3fjnAvokx1dT1DtxyB4FkBP4BvyBYmO1NSdQeDVU/wC2BH+H&#10;oO81RlrF3XjGUkX7UcH/AAV6HGhrIcjRUeQpiWp66ljrKdm+pSVA6E2JF9LD8+y9l0kg+WOj+NxK&#10;oYcCAR9hFegV7l62rd0bQ3jT7YQGt3FjD/E8KGCJVVVPoloa+nJKrDlaOeCIq91WpjjFPOylaeop&#10;jCxuhE66+AOD6A8Qfkan7OI8wSLe9ra7hlEXF17l4BmFCrD0dSBn8QGk/hZesAMb3z0/tjLV8j0G&#10;XrcaJxkIVBlx+Xp1ko6z9ttIkj86zRTQSAR1FO7wyKUkI96krt07AZFeHkVOR/kIPkc9et9PMVlG&#10;7YYrWo4pIKq2PStQVOGUkHB6Lb0/l830tunP7a3NC1FjsNkafF71pQ8jQpj6kiHA7opGlu0lHT6R&#10;ja6TgpTrQyzgSxVHs2vkW/QOmSQSh86jLIfmfiHzqBinQX2WeTYpnilFFVgsoqaBGxHMK8VFPDc+&#10;S6CchurBgQQCCCCLgj2GepI67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WjEXJ+nA95MdYX9cPdC9OHXuuiQPr7pQt17rEWJ/wHtwLTr3XH3br3XBnVPqef6D37r3U&#10;Z5Wb/Af0Hv3Xusfv3Xuve/de697917rGX/p/t/fuvdY/dS1OrBa9e9tklunAAvXvdgnr1Uv6dcSw&#10;H+J/p7sWA6qFJ6xFifr/ALb20Wr06Fp11711vriXA/xPv3XusLN+SffuvdYi5P049+691w9+6910&#10;SB9fewK9aJp1jLk/Tge3AlOPTZevDrh78Xpw68Erx66JA+vtsmvTgFOsRYn/AAHvXW+uPv3Xuve/&#10;de697917r3v3XuuJYD/X/p7917rGWJ/1v6e/de64+/de64lgP9f+nv3XusRYn6/7b37r3XXv3Xuu&#10;JYD/ABPv3XusLN+SePfutgV6wsbm/v3TqinWIuB9OT791brGST9feiade669tl69e64FwPpz7p1Q&#10;vTrGST9T7cj68hr1hdjcj8e3OqsTw64e6F6cOvBK8esL/qPugBbq5IXrj7sVoOqhqnrGX/A/2/tv&#10;pzrEWA+v+29+691iLE/639PfuvdcffunAnr1xLAf6/8AT37qxYL1gkZmFv6n6D37qqtU9cAn9f8A&#10;be/dOdeaRU4HJ/oPfuvdRmdn+p4/oPfiadeAr1w9tl/TpwJ69e91Ck9WLAddEgfX25QL03Ut1jLk&#10;/Tge6F68OrhKcesJcD6cn3Tq/WMkn6+/de669+691wLgfTn37r3WJm/JPv3XusJcn/Ae/de64+/d&#10;WDUHXRYD6/7b37rwBbrCTck/T37p0Cg6xF/6f7f3Rnpw6oX9Osf15PugBbqoBbr3twKF6cChesZf&#10;+n+3926t1j96Ir17rCxJJH4v9PegAvXuuPupf0691xZtPugFevdYixP1/wBt7114CvXXv3ToSnHr&#10;C36j791opU9cffurgU69791vrC5BPH9PfuvdcCQPr70c9e6xlyfpwPdQlOvdcPfmenXusL/qPvwb&#10;GevdcfdSxPXuuBf+nP8Aj78E9evdYiSfr7s1AKde64P9P9j7a6unHrF791sv6dcSwH+v/T37qoBb&#10;rGWJ/wBb+nv3TgUL1x9+6qX9OsbyKnH1P9B791UKW6iMx/JsPfunusRf+n+39+691xClv+K+6s1O&#10;rKteuJsL/wBAfexnpwAL1iL3+nHvfVC9eHXD37qo49e9+6f6970eHXusbsDwP639sqade6fts4en&#10;ytdLLkpZaXA4mnOTz9bDbWlMjKuiLUCpqamR1hgB9JlkTVZAzCw7j17qDuDOTZ/K1GReGOjhYLT0&#10;OPgJMdLTRKI6amiJ9RjghVUBN2a2pyzszHbjr3DpSbDx1DFJkd556lSq29s1I6x6Kcft1+QlLDHY&#10;w/1WoljaWcDkUkFQR6goOkFetHpDZXKV+byeQzGVqpK3JZSskyFfVzfqkmmcySObWF2dieOP6e3C&#10;QvW+l68R2rsOCBA394eybSvGo9cODpqj9lLD1BspkYNZFr+KjiYXSfltjXrXn0eDr3BY3479eUyZ&#10;Uin7H39RTZzcNQgHmxWGoIWqqsKSRolp4D44x/uzIzwpplSMAX06B01/an5D+Z/1fy6QPTHYVL3h&#10;Rb/6X7BnSJt5TVe4tlVAGsUU+o1DUtMDbStGVE0C+kGNJ42azKvuobVg9bcae4eXH7OnfrvdeLwG&#10;/K74x7rhDbOrtowbFcTDQP400M1ZXVEepeBX1tfNHBJyT46NkPF/fgfLrzio1D7fy/4r/L0p9tfw&#10;DHZvKfD/AC88MuMm61SkhyrJbXnZjUZeeeJbqTaKsjlj1E+qjUcaivvY9OtHgHHr/Lh/q+3pf7Lq&#10;drZGlqdsZJAK74vV9FNTvH+uaOn24aeVy5F9ElcKomwIIhhNgSNOx/g609Qaj8X+U/5j0P20qfA1&#10;dKNyYmNpKXes0W+6aRlsqNPjKGlDccK8sChj9blnN/ex0yxIwfLH8+q6vnbuPNyb62ztB6p029R7&#10;Yi3FT0C8K9VUVNbTvO/+rZYqcIl/0Avpt5Gu1KelFuMfn0RIgHg/6/tvPSgGnXAkEEm3pN/dQAR1&#10;s1r1jL3sQP1ek+/ef5dWC06wN9f6+/aqDq3Tvt/A5fdObxe3cDRTZHMZisSgx9FAPU8jmw5NgqqL&#10;szEhUUFmIUEiuWPTtQgqejgdt7gxPQfXq9AbGrYqneGep0r+3t0UfDEyxgjGxP8ArCNG1ivGmnNi&#10;C9TLpdc+GNI/PpPGvjNrPD8I/wAvRH/bHSvrC/6v9b37ppqk9dBiBYf1v791dRTrhq5sP9ifeq9W&#10;6xO3+2Huh7uHXujA/HTpv/Sxuyarz0n8N672fD/Gt65idvFH4Iw0i0gmJCxtOI2Mjal8UCySX1BA&#10;zsUVTnpmeXwxjicAdRvkX3Me2N3RRYSP+H7A2lCcJsnDxJ4o1p0Co1UYQAI3qBGmlbDxwpFHYFWJ&#10;28ms0HAdehi8MZ4nJ+3ou5JP1916e669+69173UrU9e66LAfX/be7AU691iZifrwPfuvdHd6So6P&#10;ofqvO/I7cdPCd152GXavTOJrB6nmmV46nJmJhcxKoYBrgGGOZefuYSXFIRdX7Ok0v6raBw4t/kHR&#10;I6+urMpXVmTyNVPW5DI1UldXVlSxeSaaVzJLLI5uWeR2LMTySSfaUAtnpTw6ifTk+3AAvXuvpd/A&#10;/wD7Id+Gf/iqXXf/ALyGH9xbuH+5Ev8AzUf/AI8epw2n/cWH/mlH/wAcHRrfaPow697917ovXyP3&#10;VkcZsuk2Tttr7x7TyabJwMYNikdQVSuqCfqscdO/jLjmNpkf6KfZntUIeQyP8MY1n8uA/b/g6DfM&#10;940UAgi/tbhhEn2Nhj9gBpXyqD0L+zNrY7ZO1cBtPFLahwGMix0TkANIyL+5M9uPJPKWke31Zifa&#10;GeY3Dl24k16OrG0WwhSFOCKFHzpxP2k5PSm9tdKuve/de697917r3v3Xui29FD+8u7O6uznPkj3J&#10;vr+6uFmP0bHYGEUkMsX+pSd5GJHBLJdhfkmu4/pJFD/Cmo/6ZzXoL8v/AONTXV3/ABy+Gv8ApIRp&#10;BH21/l0ZL2VdCjr3v3Xuve/de6L53d/lO6OgcX5JB5e36fK+KNblvsqCtk1E2Ngmux5HpYn8XBlY&#10;YSY/8LI/aR0Gt/7prNPW5DU/0qMf8vRg/Zb0Jeve/de6Su+sMNxbJ3fgGTyDN7Xr8SE55NRSyxC1&#10;ub3fi3N/pz7et38KRW9GB/Ya9I9wg+pgkj/ijdf2qR0keicv/HOm+tMgWDv/AHOoqGV7g3kpIVpJ&#10;CbFhcvAb/wCN7gHgPbgnhzuP6RP7TX/L0i5em+osYG/4Uo/NRpP+DoWPaPo56KZsukyvX/avcWAw&#10;ST1VPJkafs2m2oDYZDHZZCtc+PQkRwV9BkqeVY/0x1KOtPMVtBLSHU7C5hiZsYMer+Fl4V9QQRX0&#10;4jzBB1ij7beXMceRqE4j/jSQd2n0ZWUgeTA6T+ErM78pFrdr4TufZkdDl6jacUtNn6edX+3ye2q2&#10;8GYx2QiEbSNDTn910kQvTGKdlRZxYV21tLmCSo1cPVXGVI+3+ePLq/Maa4lvoKMY6hwa0eB8OrCl&#10;aDiQRVaHFenjoXf8GQp59gVlTVST4SmNXtOfJurVU2JRxEaOqZXcPkcHIy0tQwJE0JpaxC8dUrmm&#10;422k+IPM0anDV6j5NxHoajy6f5e3ESA2zE1UVjLEFjGDTScnujNFb1GlhUNXox/sq6E/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aL/vJIsW6wv6xl/wCn+392CevXusft&#10;zr3XRIUXJsPfuvdR3mJuF4H+q/3309+691g9+691737r3XvfuvdcC4H05Pv3XusZJP196Jp1sCvX&#10;XtsvXpwJTr3vwSvXi9OuiQPr7vheqZbrGXJ/wHuhevVwlOuHunV+uiwH1/23v3XusTOT/gPfuvdY&#10;i/4H+39+691jJJ+vv3XuuvfuvdYy/wDT/b+3Anr02X9OsfuxYL1UKW699OT7bLV6cC06xl/6f7f3&#10;Xq3WP37r3Xvfuvde9+691737r3XRIH19+691jLk/Tge/de64e/de66JA+vv3XusZcn6ce/de64e/&#10;de66JA+vv3XusTOTf8D37r3WIvb6c+/dXCV49YiSfr791ckL1jcm9r8W9+68pr1j9+6t10WA+v8A&#10;tvbT8eqlgOsRYn/W/p7p02WLdcfbgT16sE9euJYD/X/p7c6c6wsfqTx7aapNOtYGesZf+n+397Ce&#10;vVC/p1hZgP8AE+7FgOqhSesTNfkmw9tEk9OhadYS9/px711vrh791YJXrokD6+/dOUC9Yy5P04Hv&#10;3VC9eHXD37rwSvXRIH19+6vhesZcn6cD37qhevWErdiT9PfurrgdcHABFv6e2n49PKaDrj7sqjj1&#10;UvXr3u/VesDfU/6/tqhY9O1Cjrg36T72VoOtBqnrD7b6c64lgP8AX/p7917rGWJ/1v6e/de64+/d&#10;e64ORYj8+/de6wkgfX37rwFeuBf+n+39+6cCevWFmA/xPv3ViwHWIsT9f9t7902SW66900dXCU49&#10;e9+LU68Wp1xYgA/63ulanqgJY9Yfb3T3XAuB9OffuvdYjzz7ZY1PXuve69e6jySDgLyR+fx7dVev&#10;dYQ3Nz/S3vTAAdWTj14sT/gPbfT3XH37r3XRYD6/7b37r3WJnJ/Nh7917rCX/p/t/fuvdY/ryffu&#10;vde9+691jL/0/wBv7poznr3WFmA+vJ96K1PXusRYn6/7b3YAL17rr3Uv6de64lgP8T7b691iZr8k&#10;2Hv3XgK9YS9/px7906Epx6x3uTzyPr73SnW2bT10zKvLG3vXTeW6jvMW4X0j+v59+6uEp1h9+6v1&#10;jk/Hv3Xusfv3XuuvLpFlFzf6n3UrU9WDUHWEkk3PJ9260TXrr37rXXDWLgDnm1/futjj1yLAfX/b&#10;e/dP9YixP+t/T3puHXuu44pqiWGnpopJ6iolWCCGIFmd3OlVVRcszMQAB9T7aUV690rdzTxYaih2&#10;VQSxyiiqRW7nrYGDLU5JVZPEjr6XpsajtDGQSrytUTKzRyx6XCQvWukhRUdVkaykx9DTy1dbXVKU&#10;dHSwAs8ksjBI40UclndgAPyT7bLaut9LfftdSY6PHbAw9RBU4zakkj5XIUpBSuzEwRa+pVwSJKeA&#10;xrTUzfpaKLzKFM7j3uunA60Ok9s7b6bkz1PQ1M7UeKpYZctuDIqAftsfSIZ6uYA2VpBEhWJCR5Jm&#10;jiHqce6jPW+jbdJ7ex+fzG5PkX2JTRYrYuy1/wB+tjHF4g1FGlPRw06vzLFjIUiggH1lqtFmLxyA&#10;3Gc9NOfwjiego7U7HzO5sPlN1ZZnp8x2rW+DGY4sT9htbFVJNPTLwoKV+VQuzADU9C8n+7iPeia/&#10;n/g6cVdIp/q/1f5+kD08P4ZuWs33PcUXW2Hl3ixJKrJWRslPiqYsGU2qMpUQK63JaIS8EA+6jrx4&#10;fy6Otn9qYTu+t6j+QWCanxsFDXQydpQo4U00eIDVk0jlTr1wGmaBWP7kkUtI4UIvFzmh6aB0VX9n&#10;5/6v8PUiuosX3FW9O/I3AXxb7YybJ2RDAwDwU+JSevcyEFQQPA8XJLSRVUC/pX3s92evDtqvrw/P&#10;H+r8+hg2ZtzA5Pe9X3jhx9xt3tXYOPxlVi47SFq2aeGOUzQj0kR08aLMbegx1DOOW97p59UYmmn0&#10;P8uha2htyk2Vt7b+ysRWy1VHt2hSmm+9bXK1O61AjJ5uqmVbJ9bKhUfS/vYFOm2bUSf2fy6r6+em&#10;OVd47DzYQq9ftqoxbP8A1FHVeYD/AGBrj/t/bUor0pt2oPz6IQ8gXn6n22DXpRo6wE2JYm4I+nun&#10;HpwDrHfiw+l7+7Urx691wLG4VRcnge6Nk9e6PPtiiovir1wu/s9TU8/d+/8AHvTbLwdaqs2GonA1&#10;1U8TX0SkMGkuNROilAUfdH26P0hXzPTObg0/COPz+XRHK+vrMpW1mTyNVPW5DIVUlbXVtUxeSWaV&#10;i8ksjtcs7uxZieSST7YOeltKdQS/9P8Ab+/deBr1iZgPqbn37rfWIsW4+g9+6914mwsP9ifeqde6&#10;U2ytmZ7sLdGH2ftqlNXl81VinhBvoiQeqWomYAlIIIwXkaxIVTYE2Bsq1wOqswQVPl0a3v7emA6s&#10;2bSfGnrOqWSkx5Wq7P3HDYSV+QOh5KVmUnkOimZQW0KsNJqtFMrWmbSNC/n0mhUyHxG/Ieg6I6zX&#10;4H09sqtOlfXD3fr3XRIH19+691jL/wBOP8ffuvdYmcD/ABPupanXuhq6C6kqe4d+UuJqpDQ7SwkX&#10;8d3vmnYRx0uOhOqRTMxCRy1NvGhJ9ILSkFInt6NTKc8PPpuWTwxXz4Aep6cfkX25D2lvSKm2/GtB&#10;15sml/uzsHEU6mOJKOHTGakRG2h6vxKQLArCkMbcxklyQ6z8hwHWoo/DGeJyT8+i9lwPpyfbRenT&#10;vWMkn6+2ya9e6+mD8Dv+yHPhl/4qj13/AO8hh/cY3/8Abyf81H/48epw2n/cWH/mlH/xwdGu9pOj&#10;Dr3v3Xuip9cf8Zc7k3T23N+/tLYXk2F1vfmOWcA/xLJR/QHWJCiOB6o5Qp9UPBzdf4lAsH4n73+z&#10;yH+r0+fQP2z/AHc30l4cxw1hh9CfxMP20B9D8ujWeyboYde9+691737r3XvfuvdB321vAbC623lu&#10;wSLFUYnBynHMxAH3cwFPRjn+tVLGP6/09qrKD6mVU9SK/YMn+XRbvF7+77WWbzVDT/THC/zI6i9M&#10;7QOxOrtlbYkQx1dDhI6jJIQQRV1Rarqwb8nTUTuovzYDgfQbvp/qJnf1OPsGB/IdU2Oy/d9pFEeI&#10;UFv9M3cf5k9Cd7SdGvXvfuvde9+690X7sb/Le8Pj3jOXjpptzbhqkBPH2+KSCBjYf8dangkgcEG9&#10;x7M7Xtt5j/zTA/Nqn/B0HNz/AFL+zT0M7n8owB/NujA+yzoR9e9+691737r3QAfGcfa9WxYG9xtX&#10;d2e22v14WDMVjIt72IVJQosAAoCgcezHdczav4lRv2qOg5yr2Wnh/wC+5Jk/ZI3+fof/AGXdCPoA&#10;uyAdsdrdPb7jHjpctkKrqncEinl48sgqMWrc/pjyVKALi15bXBI9mNr+rDLH6ASL/tcH+R/l0HN0&#10;/wAUvLa4HBi1u/2SZT/ja/z6XGfwkmJnyOZxWOfK4fMwyQ722nAur7uORBG9dSRfRq5IgVliXSay&#10;Li7TxQhmIpNdFJoR8DenyPy9D5H5E9GNxB4RZ1GpWBEsY/ECKagP4qYI/EPmB0S6HbuXx2Nqs/sC&#10;rTI7z6PyEFVS+K7/AMc2vNTtLg60aBreVcQz46pVBqmggaNhJUUtIqHplDHTIKLKDX+hIDRh/vXc&#10;PQn0J6Aq2zxqZLY6pbUgimfFgK1jbHE6Ko1OIFMsq9Hr2PvHDdgbUwm78DKZMbm6MVMSsQXicEpN&#10;Ty6SQJaeZWjcAkalNiRY+w9cQNbOUbiD/qP59SBYXybjCs0fwsK/MHgQfmDg9Kv2z0s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0WCSfr7yXAp1hf117317rC8wXhfUf6/j37r3&#10;UdmZuWJPv3XuuPv3Xuve/de66LAfX/be/de6xFif8B/T37r3XH22X9OnAnr173UAt1YkL1724FC9&#10;Nli3WMv/AE/2/upf06sE9esftvpzr305Pv3XusZf+n+39+691hZgP8T7917rEWJ+v+29+6911791&#10;7riWA/xPuwWvVS1OsRJP19uUC9N1Ldde6F68OrhKceuBcD6cn3Tq/WMkn6+/de669+691737r3Xv&#10;fuvde9+691wL2+nPv3XusZJP19+69117917rGX/p/t/fuvdY/ryffuvde9+691jL/wBP9v7917rC&#10;zAfXk+/dWC16xlif9b+nv3TgAXrj791Uv6dcSwH+J/p791UKT1iJJNz7904KL11791QvXh1if6/7&#10;D20/HrwWvWMkD6n3dRQdOAU6xlyfpx7t1vrCXA+nJ90L0691iZvyT/sPewcV6bKljQdYi5P04Huh&#10;evTyRBeOesJcD6cn34JXj15snrGST9fdjQCnWgK9de2unQoHWMv+B/t/fuql/TrGST9ffumya9e9&#10;+6eChesZf+n+39+6qX9Osf15Pv3VQC3XvfunAtOsZf8Ap/t/furdY7390Zanr3XRIH192Ap17rgX&#10;/p/t/e+vdYWcD/E+6lqdWC16xFifr/tvbZJbpwAL1xP0P+t7tooOq66nrB7b6c66JA+p9+691jLk&#10;/Tj37r3WEuB9OffuvdYmb8k+/dWU06xFyfpx791svXrwQn68D37qnXTgAi39PfunFNB1x9tM1eql&#10;iesZf8D/AG/unWwnr1iZrfU3PuyivV6hcdYixP8Arf09vdW64+2y/p17rG8ip/if6D3UKW691HaR&#10;n4+g/wBSP99z7cChevdcCpFr/n3Uv6dbK0669t9WQefXvfunesbMQSB/t/fuvdYWa3+JPv3XusRJ&#10;P19+69117917rgXA+nJ90L0691jJJ+vuxNOvdde2y9evdYW/Ufew2kU691wJA+vumW691iLk/wCA&#10;96691x9+691ilYAcnm/097C16unUYsT/AID+nt0KB0714Na9vz7o5r1UrXrBISW5/p7p1sCnXD37&#10;rfXvfuvdR3axN/6+/de6wlif9b+nv3XuuPv3XuuJYD/E/wBPfuvdYyWb/ig9+68BXrkE/J/23v3T&#10;gT16x+6lqdOddEgfX22SW690u8UzbRwqbokATPZqKWl2hG36oIQXgqst9bq6MGp6Q2/zwmnVkelj&#10;1+HbnrRz0HRcD6cn3sJXrfQmbaP9zttVe+phpzmZ+429sRGtqiOkR5HLBTyPtYZPt6Z7D/KZWljb&#10;yUjAWPbw61x6CpyQbDjj211voyXWnWmU3QmC6/xyTUuW3+sO5d55WMXOO2zBIslLG4vYSZCoUVIR&#10;wNenHsCFdiLAVx1Vm0iv+r/V/s9CB3fuqi3fuXavx466lp8ZsnaVWmMr6xGvC09Ojfc1E7jl6XFQ&#10;rLJK5/XIJ5W1aY292OcDqqCnceJ6KjvvcVPuXclZW46J6XB0cUWG23RSWvBjqOMQUiMAAPI0SCSU&#10;/V5nkdiWYk0Jr050p80x2p1bt7BD9vK9hZA70zC/R1xtEZqLEROLX0zztWVFr2K/bvY+k+/cB1ro&#10;ynxIyVBjtrbsxe9K4ps3snc1P13isbUX8U2QqcfWNVgWN0EtOaeB2UWLSwBmUBfdkPTcgrSnEZ6X&#10;HR+yanrvc/cnUm9K5o9k7iq6baeKM7aPvpcvSZBqZ6d/0pNU4yB0lC3ImWOPll97UUx1pzqAYfb/&#10;AJ+hm692VvbqXpnN7Lpc1j8vvqno85mtl0aLrVEQqII4kaxmvPMkpuoVZaoRMGUXawBUdNsQ7A+W&#10;K9CjSY7PLu1c5qaL+8PXUOPyMLf5qmyGOqXlpyAy6h5v4vUAiwFoBqUm1t9VJFKeh/kf+K6KF8+s&#10;bJLt/rjMBCYqHMZDGPIA1gauGmlVSf0+oURPPPHH0PuknT9p5/l1WaT6QPz7a6W9cP8AeT7bPDrY&#10;ND1xJtb+l+fdSxPWuje9E9f7f2bt2p+Q/asAXbGAm/34mAnA8mWySlvA8cb8OkcqHxCxBdHmfTDT&#10;sXdjXT3H8umJGLHQOJ4/IdFy7H7D3B2du3Kbw3LUeavyEmmCljJ8NLToT4aWnUk6IYVPH9p2LSOW&#10;kd2LbNqNelMdI1oOkEWJ+v8AtvdevEluuvfunFXT1hb9R9+6t1wJA+p9+6r8XXo1lnljggjkllmc&#10;RRRRAs7sxsqqouSzE2AHJP09+6t0fmIUnxA6sNVKtNL3/wBnYwpTwtodsHjif1lfVZkcXN/TNVKF&#10;tJHSPd/+yHzPSL/cpv6K/wAz1X5PUT1U01TUzS1FRUStPPPMxZ3dyWZ3ZiWZmY3JJJJ5PPtjpb1i&#10;9+691wLgfTk+/de6xkk/X37r3WNyQAP6+6OevdScZja/M5GgxGKpJq/J5OsjoMfRUw1SSzTOI440&#10;X8s7sAP8T70Er1omnR1e3cpjvj11VS/H3a9bTz783bBHm+585Q8lVlRWgxMcv6/GUNiPSDACxX/L&#10;ZFChyIhp8/PpPH+s2s8Bhf8AKeiLFif8B/T2lLV6U9cfdevdcSwH+v8A092C16919MT4G8/Bv4ZH&#10;+vxQ66/95DD+4x3DFxL/AM1H/wCPHqcNp/3Fh/5pR/8AHB0a72j6MOgA+Qe9Mlg9sUGytqvq312d&#10;XjaW3IkJDRRzFUrawkD0JTwyhddwY2kWQcI1jPbLcSOZH+CMam/yD8+g5zLfvbxCCH+1nPhoPQHD&#10;N+QPHyJr5dCfsDZmN6+2bt/Z2KANJg8etK09tJmmN3qKhhzZ6id3kYfQFrDgD2juZzcyNI3En9g8&#10;h+Q6NdtsU22BIE4KKV9TxJ/M1PSw9sdLuve/de697917r3v3Xui3dzkby311P1LF+5TZDPf3/wB2&#10;xi1v4ZiLvFFMPr4q2rOgWH6kHI9mth+hHJN6DQv+mb/MOgvvn+O3FvZjgX8aT/SR5APyZsfl0ZH2&#10;VdCjr3v3Xuve/de697917ov898p8naCMjXTbT6amrA3PoqsnllhA5FgTTUrG4seQORcAzHZaH+lK&#10;B+SrX/Ceg43627AeUdsT/tnkp/gXowHss6EfXvfuvde9+690AvRKtBJ3TRsrp9t3zn5EEn6itVHQ&#10;1uq1hZSak6f9psbk3Psx3DPhH/hKfyqP8nQd5eGn6pfS7m/40Eb/AJ+6Hr2XdCLoIO+sDU5/qbeE&#10;eP8ATl8LQLuvCyqLulXiZUyMPj/2tzTGMf4OR9D7W7dII5lrwJ0n7GGn/L0S8xW5ubOQL8SjxF/0&#10;0ZDj/jtPz6EPbGcp9z7b2/uSkt9rn8LS5mnAN7JUwJMo/wBcB7H/AB9ppozC7IfIkfsNOjK0uBdx&#10;JKvB1Vh/tgD/AJegB7Ax1L1L2Ft3uKg8tNtjNVA2P2Tj6dS0cUeRn8lHlo41BKeLJlfOqAljUSSR&#10;x+WeoeQytnN7EYD8Q7kPrpGV/Zw+z0AoHdxjXZrlL1cRsfCnA4AOaq4HyfjT+IkCpYnLi4qPprsO&#10;JKGWFeqO5cmJsUadlamxW5ZkDJHGRZEoM7Cv7OguqVEYRViiZSdOTfRZ/tIhmvFkH+VfP5ep63EF&#10;2O57T/i9y1Vp8Mc5HAf0ZBw9GFMDoyvsq6FP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Wio8ip9Tc/0H++495MdYX9RnkZ/8B/Qe/de6x+/de697917r305Pv3XusZf+n+39+691&#10;j91LU6sFr1722SW6cAC9e93CU49UL14dcS4H+J9+LU68Fr1iJJ+vtsmvTgFOuveut9cC4H05Pv3X&#10;usTN+Sf9h7917rEXJ+nA9+691w9+6910SB9fewK9aJp1iLE/4D26FA6aLE9cfei/p1sJ69dFgPr/&#10;ALb22TXpwCnWIsT/AID+nvXW+uPv3Xuve/de697917r3v3XuuJYD/X/p7917rEWJ+v8Atvfuvdde&#10;/de64lgP8T/T37r3WIsT9f8Abe/de669+691wLgf4n37r3WJm/JPv3WwK9Yi5P049+6cCU64e/de&#10;L066JsL+/dN5brGXJ+nA9+6cCU64e/deL04ddEgfX37qmW6xM5P+A9+6cC06wl/wP9v7qVqerdYm&#10;a31Nz78SF691iLE/639PbZYt17rj7r17rBIwU/1J/HuwWvTgag6wFif9b+ntwKF6qWLdcfdS/p1Y&#10;J69cSwH+v/T231YsF6xFifr/ALb37pskt11791XriWA/xPv3XusRJP19+6tUt11791cJTj1wLgfT&#10;k+/dX6xkk/X37r3WJmN7Dj37r3XStYWtzf3Vm09e64M35J9+DYz1sCvWEuT/AID3QtXpwLTrj78E&#10;rx68Xpw66LAfX/be7kheqAFusTOT/gPbZavTgWnWEv8Agf7f3Xq3WJmt9Tc+/de6xFif9b+nv3Xu&#10;uB+h/wBb37r3WIKW/wCKn37r3WQAKL/7z7917riX/p/t/fuvdYWa31uT791YLXrEzX+psPbJFT04&#10;AF6wl/wP9v7uE9eqF/Trh72WA68qk566JA+vtupbp3rGXJ+nA920UHXusBW7E/Qe/BqDq4SvXLhR&#10;7oTXpwCnWNm1f7D3rrxFeuPv3W+uiQPr7917rCTck+/de6xSfj37r3WP37r3WNyb2vxb2258uvdY&#10;/fgnr17riWA/1/6e6gFuvdYyxP8Arf09uBQvXusTMRwP9v71QNnr3WL3Y8Ovde+nJ9sde6xM/B0/&#10;0+vvY62Oont4nT0/172yWr1omnXFyQOP6+9oKnrQap6w+9vx6t10SB9T7p17rGXJ+nA9+691gk/H&#10;uqilevdY/duvde9+691wK3Yk/T37q4SvHrxZEHJt/h+ffur1C9R2lZuBwDxYe/dNlievF/6c/wCP&#10;toJ69PdKLbGGp8nU1NflpJYNu4SEV+cqIiA7Je0VJAWBX7qtk/ai4IS7TMpiikIcwOvdNu4MzUZ7&#10;JVOSqI4aYSBIaWipdQhpqeJVip6aEMzMIaeFVRLktYXYsxJLYNT17qVtDbb7ozcOPepXH46CF8ln&#10;ctKCY6Ogp18lVUuADfRGLIv1klaOJfU6g21V4daPXe8typuTMGopadqDDY6ljw+3MUSD9rQU4KwR&#10;sRw0z3Ms7j/OTySyWu/tsmvW+pWwNtLufcEa1lPVT4XExjKZyOjDGWWFZY4oqODSCfusjVSxUkFg&#10;f3ZkJGkNbaivXuHR1t/7ob4+9d1tDHJSJ3V2xqyOaqccNKYuks0McVLpN4qfHQn7ajUG3kEkqnTE&#10;E93J0j7emR+qa+Q/w9E3w7f3V2DmdwPxmt9NLtHAk/rix8RikzFUDe6moLRUaH+3G9Yv4N6DA6e4&#10;9JHZu26neO6sHtqnlWnOWyKU01XJ+inhF3qKmT/m1S06PK5/CoT7qM9e6l9h7lp917uy2Vx8TU2G&#10;jaPFbdozf9nG0USUlBEQfoy0sKa/pdyx+p97PXuhD7Xll2jhuset6aR6Wv2lt4bq3B4SUljzObKV&#10;zq5UgiWioVpY1PBUg2/LN44x14Zqf9WMf4a9WIYvO4zdHUGxO6+w8NXVFfsrBSbwlxtPGGNTV0aT&#10;09PXGMLY3UyVNPqISD7jykjRqDvlU9JqEMVHn/KvTfvjL7qn3F8ae06CleGKuyFNtfduAhfyLTDd&#10;MFBcMeCVp3W5YgXZICbA+6muD/qz1ZQAGX7T+zoR8PWbkx+5e1sLO07UmPz+H3thK+T6PjK5IhXU&#10;kdri8UmKrFA+rGRS1tXu4rU9UNCAfkR+Y/4voIvm/i5Mh03R10em2E3pR5CZgCf2pIKyjte/p/cq&#10;UueeRb8+6ycOr2vxfl/m6qMY8i39be05wOlgap64lgDxyf6+2ur9GD6D6dp+w8lkN1bwqVw3V2yl&#10;/iW7cxUM0azCNfJ9jE49WqRReVk9SRn0kSyRAuRpqyeHTcsmgUHE8B0z989y1Ha24qaHF0y4XYW1&#10;4jitmbdp1EUcVOlk87xJZFmmRF9KgLFGqRLfSzv6R9Z+XXo00D5niegH9t9PKurrokD6+/dOgU6x&#10;Fif8B791vrgSALn37rRFesJJJuffut8OjudG7KwHUOz5Pkh2pR+TwftdV7TqLLNXVrAmGt0ODoW6&#10;kwOwOhA9WFOmnZ3kXQNR/LpLKxlPhr/tj6DopW/N8Z7sXdOY3duSqNVlcxU+aXTcRxIPTFTwqSSk&#10;EEYCItzYDkkkktE6jU9KFUIKDy6R/vXVuuL/AKT7917rD7917riWA/1/6e/de6xM1+Sfejjr3R3u&#10;nMNi+g+uJ/kZvWhgqt1ZqKTE9MbZruGkkmiZXyskYIfw+MtZuLQXIOqpgYOKQg1H8uksh8ZtA4fi&#10;P+T/AFf5+iWZvNZXcmYyWfzldPksvmK2TIZGuqTd5ZpWLOx/AuTwBYKLAAAAe0pNTXpSBTHTUSB9&#10;ffgK9b6xl7/Tj24Epx691w97LU6919Mn4Gf9kNfDH/xVDrr/AN5DD+4t3D/ciX/mo/8Ax49ThtP+&#10;4sP/ADSj/wCODo1FVVU1DS1NbWTxUtHRwPVVVTOwSOOONS7yOxsFRFBJJ4AFz7SKpY0GScDpc7iM&#10;FmNAASSeAAz0Vvp2ln7T39uHvvLwyLiIvLtHqujqFYGPHws8dRXhWsVkq3Z155UvOnKhD7OL5hZx&#10;LbLx+KQ/0jwH5f5uglsiHd7l9xcduY7cHyQEgt9pz+0jo1fsm6F/Xvfuvde9+691737r3XvfuvdF&#10;u6ZvvffHZvccuqSgymSGwtkO36f4Vim0zzxHm8VdWgyf4OjfT6A1v/8AF444PMDW/wDpm8vyHQX2&#10;P/H7ie+PBm8GL/mnHxI+TNn8ujI+yroUde9+691737r3XvfuvdAB1lbMdud9boUrJTQZjEbHoZAb&#10;6Ti8f5KxPr9TU1nP+sB9QbmV32QQp8mc/wC2bH8h0HNq/WvbubyDRxD/AJtpVv5t0P8A7LehH173&#10;7r3XvfuvdAX1HAKbePfUQfXq7QSoP4t5sNjJbW5+ha1/zb2YXp1JD/zTp+xmHQf2VdE92P8Ah9f2&#10;xRnodPZf0IOuEsUc0ckMyLJFKhiljcXVlYWZSDwQQbEe9g060QGFDwPQF/HaWSl6/qtozu0lT1zv&#10;HMbCmdzclKKtkel+vNvsqiHSfytj9D7MNzGqXX/Gqv8AtGf5g9B/lklLYwnjDLJD+SsSP+MkdCfv&#10;Xa1FvbaW4dp5H00ufxU2OaUcmJ3U+Kdfp64JQsi/7Uo9pIJjburjyIP+r7eja/tFv4Xhbg6lfsJ4&#10;H8jnos+3aam3T1HLtveSGPa+Xjn2dvAAXfbO46Cf7WWpQN6YcZJXQLVR3sKKZ0JH2kpFIaykxT6k&#10;+IUZf+GIRWn20NPn9oyFbZReWXhT/wBm1YpPWCZDpJzwUsNQ/gJH4T2iB0X2HmM5S5br3fbaOyev&#10;qh8RmpGvbIwQsqRZGInl/IkkRlP1IlhnKotTGiptxtljIlj+B8j5E+X+r5jy6MuX9ye4DW1x/bwk&#10;qx/jAwGH21FftDY1AdGA9lvQj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tEf3kx1h&#10;f1737r3XvfuvdcC4H059+691jJJ+vvRNOtgV669tl69OBKde9+CV49eL04ddEgfX3eoXqlC3WIsT&#10;/gPbZavTgWnXH3Xq3XRYD6/7b37r3WJmJ+vA9+691hL/ANP9v7917rH9eT7917r3v3XusZf+n+39&#10;uBPXpsv6dY/diwXqoUt14kD6+2i1enQtOsZf8D/b+9db6x+/de697917r3v3Xuve/de66JA+p9+6&#10;91jLk/Tj37r3XD37r3XRIH19+691jLk/4D37r3XD37r3XRYD6/7b37r3WJnJ/wAB7917rCX/AAP9&#10;v791cJ69YySfr791ckL1737pstXr3v3VeuDkWt+ffutg06xe/dbLV69791XrDKwFvyf6e/dOR9Ri&#10;xP1/23v3TnXXujtTr3WFv1H3QKT17rj7coF691wckWt+fbRz17qK/wBf9h7sDpHVlWvWMkD6+6mr&#10;dOYXrGXJ+nHvXVC9euHv3XgleuiQPr791fC9Yi5P+A9+6Z64+/dXCV49e9+6uSF6xuTx/j7915W1&#10;dY/furdcSwH/ABT37r3WIm5JPHv3XuuIYG9vx70Vr17rE/6j7oVqenA1B1x+nJ92AC9VJLdYy/8A&#10;T/b+6l/TqwT16xE2BP190oePV6jh1hZieT9Peut9YS9/px7917rh7917r3v3Xuve/de64FwPpyff&#10;uvdYySfr70TTr3XXtsvXr3UeVwDxybe7oKDqwag6wEk/X3bh16hbrr37pwJTrgXt9Ofbeip6t1iJ&#10;J+vuxIXrYWvXvbZYnp0KB1jMgI9PP+PvRFOtg16x/Xk+9db697917rGX/p/t/fuvdY/fuvde+nJ9&#10;+691hZgbW/Hv3XusZYD/ABP9PfuvdYWa/J49+691iL3+nHv3XuuHuhanXuuiQPqfdMt17rExub+3&#10;FFOvdYi4H0597PDr3WMkn6+2OvdcT9D/AK3vY49bHHrB7u7V6cL04ddEgfX231ShbrEzX/wHv3Ti&#10;rp6wl/wP9v791brGST9ffuvde9+691icg2t+PfuvdYiwH+v/AE9+6910rXvfgD37q6dYnmI4X/bn&#10;37rZf06wgM3J/wBufdS1OqhS3WQBV/4qfbRavToWnWbHY+sy1dSYzH071VdXVC0tLTx/V3cgKObA&#10;C55JsAOSQB7uWrgdb6Um6MnRUtPTbSwdQlTiMRMZ67IQcLkcgV0TVd73enhF4aQG1odUuiOSpmB8&#10;RX/Vx610iGa/JPHtvrfQmbiY7I2xFsuG0e4txR0+Z3xIttUENhPjsOT+pGjDLVVaf8dzBEwD0p92&#10;PaKdaGegq91631Yt1Ds7CdMdbN2fv2FY2pQu4VoJAPNPXtG8OOpo1J5ekincKrcpV1FQ0qr9lDL7&#10;dA0jplyWOkf6v9X+rj0SfNZndPc/YrV1dLHLnN1ZVKanR2K09LETpjjDMSIaSjhF2Y/pRWkck6mL&#10;fxHp0AKKdN2/M5Q5jNpS4VpP7s7cok23tdZBpLUdMzn7h0udE1fUPLVyr9BLO4HAHvxPW+lDtb/f&#10;qdf7u3pIBHk9xluutqFv1BZ41mztUn0/zVA0dLqB/wCU42F1NtjAr+XWv9X+r/V5dNvUG2KTdfYO&#10;Bocp6MBj5JNxblnYHRHjsdE9ZVmQ/wBlZI4fHf8A1Tr+T70oqerfCK+fl9vQy9VdeZD5E9pbj3vu&#10;SOam2eM7LmtxVBJAcySGSDFQSCxLeLSjleY4Re4d4tWx3mvVHPhinn5dDxjPkMK75DP1ktHS/wCi&#10;x1k6uosHTwoYvOhNOtVoQWMMk6GmVRaJaRg5TUpJtqzTrXg0Wv4uNehO2pubJ0XyD7I6y3NSg4XO&#10;0eM3xsdCP2EGOp6KC0It9dVKjX4Cy0j2uWF7A5I6bdewEcRUH8/9X8+nrrTsHL1uxtv1Gfogu4MB&#10;vsdW9gADU6Sxyy0FJzpvKpqK6jZiQBaWR/pe+1bH8utSIKmnmKj/AFfl1N+TGOlzPQ3YkCwuslNQ&#10;xZEKbXC0OQp6l3HDWBigY/8ABTYkfUafgeqQYYf6vLqkxiSLngX4HtGWr0YhadCf091VnO393022&#10;8TqpaCACs3Bm3W8VFSBgHkN7BpX/AExR3Bd/rZFd12iazTrTuIxU9Cl312zgpMXjuluqm+y6y2e4&#10;hqqunYFsxWxtd6maRQvmhWW7A2CzSlpiCog0Xkf8I4D+fVI4/wATcT/LoqjNfk8D2z091iL/ANP9&#10;v791dOsfv3TvXRIH19+60TTrExuf8B9PfuvA16M58fOnsVug5Ls7sh0xnUmxiavMVFUSi5CeIKy0&#10;MRFmZNTIJdPqcukEd5JLo5GlcngOmZpdNFX4jw/z9IXvTuXKdybtbJNE+L2rh0ON2dttLLFR0i2U&#10;MY0tH9zOFVpCL2ASJSY4ktp31n/B1eKMRj5+Z9egT906c64FwPpyfdGenXusTN+SfdVJJ691iLk/&#10;Tj271QnVgdYS4H0590L06vw6Mh8duoMdvzKZPe+/JlxXUvXsf8W3flKkskdS0aiSPHRMvrd5eDKI&#10;7uIyEW0s0N7RJ4hqeA49MzSaMD4jwH+XpI96dwZHuTekubeD+F7bxMH8G2bt6MKkdFj4zaNdCfti&#10;eaweUi4BtGp8UcYWkkniH/B1aKPwxTz4k+p6BUvb6c+9BK8enOsRJP193JC9e697bLE9e64lgBcf&#10;7D3dVp1rr6ZXwL/7IZ+GH/ip/XX/ALx+H9xduP8AuRL/AM1H/wCPHqcdp/3Fh/5pR/8AHB1O7yzG&#10;S3zn8H0DtOpkhrdzquV7BytMecfg42DSISLhZqsgAK31UpGwK1AIWbdGLdTcvwXCD+J/9j/Vw6Iu&#10;YJ23CRNthNDJ3TMPwRD/ACt/mHn0ZDDYfHbfxONweIpY6LF4iijx+PpIvpHFEgRFubkkKOSSSTck&#10;kkn2VSSGVizZJNSfmehRBAtsixoKKoCgegGOnL3Tp3r3v3Xuve/de697917oF++d2V22tgVWPwR1&#10;bt3vWw7F2lApszVmSJh8ikXK+CEvIGI0h1QH9Q9r9uhEsoLfCg1t9i5/n0Rcw3jWtsVj/tJSIox/&#10;SfFfyFT+zpfbH2pQ7G2ht3aONsaTAYqLHrKAFMrqLzTsBwHnmLSN/tTH2muJjcOzniTXox2+zXb4&#10;UhXgigfafM/manpVe2elnXvfuvde9+691innhpYJqmokWKnp4mnnlf6KiAszH/BVBJ97ArgdVZgg&#10;JPAZP2DoC/jhBLN1qm6aqJ4a/sHc+W35XJJ+rVX1svhufzelii/2HA4A9mG6GkugcEVUH5D/AD9E&#10;HLClrXxjxmkkmP8At2NP5AdDz7LuhD1737r3XvfuvdAX1XTsvYXftUSuibflDAqj63iwePYk/ixE&#10;ot/rH2Y3p/ShH9A/8ePQf2haXN2fWVB+yJP8/Q6ey7oQde9+690A2w1/gndfdW3yBFT52mwW/sbC&#10;v0JnpZsdXPb8FqihUn+pY/0FzG4/Ugib01ofyOofyPQe28fT391HwDiKZfzUo3806Hn2XdCHoCMV&#10;DBtjuXd21auKF9v9sYAb0xtJOqmFsjQrFjs3T+NgVkNVSPSTuLENaUt/iYuTNArjjGdJ9dJ7lP5G&#10;o/Z0HoVFpfSQn4LhPFUHhrSiSD8wVJ/PoFO0dsZrrXsDaO8cLUCOCtq49t4bPV7sUhnIf+HUGXkJ&#10;1vSvrloGnLFjRTxSSXqMXFLOYWcy3cTI3l3EDzHmV+f4qeopwY0It2tZNquY54zgkIrk4BzpV/6O&#10;Slf4CCe6MEm+2lueh3fg6XNUSTUzSM9JkcbVACooqyBzFV0VSo/TPSzq0b2urW1oWRlYkc8JgYqf&#10;yI4EHII+0dDSzu1vYxItRxDKeKsMFT8wcH9ox0pPbXSr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tEf3kx1hf10WA+v+29+691iLE/639PfuvdcfbZf06cCevXvdQpbqxYL176cn24AF6bJLdYy&#10;/wDT/b+6l/TqwT16x+2+nOvEgfX37r3WMv8Agf7f37r3WFnA/wAT7917rEST9ffuvdde/de64FwP&#10;pyfdwleqF6dYySfr7vheqZbrr3QvXq4SnXAuB9OfdOr9YySfqffuvdde/de697917r3v3Xuve/de&#10;6xl/6f7f37r3XAkn6+/de669+691jL/0/wBv7917rH7917r305Pv3XusZf8Ap/t/fuvdYWYD/E+/&#10;dWC16xFifr/tvfunAAvXXv3VC/p1737qnXRIH19+691jLk/Tge/de64e/de66JA+vv3XusZcn6cD&#10;37r3UdyDa349+6dQU6xkgfX37q/WIuT/AID3qnn17rj7qXpw6910WA+v+290ALde6ws1/wDAD24F&#10;A691Flfnj+n196oGz1YNQdYPryfeyQBTrwBbr3tnpwKF6xl/6f7f37qpf06x+/dUA1de+nJ9+6dC&#10;06xl/wCn+39+6t1yLAf4n+nv3TIUnrEzX5J9+6cAC9YS9/px791oNU9cPfur9YX/AFf63v3XuugS&#10;L2/Pv3XuuvfuvdYCSfr7Zy3T2F6693CU6oXr1jZgRYc+7EV6qDTrCxABufqPejRR1sVY9YfbPT3X&#10;vfuvde9+6910fof9b37r3WD37r3XEsB/r/090Zanr3WJmJ+vA97C0691gYgnj/W92691jLAf6/8A&#10;T37p9eHWIsT9f9t791vrGW5sP6296PWx12WA/wAT7aCk9OlgOsLsSDc/j6e3QtOmi1euKfpHtp+P&#10;TqcOui4H+J916t1jJJ+vv3XuuvfuvdcC4H059+691iZvyT7917rCXJ/wHv3XusRcD6cn37r3WMkn&#10;6+/de669+691jL/gf7f22E9evdYySfr7sSF691jcm9vxb35Wr17rH7qz+nXuuJYD/X/p7b691jZi&#10;f8B7917rCX/p/t/ditOnAnr1hZgPryfdenOsRYn6/wC29+69117917riWA/xPv3XusRJP19+691j&#10;ckWt+ffuvdYvfuvde96Jp1sCvXHSL3PPtsvXpwJTrG8wXhfUf6/j34JXrxenXAMWAJNz70woetqa&#10;jpeM39zcD+Y92bpx/H4fHYmoT88alqstE39VKUTG+taz0XVadb6Dz34vTh1voRtlUlJhaSt7DzNP&#10;FUUW36labbeOqRePIZkgSU8bKeJKWgX/ACqpHKsFhp2t9ypFBjPWj0HVbW1eRrKrIV9RNV1tbUPV&#10;1lXUMWeSWRi8kjseWZ2JJJ+pPuvW+jC/Gfqsdjb3XJ5WAHaOzymVzUs2kRzTAlqWk9YZWDuhklBG&#10;nwxsrEGRL3Ra9Ud9A+fl1y+Svc/+k3c6YTA1LNsfa0rU+J0k6ayoUeOWubk6kIukF+RFd/S0rqNM&#10;1evRpoGePn0Gu3/9+psvN7sk/by26En2XtZTwy08kYGarVHBsKaVaJDyrGqnsdUJtrh1foNaeCor&#10;KmmoqOGSoq6ydKamgiF2eSRgiIo/LOxAH+PvXXuhH7Yq6agyuK2Hjpo58Z11jBt2SaEgpPk2Yz5m&#10;qBA9QkyDvEjEm8EMPPHvZ9Otqur/AFf6v+L6FzozrrP7h2PuT+CR+DM9mZKPYNBkZA2mjwtK0Vbn&#10;657WDQsftaYc+uRzEPU1xZR1pyFP2Z/Py6G7Jdhbe2ZXP1p1xoTZfSm263d+8Mopv/E8zSqIqCle&#10;RbB7Zueneck2klXxKqRQev2qhoOAyeqhC3c3E4+wf8V0V344RgdkV+9sgoqqXrvaWX3/AJE1J4ke&#10;npXiiDMTcyGoqVcc6iVvzY+24xTPT0uRT1IH8+jo7O7Mp929Oy93RUMWS7O602bkttZEW5aQ/azP&#10;UyovqdJIYFqAbaEZ6lVHB9u1xXzHTDLRtJ4HP+r/AFenQ0YPc20Z63aNRi6RGxfdJqN2wSMkZQ5G&#10;lx+MmiSQAgLMaSikduGbzQsSQfdgR+3pvQRx8sf4f8/Sv3lQpu7r7eWGpyrNnNsZTCWX1aJ3p6ik&#10;dfpy8M4K8D9S8e9kVHVQQrD7R+zHVFmzNnbg7C3Li9qbaozWZTK1AhjBuI4YxzLUTuAfHBCl2drE&#10;gCwBYhSjC1NPPowJ0ip6NN21vTAdLbNl6C6trFmytQrJ2rvKDSJqmoZdM1BHIhuoAJjkQcQxDwEt&#10;K9Q3u7sEGkfn0wimQ6m/IenRJi4H05PtoDpR1jJJ+vvbYPXuuvderpx646gTx+PqffurF6dY2Nz/&#10;AID6e/dNgFuho6P6cyXb25npnmOJ2hgUXJbz3LKVSOkpBqYoskn7YqJljcR6rqoV5XBSNh7uiaur&#10;O/hD5+Q9elX8ge5sZuxcX1n1zCMR1Lsc/aYekpxo/iE8epWrpvyyFmcxavU5d55f3JNMe3fVgcBw&#10;61FFp7j8R49FhLAfX/be2+nusRYn/Af09+691x900Z691xf9J934daPUNmJJH4v70eHXgKdCN1T1&#10;huLtzeeN2dtyK0lS3nyeSkUmGipEI81VMRb0oCAq3BkkKRr6mHvSRajTqsjiMVPQ0/IXtDbtNi8X&#10;0P1RMIus9jyePKZGnYFs5lEa81VPKllnhjmuUIGiSQmRQY0p9Dkue1eA6bijNdbcT/IenRSCxP8A&#10;rf09tgBen+uPupf0691xLAf4n+nuoUnr3XDluT+ke3QtOvdcSbn/AHr3vpxUpx6+kj8V+wMT1l/L&#10;o+Iu7Mr+79r8TOuafGUCmz1dZLs/ECnpo/qbyOLsQDojV5LEKfcaS2zXd3Ig/wB+PU+g1Gp6lz95&#10;JtO3RzP5RRhV82YoKAfb/IVPl0OnRHX+W25iMpvTehNR2P2HUjObmnl/VTRtc02PQH/NpTxt6kHC&#10;sfGCUijtTcrlZWEcfwJhfn6n8+q8vba9qjTz5nmOuQ/wjyX5UHl+XkOh69lvQi697917r3v3Xuve&#10;/de697917oteGZe0e9cpn+Zto9KQybawrH1RVG4Kxf8AcjMt7qTj4AsJBF1kKSK1j7NX/wATtwv4&#10;pe4+oQcP2nPQWgP733BpOMdqCi+jTMO4/wC1GPtoejKeyroU9e9+691737r3XvfuvdA737m6jC9T&#10;bvFBdsrnqJNpYeFDZ5KnLSpj0EZ/1arUM4/ICEj6e122xiSZa8AdR+xc/wCTok5inMFnJp+JwI1H&#10;mWkITH7a9CNtnB0+2duYDblJb7XA4alw1OQLXSmhSFT/AK5CXPtLLIZWLHzJP7TXo0tYBaxJEvBF&#10;VR9igD/J0+e2+n+ve/de697917oD+oDJPuPvOueRJFk7cmoF0fUfa4jEpY244VlH9bg359mF9hIR&#10;/wALB/azdB/ZKtLdsf8AlJI/3mOP/P0OHsv6EHXvfuvdANnlGH+RfX+T+g3l1vmtpNZTYvjaqjyk&#10;VyOLhJZdN/xrtyT7MY++1cfwurf70Cv+boPXA8Hc4X/35BLH+aMsg/wmn59Dz7LuhD0CPeKy4bC7&#10;c7Io0LVnWO6abcNXovrfFVF8fmIR+ADQ1TSkn6GFTzaxMNv/AFGaI8JFKj/TDuX+Yp+fRBzBWCNL&#10;peMEiufnGexx/vLE/l0J25duYXem3MrtrOU0WQwueoGo6qP0m6OLpLExDBZYmCyRSDlJFV1IZQfa&#10;SKVrdw64INR/q/w9G11bR30TRSCquKH7D5j5jiD5Gh6Kf19vmv2VurK43ddRbIYvJRbS7MdgUSpa&#10;L7emw28Ylcmwqqaekp8pZjoE1HVPoRSvs4ubcToCnAjVH8uJZPyIJX7CM9A/bb9rGZlmPcrCOf8A&#10;pEUVJxX1BUSfarGg6Oh7Iuhz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WiGX/A/2/vJjrC/&#10;rH7qWp1YLXr3tupbpygXr3u4SnHqhevDrgXA+nJ9+L068Er1jJJ+vtsmvTgFOuveut9cC4H05Pv3&#10;XusTN/U/7D37r3WIuT/gPfuvdcPfuvddFgPr/tvewtetFqdYixP+A/p7dCgdNFieuPupf06sE9eu&#10;JYD/AF/6e2+PTnDrGWJ/1v6e/de64+/de697917r3v3Xuve/de64lgP8T/T37r3WIsT9f9t7917r&#10;r37r3XEuB/iffuvdYiSfr7917rr37r3XAuB9OT7917rEzfkn/Ye/dbAr1iLk/Tge/dOBKdcPfuvF&#10;6cOve/dNk169791rrgX/AKc/4+/de6xEk/X37r3XvfuvdYy/9P8Ab+/de6xMwH1Nz791YLXrEWJ/&#10;1v6e/dOBQvWJ2Itb8+/deDV6xe/dW697bk691jZiDYf7f35Vrnr3WP2517rg/wBP9j7ZY5691Ff6&#10;/wCw9+DU6ui16wlwP8T79pJz1YtTrGST9fdemya9de/da64FwPpz7904i06xkk/U+/dXJp117902&#10;Xr1737qxenDrg/0/2Pv3VKFusXv3TirTrGX/AAP9v791brH9eT7917r3v3XusZf+n+39+691hLAf&#10;6/8AT37h17j1iZifrwPfuvdYi/8AT/b+2y/p04E9esftvpzr3v3Xuve/de64lgP8T7917rEWJ5J4&#10;9+4de6wlyfpwPfuvdYS4H+J9+691jJJ+vv3WwK9YnYjgf6/v3TgSnWP37q/XRIH19+691gJ5J/xv&#10;7917rgXt9OffuvdYifqTz70TTrYFevBiVH4Htp+PTqcOve69W66LAfX/AG3v3Wi1OsTMT9eB791Q&#10;NU9YS/8AT/b+/dOdY/fuvdY3/Hv3Xusfv3XuuJYD/E/09+691iLE/X/be/de669+691xLAf4n2y/&#10;Hr3WFm/JPvQz17rEXJ+nA930UHXuuHtvr3XFiAD/AK3vYx1tRU9RnJA4/r72zV6f6xe69e697917&#10;rG5P0/FvfuvdY/fuvddFgPr/ALb37r3WFmv/AIAe/de6xF/6f7f37r3XSta5PJPujDV05H1hkdmJ&#10;X8f0HvYUL1piSaddBP6/7b3Uv6dbCevS223j6KipJ93Z2mWpxGNn+1xeMl4XJZDSHSmPIY0tOrLL&#10;VleRGY4dUb1MTio9T1f5dJHI5Gty1dWZTJVMlXX19Q1VV1U36nkclmY2sBcngAAAcAAAD34tXrfU&#10;zbmCr90ZqiwmN8aTVTM81VUHTFTwRI0tRVTv/Yp6WBHllb+yisfrx70BXrRNOnTfG4qDK1tHisAs&#10;kW1Ns0xxW3YpV0PMurVUV9Ql2tV5Ca8sguSi+OAEpCnvxNevAdMG3NvZjd+exe28FSPW5bMVi0VF&#10;TrwNTfVnb6JHGt2dzwiBmJAB9+Ar14mnRze5dzYno/rnH9B7Fq1kz2RpfvewM5BZZG+4RfKh08rN&#10;WgKoBJaKjSOMl/IHDjduOm0Gs6v2dEswGFrdyZvFYDHKhrctWpRQNMwWNNZAaWVzxHDEl3kc8Iis&#10;xIAPtsCvTvTxv7O0OYza0+GaT+6+26KPbe2FkBUtSUxc/cOlzomr6iSWrmFyBLO4HAHvx62BXpQ9&#10;W6cH/ePs2qRTDsShU4ESC4lz1drhxSgEFT9oVlrTyLClA/tAe/DGetlPL1/wdBtiMTmN0ZqixGKp&#10;arK5rM1q01LTx+uSaaVvyzH6kklmYgAXZiACfeuPTjNp6sI7b7CoPj11ltzp/ZtZC2/n24lHmcvQ&#10;n1UEU5aarqEawaOprqiSRoBxJHGRMxVlgL3dtIoOPTCL4h1Hh0UKNv7t9H1M7B48h2hvFaVCx/Vi&#10;sAiyyEfkrPlKyMc8XpT+Rw2q6R9v+Tp05b7B/h/1fz6UOzz/AHW+PHae52UJWb73LjeusVMeGWOn&#10;DZKvCjglJoSqMfpdbfUEe7A468csB6Cv+TodfihmMDsvZHn3NFDJTdudlr17HDU8o0MOLndXdW9D&#10;QyVdUtMwPN5bkED3ZSB+Zp01MCxx5Cv+r9nRrNqbR2xgYNu9PQ1TPkuvZafsXb8srXl+1mzOUQHi&#10;xLLTM9PKTZW89hcXtYADHpnpO8hpq8j2/nToZcNU4+sx1NkMY0b43LRDL0TxiyslWBUGT/XleQuT&#10;+Sx9u6SRXpsofPiP8nVbe9crtn4nbXyuy9kVkWT7g3ijvmtxpYth8dJIz08MVwdEphI0LcM0n+VS&#10;WVaaP2lY+Fgcelq1mNTw8h69EAmmlmdpJXeSSVjLLJISzMzG5ZmNySTySfr+fbB6UdYfeycU69Tr&#10;3uvHr3XRFxb37r3WIkWsPp+ffurqtePS/wCsOtdx9rbuoNpbbgLTTkVGSyDi8NFSKyrLVzm49Eeo&#10;ALcNI5WNbsw93RDIaDqzsIxU9D73f2dtvZ+2I/j907OF2ri3K773TTt+5ma4aPOglUnVAJEtKwJW&#10;QqsMVqeIeW7sANI/b69MxRljrfj5D0HROfbPSnrC36j7917rgSB9ffuvdcdV/wDBR9T7117rC8gv&#10;x+PoPesk18uvdOGCwWX3RmsZt7A0M+TzOZrUoMdQUwu8kshsByQqqPqzMQqKCzEKCRcCvWidIqej&#10;l9j5/EfGrr+fpTY1dBV9obrpEqO2t4UR9VLHLHdMXSSWDpeOQj8FImaQgSVA8LzHwhpHE8T/AJOk&#10;yDx21ngPhH+X/V/xZFfaZm09KuuiQPr7by3XusZcn6cD3cJTr3XEC/u/VtPr14n8D6D3omnVxROu&#10;Ucck0kcUUbyyyuI4oowWZmY2VVUXJYk2AHJPtosT1QsT19DT4H7U3F2V0f8AFWp3rjKrE7Q6F+P2&#10;ydlYjblcF/yvceM2ziqTI1coUskiUNVAVQgldSxhSD9wpBO5ONvMiL8cjMWI/CpY0H5/6vLof7JC&#10;2/NFLIP0bZEWNTweVVALfMAjH5f0h1aT7DfQ/wCve/de697917r3v3Xuve/de6CvuTfNTsLY9bX4&#10;iI1W6szURbZ2Zj4wGefKVpMVMERvS/i9UxU8MsZW9yPayxtxcyANhR3MfRRx/wA3RRvm4Hbrcsgr&#10;IxCRL6yNgfs4/l059W7Gh672PhNsiUVVfBCa3O5Eks1VkKgmasqGdvW+uZiELXYRqik+n3S8uPqp&#10;C/lwA9FGAOndo28bZbpFxIFXP8Ttlj+3+XQg+03Rl1737r3Xvfuvde9+690AXYZ/vV251JsRB5aX&#10;b89R2xuCMAehcepo8S17/RshOxt/WMEci6mVr+jDJJ5tSNfzy38h0Hdy/wAbvbe38kLXD/LR2p/x&#10;on9nQ++y3oRde9+691737r3XvfuvdAf0WnkxvZGTAXx5rubctdAyoU1Rx1ookY3JLErSck259NgA&#10;PZhuOCg9IkH8q/5eiHYO5Zn/AIrmYj7A2n/n3ocPZf0fde9+690A/bwGP3n0LuMCz0fZr7c1jkhc&#10;xichTMOEY2Zo1F7gAkX/ANUpjZd0cyeser/eWB6D29Dw57SX0nKflJG6/wCToePZd0Iem3M4qjz2&#10;HyuDyCeWgzONnxVdHx6oaiJoZV5BHKOR7vG5jYMOIII+0Z6anhW4Ro24MpU/Ywof8PQadG5asyHX&#10;OIxmWcvndmVFTsLPFv1fc4ad6HW3JuZ4Io5r3N/Je5+vtVuCBZSRwajj7GFf8tOirYJmktVR/jiL&#10;Qv8A6aIlP5gA/n0hu49nY8bqwG5Zlhpcbu5U2BuXISIJI6eqmEyYOunhvGs9NJLUz4yrRnXzUuQ8&#10;RZQAyqbGc6Cnmveo9RjUPtwGHoVr0X75Yr4ySmgWT9GQ0qFY1EbEYqKsY2Fcq9OlD0xuzIyJl+tN&#10;1rPT7v2Ey0yrVyeV6vGGy0lSs7BGqjCLRPMVV5U+3qZUieq8StX8IxKnwv6Yo3mKeXrT7QK0r0q2&#10;O8Y6rWaokhxk11R/hNfOnAniRpYgFqdDr7LuhB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of+8ki&#10;xPWGoUDr3vYT160X9OuiwH1/23u5IXqgBbrEWJ/wH9PbZavTgWnXH3Xq3XEsB/r/ANPfuvdY2Yn6&#10;8D37r3WEv/T/AG/v3Xusfv3XuvEgfX3sCvWiadYy/wDT/b+7hPXqhf06x+7FgOqhSevEgfX20Wr0&#10;6Fp1iL3+nHvXW+uHv3Xuve/de697917r3v3XuuiQPr7917rGXJ+nA9+691w9+6910SB9ffuvdYix&#10;P+A9+691x9+6910WA+v+29+691iZifrwPfuvdYS/9P8Ab+/dOBPXrH9eT791YkL1737pstXr3v3V&#10;euJYD/X/AKe/de6xFifr/tvfuvdde/de64lgP8T7917rEST9ffuvdcG4U+/dWXJ6w+/dXLU66JA+&#10;p9+6plusTNq/2Hv3Tirp64+/daL066JA+vujivXkNesLG5J92AoOr9Yy9vpz7qXpw691hZvyTz7b&#10;Jr1sCvUWViSB9OPoPd0Hn1tu3HXEJ+T/ALb35n6r104AIt/T2317rg30P+t791scesHv3Vy/p1xL&#10;Af6/9PfuqhS3WMsT/rf09+6cC065F/6f7f37qoT16ws4H5uffunOsRYn6/7b37r3XXv3XuuJYD/E&#10;+/de6ws35J496Jp17rEXJ+nA9+Br17rh7317rC/6j7Zfj08nDrj7r1br3v3XuuiQPr7917rEXJ/w&#10;Hv3XuuPvTGg691wd1UG55I4HtoVY9e6iFif8B/T2917rj791ZVr1xLAf8U9+6dAp1iZr8nj37rfW&#10;Iv8A0/2/v3Xusfv3XusLEkkfi/09+4de49cfbZf06cCevXR+h/1vdBx62zAY64qQFF/e349eU0HX&#10;Ev8A04/x916qX9OuHv3WgpPXF/0n37p0ADrD791vrgXA+nJ9+691iZvyT/sPfuvdYi5P04Hv3Xuu&#10;Hv3XuuiQPr7917rEXJ/wHv3XuuPtlsnr3WJ/r/sPdlag691w91LV691jL/0/2/uvTgT16x/Xk+/d&#10;OcOuD/p/1j7917rF7917riWA/wBf+nv3XusTNfk8e/de6xF/6f7f37r3WP37r3WOT8e/E06swoB1&#10;j9tF68Oq9dXBv/h9ffgdPTkfXjYcni/vWW6c6etvYWXcGQNN50oMfSQNkMzlZgTHSUkZHlne3LEX&#10;CxoPVLK0cSXd1BuEp17rluXOR5iqghoYHocDiYP4fgMa5BMUAYsXlK+l6qocmWdxYNIxChY1RFox&#10;qetDpKkk/X3XrfQnZL/fi7W/gCWTdm8aOGt3LILiShxb6Z6TGf1SauslVVD6iIUsJIJqE924daGe&#10;gq0kC5491630e7YOJx/xq6wn7T3TSQzdk7zozQ7LwdV+unilQOnkjuGS40zVJuCsfip7xyyMGdA0&#10;CvTLfqHT5efRH8vlsjncnkM1l6uWuyeUq5K6vrJzdpJZGLOx+gFyeALADgAAAe2uPTwHS5xTDaOy&#10;chuJv289vVJtt7aP0eLGqTHmK1COV+5NqCM/R0auUfo924Dq6jPQUuebf0916cAp0LvYqna2E2p1&#10;bACtZiIv7z7zReS2byUcZFM3+ONxywQW/sztUj8+7H06qprU/s/Lo4nTvXuL+P8A1/ne29706HfP&#10;92ZsrjsLVcPQ0z6IoIGU8x1ddUSxRyE2aMOIQFInvdQFFT0ldjMaDh59V2ZnMZndmdr81lqmfKZv&#10;OV7VVXO/LyzSt9FUfQXIVEUAKoCqAAB7ZLU6VJw6EfuioSi3DiNjUzR/Z9a7apdnOIj6Gr0DVOXk&#10;+pGpsrU1C3vyqL+B7rKc09OtR5FfU16U3cB/u11v0j14lo6hdsz9h5xB+pp81Oz0olH9mSnpYilr&#10;AhSL/g+9sdIA/wBWetJkk/On7OsPa877d6z6B2jDrp6tNsVnYVQ8Z0uzZmtL0kmoWKmOGmspFuOe&#10;Tz78wwP2/t68mSx+dP2D/Z6s5qNvNX7w2Hv1MkqZ7YtDVbX7ESlW5mp6rDCu8EwB1FoK16aojRQ3&#10;ExP9LKivAj7D+Y6TYoR5E1H7ehL27hI9vYqLEwStLTU1XVSUStwIoJ6qaeCmQXNo6SKRYY/9ojX3&#10;tTpFOmXk1dUyfKXENhu99/w/umOtrqfLxSSknUKuipqh7E/2Uld0A/AWw4HtFKO49L4TVR/q4Y6L&#10;8Tf3Q9OjHXDV6re9dbrinXZH1/x/3v37rXXbEWNza49+690+bN2huHf+5MXtPa9C1dmMtP4YIwbI&#10;igapJpnsRHDCgLux+ig2ubA7A1YHTxYKKno23ZO89vfH3ZtV0d1ZXLV7yyaj/Srvymusqz6FDUFJ&#10;KulkKgshUG1PGWX1VMs7Rus3hjSPzPSdFMp1nh5DojpIH19s9KusZcn6cD37r3WFmtwPr7917rH9&#10;Tcn37r3WJ31cDhR/T37r3XUcck0kcUUbyyyuI4oowWZmY2VVUXJYk2AHJPuuqpp17o9WPpcf8Q9h&#10;rn8pDSVvyG37jGXA4yoVZV27jpfS1RKtyoqW0sCb+uQCFVMUVQZVQ/RFfxH+XSY/4wafhHH5noil&#10;dXVmSravJZGqnra+vqXrK2tqmLySyysXkkkdiWZ3diSSbkm/tP0o4dQS/wDT/b+9Fa9eDV6x+99X&#10;C1697904AF65EgCw/wBifbbP6dNlq9YywH+v/T3UKW68FLdG66R2zh+sdo1XyS7EoYqmHGztQdQb&#10;WrBb+K5kawtaymxNHQMjEMP7aPIpV4YxIoRRGNR/L7emJjrPhr/tj6D/ADnr6E3wgyNRmvhh8Ss9&#10;WrTjI7i+Nex9yZZ6aNIkkrcjtnGVtZN44wqK09VPJI1hyzE/U+4q3Ji9xKTn9R/+PHqctmjWK0hV&#10;RQeEnD5qCf2k1PRovaLoz697917r3v3Xuve/de697917os+2rdu9wZDe8n7+xeppZ9s7L/MVbmZA&#10;q5LIqblJI6VQIYmFwTolQhlYezeX/EYBH+OSjP6hfIfnx6Ctr/u6vTccYreqRejSn4m+dOA/b0Zj&#10;2UdCrr3v3Xuve/de697917r3v3XugD6iLbr3Z2f2jLaWkzOfGytpS/VTisGXgaaFrkiKtyDzORxd&#10;kBsOPZle/opHD5ga2/0z5/kKdB3Zf8cmnuzwZ/CjP/C4qio+TNU/l0Pnst6EXXvfuvde9+691jll&#10;jgikmlbRFDGZZHP4VQSTxzwB72BXHWmIUVPl0DPx3gkj6e2hVzR+OfNpW7kmuBcnJZCrrlJIVbnR&#10;UKB9fSALkAErtzP67D0ov+8qB/k6I+WlpZRk8W1Of9u7P/l6Gr2g6Peve/de6Aj5BAQbY2bmCUA2&#10;921tnM6pC1hpykMJJC8sLTkEf0uRyB7Mtsy7L/FHIP8AjP8AsdB7mPtijf8AguIGz8nA/wAvQ7+y&#10;3oQ9e9+690CW0/8Aft9zdk7YA8dFvHE4/s3FRJYIJ1UYfLED/Vu9NSSN/UyXJ5AC+b9WBH81JjP2&#10;fEv+E/s6IbP/ABW+ni8pVSdfSv8AZv8A8dU/n0JO8Ns0W8tr53a+QZ46XN46SiNREbSQyEXhqIj/&#10;AGZqeYLLGfw6Kfx7SwSmBw48jX7fl+fRpe2i30LwtwZSKjiD5EfMGhHzHRfXptw7s2vtvtDC0iHu&#10;Tq2pn2/ufFQ3X+KGgkemzGIewF1ro9VVQkqwR5IGAGsupnqWF2hY/pSUKn+HVlW/Lgfz6DemW9hS&#10;7Qf4zbko68PE0HS6f7YdyehI9a9GK21uLE7uwGJ3LgqpazE5qiSvopxwdLjlJFuTHLEwKSIfUkis&#10;jAMpHsrliaFijcQaHoTWt0l7GssZqrAEH7f8BHAjyOOnz230o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t&#10;D8kD6+8lgAvWGJJbrGX/AAP9v7qX9OrBPXrH7b6c66JA+vv3XusZe/049+691iZwL/k+/de6xEk/&#10;X37r3XXv3XuuBcD6c+7hK9UL06xkk/U+74XqmW6690L16uEp1wL2+nPunV+sZJP19+69117917r3&#10;v3Xuve/de697917rGX/p/t/fuvdY/fuvde+nJ9+691jL/wBP9v7917rH7917rokD6+/de6xl/wAD&#10;/b+/de6xM4H+J9+6sFr1iJJ+vv3TlAvXXv3VC9eHXvfuqddEgfU+/de6xlyfpx7917rh7917rokD&#10;6+/de6xFyf8AAe/de64+/de66LAfX/be/de6xMxP+A9+6cK0HWEv/T/b+/deCevWMkn6+/dWJC9e&#10;9+6bLFusZf8Ap/t/furBPXrCzAfXk+6lqdOdYmYn6mw9tlq9e49Yi/8AT/b+69OBPXrH791YsB10&#10;bDk/7f37pomvWMv/AE4/x9+611iZrf4n37r3WIsTyTx7917rCXJ+nA9+6dCU49cPfur9e9+60TTr&#10;EXJ+nA9+631w9+6910SB9ffuvdYmcm/4Hv3XusRe3059+691iJJ+vujCvXuve7AU69173vr3WF/1&#10;H2y/Hp5OHXH3Xq3WMv8A0/2/v3Xusfv3XuuiQASTYD37r3Ud5vwn+3PvxFevdYPfuvddEgfX37rw&#10;FesZe/049+6eVdPXD37q3WJ/qP8AW9+691w9+691wLgfTk+/de6xHnn2yasenhRR173XqhevWNnF&#10;iBz+Pbip1TrH7q/HrYBPXvdenQoHWMv+B/t/fuql/TrGzfk3Pv3WlqTXrCWJ/wAB/T37p3rj7917&#10;rG/49+691j9+691jL/0/2/v3XusfupanXuuiQPr7bJLde64F/wCn+396Ip17rCzgf4n3rqwWvWIs&#10;T9f9t7906Fp11791vrgXA/xPv3VS3l1iZvyT791brEXJ+nHv3XuuHv3Xuscn49+691j9+691wLgf&#10;Tk+/de6xM35J9tEFj1vj1hLE/wCA93Cgda68Gte3596w35dOR9Z6SkqshV01DRQTVdbWVCUtJS06&#10;l5JJJGCpGii5ZnYgADkk297qF6c6WG4qulwmP/ubiKiCoWKoWp3VlqVgyVlbHcJBDIDZ6Gg1MsZX&#10;0zTGSe7J4PHRmrjrXSCL/wBP9v7p1voQtl4+ixdHVb/z9JFWYnCVIo8FjKpQ0eSy+kSQ07qf10lI&#10;hFRV/goI4CQalD7sB59e6QuSyNblq+tyuTqpa3I5Gqkrq6sqDd5ZZWLySOfyzMxJ91690aH429U4&#10;7Mz1vam+Vhpdg7K116tXA+KqqaYeVmZbHyU1IBrcWPkk0RaXHkX3dFrnpuRqYHE9BB3N2pke2N6V&#10;u4KnzQYmmvQbcxch/wCA9IrEprALL9xMfXMwJ9R0glEQDTNq6cjjoOkFtfAVO6s7QYWCaOlWpd5q&#10;yumB8VLSwRvPV1ctrnxUtNHJK9udKG3NvegK9OmiDqVvjcVPuDOPLjYZKTAYynTB7YoZbaoMfTXW&#10;nV7cGaW7TTN/bnllf6t78eqaqD/D0/dVYyh/jVdvLO0y1W2uvqH+8+Tp5f0VNSriPGUB/B+9yDRq&#10;y/8AHFZmtZT78Otk4p0YPqHZ+OwmPy3yY7paWaijrpMvtjG1QBnymRmkeRaoRNYOXnv9upspYNO2&#10;mGNWa4FBqPTLMW7B/wAUOkz3d2RuDM7Fw4z0rQ7h7Xr133k8cjNoosDSGWn2/jo1NgYJHM9ZqsC7&#10;sspJLsA1I+Ptz+XTkaeXkMfn59A/0zQ0km8huXJRJPhuvcVUb+ykUttEn8OUSUlOb8H7rINTw25v&#10;rPB+nuqLmp+3pxzig88dJfa2KyPY3YOExNRK89fu/dEUVfVN9b1dQGqZ2tzZVZ5GtzYG1z7qRVut&#10;k6B9g6W3dmWfffde5YMOqNA2fi2bt+CDmPxUfjxsAitf0StFrFv9Xx9fdm7mPWoxpUV/P889LntC&#10;Cl3L8mMFsvHsJcVh85t/rqhH+ogpBSU9QD+qwjmaa9r/AE/J92buanpTqqGiV+0/5erCusNu5jbu&#10;8uz85uHMxpL2HuebMbd2w5GuKgxsv2C1xBY+urjnprqP0R/bhz5HMcb6ihPz6TPRgB6DoS9pNuOo&#10;xWMn3LNGMvRrW4vKLTp44qmSGsMENaicaFnhp/KqgAAT24AA97Hz6ZkABxwx/g6rW+duEek7K2xn&#10;QmmmzOzlpNfPqno6qo8nP04iqYRb/io9p5sGvSu1NV/Poj1x+f6X9sdKesS8kn6cE+/de68Wsthy&#10;R+ffuvdOuAwOa3Vmcdt/b+PqctmcrUikoKClF3dzz+bKiKoLOzEKigsxCgkbArgdaJp0cvc2cwXx&#10;U2hVbC2XW02V7r3Xj1G+N3U5B/g0Mihlo6RhzHL6rpyGuBUyAH7eNHifCFBx8+qKpnOpvhHAevzP&#10;RE5Z5JpJJZHeWWVzJLLKSzMzG7MxPJYk3JP1PtjpZ1g9+69176cn37r3WFuSSPfuvdYmYAEfU/T3&#10;7r3WL201Sade6O11rtTAfHzZtJ3n2fjo63emVQt1HsGt9MjSWQrlKhQSYxEsgcalHhQqw/yiWAI/&#10;Gnhdx4+Q6TSEynQOH4j/AJOifbv3dnt77jyu6tz5CXJ5vM1Jqq2qk4F+AsaKPTHFEgCRooCogCgA&#10;D3omvTuIxQdJckn6+9dVy/XXv3SlItPHr3uhenDqxenXRIH19+Nfz/wdUy3WMuT9OB78Ep1cJTod&#10;eiOo6fsjN5HM7prDgusdj038b37uKQlFSnQFlo4Hsb1VXoKqBdlXUwDPoR3E7vsHE9NTTeGKDJOB&#10;9v8AsdN/ePbs/a26IJqKlGE2RtijG39g7XgASKix8ICR3jUlBUTKimQi9gEiBKRJ7akk1n5eXVIo&#10;tI9Sck+p6+jf8Cefgv8AC4/+Andc/wDvH4f3F1//AG8n/NR/+PHqc9pxaw/80o/+ODo2PtJ0Yde9&#10;+691737r3XvfuvdAZ3du7LUOOxPXuzZAd/8AZNS2DwxW/wDkVHpvkMnLp9SR0tOW0sPUGOtA3jYe&#10;zHb4FYmWT4I8n5nyH5noP7/evGi20H9tOdC/0V/E59AB/Phw6EvZe0cTsTa2E2lhIvHjsJQrSRsw&#10;9Ur/AKpZ5LcGWeVmke3GpjYAWHtJcTtcuXbiTXo1sLJNvhWGP4VFPtPmT8ycnpUe2elfXvfuvde9&#10;+691737r3QW9ybqrdp7Ay8+Hu+5s48W1NpQIbPJk8k4paXx/1aEuZv8AgsZ9rLCETSgN8I7m/wBK&#10;uT/m6Kd7vGs7ZinxvSOMerudI/ZWv5dKjY+1aLY+0NubSoNJpsBiIcd5VFvLIijzTkc2aeYtI3+1&#10;MfbNxMbh2c+ZJ6VbfZrYQJCvBFC/aRxP5mp6VXtnpZ1737r3XvfuvdBz2/mRt/qzsHLawklNtCvS&#10;lY8/vy07w04t+bzyIP8AY+1VjH4syL/SH7K16LN6n+mtJn9I3p9pBA/mR0oNlYQbb2dtTbwUJ/At&#10;t0OIKi/1pqaKE8nkklOSeT9Tz7ank8V2b1Yn9pr0psYPpYI4v4ERf95UD/J0pvbXSrr3v3XugG+S&#10;7PF03uOpiRWqKPL4Krp2KhtDpn8WdYBBtZb3/wBpJB4J9mO05nUeocf8YboPc04sXI4hoSP+c0fQ&#10;8+y7oQ9e9+690CfZI/gfYHTW8l9ER3LVdfZVlNi0GcpGNMH/AAVXJ0NNa/8AaewtqJBha/qRSx/0&#10;Q4+1Dn+RPRDun6FzbT/02hb7JVx/xtV/b0Nnsv6Pugah/wB+d3HPT2MeE7axJr4QL6Ez2HiWOcAf&#10;pV6/EeNv9qNC5+pJ9rj+vB84zT/aMf8AI3+HojX/ABK+I/DcLUenjRih/wB6Sn+8HpPHInqLswY2&#10;qd4+ue18jJXYyaQ/tYrcbkNVU4J/RS5gH7gLchagVEgVI/K4d0/WxVHxxih/pJ5fmvD7KefSbxP3&#10;Ld6D/Y3BJX0jm8x9j/F8m1HAqejDeyzoS9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WhwST9T7yRJr1hsBT&#10;rr3rrfXAvb6c+/de6ws1uSbn37r3WIsT/gP6e/de64+/de66LAfX/be9ha9aLU6xFif9b+nt0KF6&#10;aLFuuPupf06sE9euJYD/AF/6e2+nOsZYn/W/p7917rj7917r3v3Xuve/de697917riWA/wAT7917&#10;rEST9ffuvdde/de64FwPpyffuvdYySfr7917rr37r3XAuB9OT7917rEzf1P+w9+62BXrCXJ/wHv3&#10;TgWnXH37rxenDr3v3TRNeve/de6xl/6f7f37r3WP68n37r3XvfuvdYy/9P8Ab+/de6x+/de699OT&#10;7917rGX/AKf7f37r3WP37r3XF/0n37p8mnWH37psvXh1wLgf4n3omg68Fr1iZv6n/Ye6K3r04BTr&#10;EXJ+nA96L14db64e6kU691wf6D/X966spp1i9+62Xr1737qpWnWJ/r/sPfutdcPfuvdYXIJ4/wBb&#10;37r3XA/Q/wCt791scesHv3T/AF737psv6dcSwH+v/T37qoBbrD79091jL/0/2/v3XusLMB9eT791&#10;7rEWJ+v+29+69117917r3v3XuuiQPr78TTrwFesZe/049tF68OnQlOPWJnAv+T7p1frEST9ffuvd&#10;de/de64FwPpz7917qI7Fibkmx49+691x9+691737q4SvHrg9rW/P49+6cAp1i9+631jL/gf7f37r&#10;3WJmt9Tc+/de6xFif9b+nv3XuuPv3XuuJYD/AF/6e/de6xlif9b+nuoWnXuuPu3XuuJYD/X/AKe2&#10;X49OBqDrEWJ+v+2916qSW669+6sE9euDMLEfn/D37q2oDHWEkD6+/dW6xlyfpwPfuvdYS4H+J9+6&#10;91jJJ+vv3XuuvdHNOvdcC4H0591CV691jJJ+p93wvWwK9YXY3I/HvwAOenAlOuHuj8er9dFgPr/t&#10;vdQtevdYixP+A966ZLE9cffurKnXByLW/J9+6c6xe/de6xl/6f7f37r3WJmt9bkn37r3WIsT/rf0&#10;9+4de64+2y/p17rG5FrX5v72GoOrk46x+6EluqAV6973lfz6eVadCAjDY+HSqb07w3FQXok/tYzG&#10;1CEGdvylbkYmtD9DFSsZRdqiF49cPt630HBJP191630/bZ29VbnzFPiqeaGkjZHqshkqq4gpKWFD&#10;LU1c7D6RQQqzH8sQEUF2UHYFevVp04b03JSZmspMfhIpaXa23aY4vbdFN+vxai8tXUW9JrK6YmaY&#10;i9iyxKfFFGB4mvXunrqPrLK9r7xotu0ZkpsfHatz2VVbrS0isA7C4KmaT9ESn9TkE+hXYbVdR6qz&#10;aRXowvyg7GxGGxOI6M2CIaLbmCpoJM79kxKvp0y0tIW+knqIqZXuxkkaNi2sSA2c0wOtwpXubz6J&#10;D7b6eL06Eu/9ztiEkaNwdiwcX/VT4KCo/H0ZJMpXU/8Agft6b8pU+7cB1TLdBczav8APderhKdHt&#10;636dpv7rYqj3pIuF2Phli7J7TrqomMVVS8GvEYQsCGEdDjpfuaoAFhJWCFR5NDI4F6TyPnHHgP8A&#10;P0GW7d6V3yS7Z21tTHh8J1/j6z7PD46LTElLjaZDJW5CVOIkm+zhdlWwWJAkK3IZno/6hA8unEXw&#10;V+fn0CHam8F3xvrPZ2kTwYhqhcdt6jA0iHG0iLTUMQT+zamjUsP9WWPJJPvTZNenIxpHSlj/AN+n&#10;0nUS/wCbyvau5RRRk2v/AAbBsskrKB6gtVlpkW54Y0bAA2NqlqD7f8nWh3H7P8v+r+fSh+Oqrg8t&#10;vfs6fQsXWWxq3K495AGU5Otjahx0LA3X90yyWJB5Ucfkei4k9alyKep/lx6Y/jxi4833JtGsyMh+&#10;ywVZNvDJVUt20JjIZK4SufqSZ4UF/wCpH19+Qd38+tyHB/Z+3H+Xo0HQnWCLnsj8huznNFU5WpyW&#10;7tn4GoJE8gZairqMjLGfUVSFmMCn66lmNrwlnlHmeqO34F+Q/b5dBjtTtjee46Dv/ujIVxjzeGwm&#10;Ex2DijLmChWszkLU1NToZARFGaYkixMh1vISWbU0rk1P2dXoBRf9XA9WT7Rzsu66TbW8sfE0eH3Z&#10;sunyU0Mxuaae8c8EYHpLl1rJ1ka1v2UsbHlQM56SEUBB9f5dFK+euEap2TsfcoB1Yfcs+GYKL+nI&#10;U3mLH+gDY5R/S7D8ke2ZxivV7bBI+zqrgGwY/U2sPabpZ1jJsLn6+/de6m4vG5LNZCgxGJoqnJZP&#10;J1S0dDQ0aF5ZZXbSiIigkkk/74e9gV62BxPR3auswfxD21Ji8ZJQ5/5AbrxQ/iWRW0tNt+kmswjQ&#10;G6vMxAZVYXlYCWQCARRzPf2Q+Z/l0m/tz/RH8/8AY/1fYRKuq6uvq6mtrqmesrKydqqrqqp2eSSS&#10;RizySOxLO7sSSxJJJufbHSkVOOonv3Twx1wLgfTk+/db6xkk/X37r3WN3/srwPyf6+/de6xe/de6&#10;N91D1vtjr/bEfffdNORg6VvL13sepVBNnqwKWhlaKQMfs1YBl1JpYfvP+wqrO4oCjUfyHr0nkcud&#10;CcfM+n+z0Xvs7szc3a+7Mhu7dFTrqas+KjoYi329HTKSYqWmVi2iKO5J/LuWkcl2Ylgylz08iBBQ&#10;dBu3LH3frRSp64+9FqdKcJ1720Wr02Wr1xZrf6/uyDryrXrD9eT7sWC9OEhel91n1xuPtXeGM2dt&#10;mBWrK5/JV1s1xBR0qEeerqGH6YYVN/8AVOxWNAXdVNQDIadMSS6RU8Ohk707K27jcHjuhepKn/jG&#10;+0qnzbhzsFg+4swunz1s7r/nqeKRLRC/jZlVk1RRUui0jAdo4D+Z6rBCT3vxPl6D06KmzAfXk+2e&#10;lfX03/gPz8Fvhaf/AAEzrn/3j8N7jK//ALeT/mo//Hj1NO1f7iw/80o/+ODo2ftJ0v697917r3v3&#10;XumjP53F7YwuT3Bm6pKLE4eievr6qT+zHGLmwHLO30VRcsxCqCSB7vHGZWCrkk0HTNzcJaRtJIaK&#10;oJJ+Q6BDpnBZXcmTzPd276Z6fN71p1pNoYqe+rF7fVtdLCBewmrfTNKRwbqw0+R0BhfSLEBbx8Fy&#10;x/ifz/ZwHQf2O3e6dr+cUeUUjU/6HD5D7W4n/ZPRhvZZ0Juve/de697917r3v3Xuve/de6AOqt2B&#10;3fR0YtNtvpmgGTrbi8cu4cnEVpo+QVc47HlpdQOqOaZQQCAfZkv+LW5P4pTQfJFOf2nH2DoOP/uy&#10;vwvFLYaj6GZxj/eVz8ieh89lvQj697917r3v3Xuve/de6BTvC+Sw+zdmrZ/78dj4fD1cPFzR0tR/&#10;Fq1rfXSKfHkH8HUFPDe1+39jNJ/AjEfaRpH8z0Rb/wDqpFB/v2eNSP6Kt4jfyToa/aDo9697917r&#10;3v3XugM+SrzR9I76kp08lRHTUTwR2J1OMlRlRYcm7Acfn2YbV/uQn2n/AI6eiDmgkWEpHGi0+3Wv&#10;Q5+y/o/697917oIO+aCoq+qd11tEt8ltmCDeuMcfqWbC1MOTUqQCQzLSsvHNmIH19rtuYCZQeDVU&#10;/YwK/wCXol5hjL2cjL8SASr9sTCT/n3oVKCtgyVDRZGlYvS19JHW0zHgmOVFkQkc2JVh7RspQkHy&#10;NP2dG8cglUMOBAI+wivQc9wYeuyGzKjL4WIzbk2RXQ7625GpIaSpxpM0lMLfX76j81KR9CJjf2qs&#10;XCyaW+FwUb7GxX8jQ/l0Wb1C0kBePLxESp82TJH+2Wq/n1I3XgsN291z4KOeB6TcWKp89tvJToHW&#10;OVkSpop2TnVGbqsyf7sheSJrq7A6hkaylz5Eqw+XA/7Hzz1a8t03q1opFHVXRiK0NAyn7PUeYJHn&#10;0nem961mZxMO3NwiaDcOJgliRKxi0siUc32lXTyuxLTVmJqrU9Q5JMyNS1pstagDl9biNtS/CfTh&#10;kVB+xhkemR5dJdjvmnQRSVDqCM8SFOlgfVkPax8xpf8AGOhr9oOj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tDU&#10;sB/r/wBPeSHWG/WJmJ+psPfuvdYi/wDT/b+/de6x+/de68SB9fewK9aJp1iL3+nHtwJTj02Xrw64&#10;e/FqdeC166JA+p9tk16cAp1jLk/Tge9db64e/de697917r3v3Xuve/de66JA+vv3XusRYn/Ae/de&#10;64+/de66LAfX/be/de6xFif8B/T37r3XH37r3XEsB/r/ANPfuvdYmYn68D37r3WIv/T/AG/v3TgT&#10;16x+/dWLBeve/dNFieve/da64lgP8T/T37r3WIsT9f8Abe/de669+691wLgf4n37r3WMkn6+/de6&#10;69+691wLgfTn37r3WMkn6+/de669+691wLgfTk+/de6xE/k+/db+LrCzk/4D37p0LTrCX/A/2/vR&#10;FerdYySfr7qy1wOvde97Cgde6xl/6f7f3srXr3WP68n3R6Up1YLXr3tvpwKF6xl/6f7f37qjNXrC&#10;zAfXk+/dU6xFifr/ALb37r3XXv3XuuDMBx9ffuvdYSQPr791apbrGXv9OPfurhKcesTOBf8AJ9+6&#10;v1hZvyT7917rEXJ+nHv3XuuHv3Xuve/de697917rgXt9OfdC9OHVwlePWMkn6+6ULdXqF6wsxJI+&#10;gv7cCgdbGeuHttsnrfXRYD6/7b3Xr3WJmJ+vA9+691hL/wBP9v7917rH7917r305Pv3Vk49Yy/8A&#10;T/b+/dPdYibAk8+/de6ws1/qbD37r3WEv+B/t/fuvdcefqfz79Xr3XXvRNOvde9tl68OvdYD9T/r&#10;+3Bw691xJA+vvfXusZcn6ce9Hh17rh7Y6sq166JA+vv3TmF6xM5N/wAD37qhavWIvb6c+/dbVOsR&#10;JP19+6c6xuTe1+Le/de6x+/de64lgP8Ainv3XusZYn/W/p7117rj7oX9Ovde9t9Prw6wv+o+3lwO&#10;t9YmYjgf7f3qgbr3WL3fqpanXRIH19p+vABesZf+nH+Pv3VC/p1jJsCfr79071hJJ+vv3Xuuvfuv&#10;dYnINrH6e6s2nr3WMkD6+28t17rGXJ+nA93CU691w9+K1PV1WvXRIH192Ap04BTpabdoaTG0Lbyz&#10;1MlTj6apak2/iJv05GvRVbTIPqaCj1LJUkcyXjplKmZpYvEV68ekhka+tyldVZLJVEtXX107VVXU&#10;zG7O7klmP+ufwLAfQAD205qet9RFUsQqgszHSqryST9AB+SfdevdCfuFv7i4KXY1O2jceXWKq3/U&#10;IeYQhWWmwYI/FM4WasH5qgkJF6S72PbjrXHoNsTisluDLUGEwtHNkMplKxKKhpIBdpJJG0qBewAu&#10;bljZVALMQAT7rx6cC0FT1YjX1O3/AIxdX1O3sfLSZHeVfTx1W5q5LXnrqiNhTUakjUII1DvpsClJ&#10;HIx8NRWU7u98A6T/ANqa+Q4dVxZCvrMpXVuTyNTLV1+QqpK6uq5zd5ZZXMkkjn8s7sSf8T7Z6eJ6&#10;UGy8FT7gzJXJSyUu38PSSZ3c1dEPVFQ05XyCO9h56l2SngB4M8sYPBJ97Ar1rps3TuGp3Tnchm6m&#10;OOnFVIqUlDCSY6WmiRYaWkhvyIaSmjSGMf6hFvzf3456cFE6Fj48dXT9mdg0AqoL7V2zJHnN0VMy&#10;3hMcbaoKRifQWrJE0lSQfCszi+i3vaip6bkl0g/y6XfyY72i3pWy7C2XU+PZOJrnlyVbTEAZatEj&#10;NJMWUDXSpKzMnOmWT98ggQlds1cdURNOTx/wdBxtZhsXqPdu9HCx5zsKZ+uNq6jZ1oVCT52rRSOU&#10;dDFSB1N1aRx9Cb0J0ivVwNRp+f8Am6BCgoqrJ19Fj6GF6iuyNXHQUVNGLtJNK6xxoo+pZnYAf4n2&#10;2CWz09SmOhL7ryVJ/e6LaWJmSbCdcYen2Hj5or6ZZaIMcjU/UgmpyctRJqH1Up+AAHGXP2Y60gxX&#10;1z0r6s/3K+NWNpyDFle4d6yZOXnl8Rg7RRo63uP9yLeRDazKf9Y+7U0j7f8AJ1r4m+wfzPQr/Gnb&#10;lJ1xtLevePZNK1HtSq28dvYWhqYRJLkIaqeLzeKB+GSpeOOCMtZZA8rMyxKXO0Gnu/LpuYliFHHj&#10;9nTbQ9rbj7DovkD2jmSaagwfXDbL2ziEJMWOj3DWxUkawkBQalkg/dmsHdvppjComw5ap+WP29eC&#10;hdIHrX7aAn/N0EeDD4v41b8r9JCbo7Rw+2tVuD9jRVWRK30H6awf1D6/42ZhcL+fTpPdT5H/ACdW&#10;S9J7sghwG0uuoNJymL6Q27u+nWoDKWkro6laiJ+FskDLT/T8SkE3U+30Pl8h0mkFMn1I698qMIdy&#10;9E70SmhWafFU1NuGlL3GgUlVDNUSDi9xR+Yf7H8e9yCqnpuFqP8Ab1SkXCra12PtF0YdSMbjcjmq&#10;+hxGJoqnJZTJ1S0lBQUal5ZZXOlERFBJJP8Axvj3sCvXujql9u/Ejbif8W3cfyG3Hjb/ANiem23T&#10;Tr/sVepdT/09/wAKYf5S9iL7f8HTP9t/pf8Aj3+x/q+wkuVy+RzWRrctlq2pyWUyVS9ZX19Y5kll&#10;ldizO7tcszE+2TnPT3DprZrcm5966cj6xFif8B/T37pzrGSb2H+xPv3WiadcWa3A+v5Pv3WhXz6x&#10;+/dW6NV0x1Ntij29P3b3S0mO62w81sDg3W1RuGsXUUggjJVpKbWhBtYSkOGZIY5nDiKOJ4f4emJJ&#10;DXQvH/APXoI+3u3tzdxbofP551paCkVqTbu3qUn7bH0txaKIWUNI4VTLKQGkYDhUVERmQmQ9XjjE&#10;QoPzPr0FDfQ/63vYWnTnWD3vr3XvbIUnr3XFjYX/ANt73T9nWxnrD9eT78W9OrFvTp2wGBzG6s3j&#10;Nt7ex8+VzeYq1ocdQUwBaSR/oLkhVVRdmZiFVQWYhQSKgFjQdVIoKnh0bbsbcWF+O2ya/pHYOThy&#10;HYu4ol/0xb6xzf5m62/gVDJpEgijVyJTcMupwwEkrxwPuRENI4+Z/wAnTUSmZtZFAPhB/wAJ/wAn&#10;+o9EmLk/Tj2n6WdcPfuvdfTl+A//AGQr8Lf/ABUzrn/3j8N7jK//ALeT/mo//Hj1NO1f7iw/80o/&#10;+ODo2ftJ0v697917r3v3Xuiv7jc96dhnYtKWm6t68yEdbvysjJEWVy0Z1U+HVhxJT0xs9QBwWBU6&#10;WELsbRD93xeIf7RxRB/Cv8X5+X/F9BO6P9YLn6cf2ELAynykkHBPmB+L/ij0Z5VVFVEVURFCqqiw&#10;AHAAA4AA9lPQsAp1y9+691737r3Xvfuvde9+690kd+bvodh7Qz27MgDJDh6BpoaZf1T1DER01Mlu&#10;TJU1DpGv+LD8e37aA3Lqg8z+weZ/IdItxvV26B5m/CMD1bgB+ZIHTB1Js+s2fs2mizUn3G69wVku&#10;695Vh+suUryJagf00040wJaw0RKbD27fTieTt+FaKo9FGB+3j+fSbZbJrKACTMjkySn1kfJ/ZgD5&#10;DoTfaPo2697917r3v3Xuve/de6BTJj+8PfG2aIENSdc7HrNyTlOdNdmpRjqVH/AZaKlqmH5Af6EN&#10;cGCfpWzHzdwv5J3H+ZHRFL/jO4IvlDEzn/TynQP+Mq37ehr9l/R71737r3XvfuvdAH8m2/4wzuSF&#10;dRmqstg6enjQEs7nPY1tCgcklVPH59mO1f26/Y//ABxug9zT/uC48y0QHzPip0Pnsu6EPXvfuvdQ&#10;MrjqfMYvJYmrUNS5THzY6pVhcGOeNonBH5BVjx7sjFCGHkQf2dNzRCZGQ8GBU/YRToM+h8jPkuoN&#10;gvVEmrx+CXb1WWNz5sXJJjZbk8lhJSG9+b/Xm/tXuK6Z3p5nV/vXd/l6KuXpTLZQk8Qmg/bGSh/m&#10;vQt+0XRz0DvUerBLvHriUFP7hblkTCIxJvhcnqyGLsx+qU6yy0g/p9rb8e117+ppl/jXP+mXtP7c&#10;H8+iTZv8X8S1P+gudH/NJ+9P2VK/7XpOb2wNRgt80OVxM0NB/fXIR1GIrp7iCj3TR0jx0/3GkE/Z&#10;bjxUb0NVxcNBB4v8oljdHLeUSRlWzpGR5mMnNPmrdw+01wOk19bG3uA6EDxSCpPBbhVIFafhlQFG&#10;+xadxBA0bbz1NuTEU+UghmpJGZ6XIY6pt5qSrgdoqqkmCkr5aedGRipKNbWjMjKxQyxmJqcfQ+RB&#10;yD+fR5a3AukDio4gqeKsDQqfmCKenmMdPvtvpR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oWFwPpz7yQ6w36xkk/X37r3&#10;XXv3XuuBcD6cn3cJXj1QvTh1jJJ+vu9QvVKFuuvbZavTgWnXAv8Agf7f3Xq3WMkn6+/de669+691&#10;737r3Xvfuvde9+691jL/ANP9v7917rH7917rxIH19+691jL/AIH+39+691j9+6910SB9ffuvdYy9&#10;/px7917rEzgX/J9+6sEr1iJJ+vv3TmF669+6oXr1737qnXRIH19+691jLk/Tge/de64e/de66JA+&#10;vv3XusRYn/Ae/de64+/de66LAfX/AG3v3XusRYn/AFv6e/de64+/de64lgP9f+nv3XusZYn/AFv6&#10;e/de64+/de64OwAP9bfT37qyrXqGWJ+v+29+Jp09117bL+nXuumNhf35B59e6wkk/X3cmnWwK9de&#10;2y9eHTgSnHrizW/1/daYr14vTrEST9feuqZbrG5IHH9ffurhKdYvfuquanrokD6+/dU6xFyf8B79&#10;17rj7917qMzW5JuffunwKdYmYn/Ae/db6wl/6f7f37r3WMkn6+/de697917r3v3XuuJYD/X/AKe6&#10;lqdWC16xlif9b+ntskt04AF64+7BPXqpf064lgP8T/T3YsB1UKT1hJ+pPHtotXp4Y6xF/wCnH+Pv&#10;XXuuBP1P+x9+691gJJ+vv3XuuvfuvdcGa3H1Pv3XusTN+T791ZOPWIuT9OPfunuu2YEWHPv3XusD&#10;gm1veiade68FA5P19tlq9e64uQbW/HuyCnXusZYD6/7b3VgSevdYixP+A/p7uFp17rEzW4H19269&#10;1i+vJ91LU691722Wr17rGX/p/t/der1KY6x+/daCluuD/T/Y+/dOBadYvfurdcSwH+J/p7917rCz&#10;X5PHv3XusRe/049+691w9+691723J17r3tvr3XAuB9OT790+OHWJm/J97AJ631hZtX+w9uqunqjm&#10;nWIuB9OT7t1UJXj1jJJ+vtP1qhbrr37pwKB1jZgQQP8Ab+/dW6xFgPr/ALb37r3WJmJ/wHv3XusJ&#10;f+n+396K1691j+vJ974de697917rGX/p/t/funk4dKPbOATNVFRU5CpfH7fxEIrc9lFAZo4tWlYo&#10;VYgS1dS/7cEdwGc6nKxJI6eqOtk0647izz52tSYQR0GOoadcdhcVCSY6SljLNHChIBdizM8khGqW&#10;V3lb1OfbJavXh0nGNzx/re69b6ErbMcOzsMOwMhHHJlZ5ZKLr/HTBW1VUZAmy0qNe9NjSbQ3BWWs&#10;Kj1LTzr7sMZ6qc46DCaaWolkmnkkmmmkMssspLMzMSWZmJJZmJuSeSfderdHx6b2TT9M7Qh7L3FQ&#10;QVfY28UON6/27WnQYEmjL+aYm326eAGerma329IhUsryPGXkGkVP5dNu3iHSOA49FN7R3vPvLPy6&#10;MjUZLGY+eY09dUDQ1ZUzMrVmReP6RtVyIoiSw8FJHTUw9MC+2ya9OdBixAB/1vdevdCPuP8A36G2&#10;KLZMfozeaMG5N6uP1R3jL4zGE/UfbwSmonXj9+ZI3GumHuxxjrXTBsTZGf7F3Nj9q7bpvPXVr6pq&#10;h7+GmgW3lqahwDohiB5P1YlUUF2VToCvDqx7RU9Gr7w3ViOlto03QXXM7R1dRRLW9h7ij0rPUNUR&#10;g/bsQSySVUelnANo6cxQqzK8gFmOnt/b03ENZ1H8h0SzD4vIbhzGMweKhNRkcxXxY2hgW/qlmdY0&#10;BsDYamFz+Bc/j22B0pIAyehQ7tzFC+5KDZGBmWXbHWWLXZuKkjsEnqImL5Ou9JKF6yvaRiy8Miof&#10;e5BqP2dNq1B8znrF06seHyu4eyKuNJKPrPAvmqBZgCkmXqT9nhoiCrAsKyb7i34WnduQpB2op1vi&#10;Pt6CSkpK7OZSkoacSVeRy9elLCpJLyz1EgRATySzyP8A7En3rp3qxLc3Vm3KrcMWd7Bqmx3SvRO1&#10;aDZ9EulkOcrqZA9WIlW0jIa2TwTMoBmmTxRm4kkRwj9gx0mDmmOJz9g/4roPPkf2lV7x6o66VqSL&#10;D0W79w1+5sZgYgoakxeMvjcfHKUUKxqC8k/F1BOlfTGvurNjr0a6SePkPtrn/N0EERXA/GSumLFK&#10;zsHtWKl0DgPQ4ihMpYn86a2YC30+hvfj20T2/aenPxfYP5k/7HUXdJOJ+OnVdCBb+9m+M/ug8Dn7&#10;JaXGA/pv9QR9fweDb0+Joo+ZPWxlj8gP8vR0Otq+LAd27omyH3EeP2R8dcLTV0jhSY46emoKpxdb&#10;Bjp1n8XYNbgD28uD+Q6ZlGpBTzf/ACt0b/c2Gg3NtrcG3Z2tT7gwdVhpmH4SrgkgY8f4Se3CKjpG&#10;h0kH0P8Ag61+afDZbIZeLA0GOq63NT1n8Np8ZSI0kzz6iniSNAxZ9fFhf2hp5dGxx0cymptu/Evb&#10;kWTykeO3F8gtxY0nG4xis1Nt2mmUqZZSCQ07AkEg3lN4oiIBJJM9/ZD5/wCDpPUzY/D/AIf9jolO&#10;azWU3Fla/N5uuqMllspUtV19dVNqklkc3LE/7wALBQAqgAABs8elAFOmsG/+3sPda4691wci1vz7&#10;3XHTiHy6x+69XJp1jZrcD/Yn37rQFcnrH791bo0vTXTGBbBzdz9zzPheqsI+vH457rU5+qUnRS0s&#10;d1d6d3UqzKQZSGVWVEllicVfM8P8PTLyGuleP+DoMe5O4M327uNa+qiXEbZxEf8AD9obTpNK02Oo&#10;1CqiIiKkZmdEXyOFF7KihYkjRas2rq0cYjGPzPqegdLgfTn3Xp9Vr1jJJ+p96Jp1c0Udde/A16Z6&#10;4F7fTn3VjjrQNesLNbk3PtrqwFeslJS1mSq6agoKaorK2tqEpaOjpEaSWWWRgiRxooLO7sQFUAkk&#10;2A9+6cChcno6lTNjfiPs+WhppKTIfI7e+HAq6qK0ke1MZUpcRo19P8UmFj9DYgN/mVQ1an+wH9I/&#10;yHSYE3J/oD/jRH+T/V9hHZ556qeapqZpaipqJWnnqJ2Lu7uSzu7MSzMzEkkm5JufabpZ1i9+691j&#10;L/0/2/v3Xuvp0fAX/shT4V/+Kl9cf+8dhvcZX/8Abyf81H/48epp2r/cWH/mlH/xwdG09pOl/Xvf&#10;uvdAb3BvjM0b4rrXYLLJ2PvlGhoZgTpxNBcrVZeoK3MawqGEP5aQEoHaPxuYWNurVlk+BOP9I+QH&#10;+XoP71uDpptbb+3lwP8Ahaebn0p5fP1pQiBsDY+H662ri9qYRWanoItVTWSj92qqX9U9VObm8s8l&#10;2PJCiyLZVUBNc3DXLl28+A9B5Doy26wTbYVhj4DifNm8yfmf9jpZe2Ol3Xvfuvde9+691737r3Xv&#10;fuvdAFmGbsntzG7diby7P6lki3JuUj/N1OfmQnF0Z+gcY6EtVPpJCymJHGoCxkn+KQFvxSVVfkg4&#10;n8+H2dByf/drerEMx29Hf0aYjsX/AGo7j86V6H32W9CPr3v3Xuve/de697917r3v3XugW6ftnJ+w&#10;exmPkTe+8pqfDTA+lsThR/CqFlH4WWWConH4ImDW5uV99+mEi/gUV/0zdx/wgfl0RbL/AIwZrr/f&#10;spC/804v01/aQx/PoafaDo9697917r3v3XugC+RN6jam0MMpe+4u19t4UKmkFteQSawZ+FP7Fwf6&#10;jni/sy2vDs38Mbn+VP8AL0HeZe6GNP47iBf2uD/k6H32W9CLr3v3Xuve/de6BbpMmmoexcGLCLb3&#10;b+4KGnQXskVVUJlo0F7/AKUyI/Lf1JBuqr7/ACUb+KJD+YGn/n3oi2HsWaP+C5mA+QZhIB/xvoaf&#10;aDo96CDcQO3O29kbiUaKHe+KquvMw5Nl+5p1ly2HdvwWAiroVv8AUzqB7XRfqwuvmhDj7D2t/kP5&#10;dEtz/i15FJ5Sq0Lf6ZayJ/gcfn0t96bai3ftjLYB5jSVFXAJsZkE/XSVsDrUUNZH+RJSVcUcq/4o&#10;B9PaeCXwXDcacR6g4I/MY6X31qL2Jo60JFVPmrA1Vh81YAj7OgwwG5pIFxu/5qYY2jz9Su1+08Qp&#10;OnG5ykkGOWut9fGlRH9nUSH9dMaKpJSGndmVyxVrHxp3Rn+JD3U/ZkfOo4noptrorpuSNIc+HcL/&#10;AASqdGr7KjST5robAU9Dv7LuhD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oT+8kOsN+uJYD/X/p7sFr1UtTrGWJ/1v6e3&#10;AAvTZJbrj7qX9OrBPXriWA/1/wCntvpzrEWJ+v8Atvfuvdde/de697917r3v3Xuve/de64FwPpyf&#10;fuvdYySfr7917rr37r3XAuB9OffuvdYySfqffuvdde/de64F7fTn37r3WFmtyTc+/dbC16xFif8A&#10;Af09+6dCgdcffuql/Tr3v3TZNeve/de6xl/6f7f37r3WP37r3XvpyffuvdYy/wDT/b+/de6x+/de&#10;66JA+vv3XusZf8D/AG/v3XuuHv3XuuiQPr7917rGXJ+nA9+691w9+6910SB9ffutgV6xlyfpwPfu&#10;nAlOsLMOR9fx70cdX6xe2st1omnXvdwtOqB6nrg/0/2PvxenDp5RXrF7oAW6cJC9e9+ZdPTZYnrC&#10;xBPH9Pfq4p1YJ69YywH+v/T3XqxIXrGWJ/1v6e/dNli3WJmItb8+/daK06xe/da66JABJNgPfuvc&#10;eo7zfhP9uffunAnr1GZgP8T79051iLE/X/be/de669+691737r3XvfuvddH6H/W96PDrY49YPbYS&#10;vThenXvbgFOmya9cHJA4/r705oOtoKnrF7aIp06DXrA3JP8Ar+9db669+691jZxyBz+L+/de6x+/&#10;de697917rAxuSR7904E9esbkWIvz7905w6xe/de697917riWA/1/6e6surr3WJmP5Nh72FA691iL&#10;/wBP9v7317rH7917rokD6+/de6wsbkn22zUx17rGXA/xPtvr3WMkn6+/dbAr117908Vr1wLgfTn3&#10;7rfWMkn6n37r3XE/Q/63v3XusHv3XusT/X/Ye/de64e/de697917rokD6+6MK9bC16xFif8AW/p7&#10;2Fp06FC9cfbR49W6wv8AqPu4ag691hf8e9q1evdY/ei/p17riWA/1/6e2+qlgvWIsT9f9t7902SW&#10;6wl/wP8Ab+/dPdcPfuvdcX/SffuvdYffuvdcC4H05Pv3XuuHqY/19+62BXp2w2Grc5kabGY+NZaq&#10;pY8yMEjjRFLyzTSNZIoII1Z5JGIWNFZ2IAJ90Ykmg6dHaOnzcuaoRT022dvSSPt7FTGdqtwUbI1h&#10;XRJkJUIDKmn0U0Tf5iD6jzS1DyUJ8ut06RbN+SfegK9b6Vez9vQZ2sq6zL1EmP2tgKYZTcuRjtrE&#10;AYLHTU+q6tW10toYF59TGRx4o5GW2mnWq9N+6txz7ny8mQkgjoaOGFMfh8VTkmKiooBopqWK/JWJ&#10;Pqx9Ujl5XJd2JqTXrwx0YH4+dXYuvFd2x2F4qLrzZ2qrQ1w/braqEghdFiZaeByLgA+WYpCof9xR&#10;dB5nqjtTA4nqD3J2tltxz1mXqWlosluzHfaYXEP9cRtuQq8ann01+e0rNOw5+0EaBmgqQqedq/6v&#10;Lrarpx/qr0V0v+B/t/bfV+l9sWioqQ5He+cgjqcNtIRzUtDUC6V+Ul1HHUJX+3EXjaoqBwDTQSpc&#10;PJGG2OvcektTU24d87lSlpo6rN7k3NlWYILGWoqaiQu7sTpUanYszEhVF2YhQSPcenQoQdWJ7apt&#10;pfG3bGUxCPT5XedFgBunsjNQnT4VchMdiYJSAyPX1TrDCgIfx+esfRaJfbgGgdJmrNny8v8AP1W7&#10;uHOZHcmZyeezFS1XlMxXSZCunb+1JIxZrD+yovZVHCqABwPbXHp9B0LnUoXZ2D3l3BVKqzbapP7s&#10;7I8t/wBzO5OJ41ljuCrnG0RkqHU88xlSGt7sMZ69Jk06Ad5WYsxJZnJZnbkkk8nn8n3XrYT16GXd&#10;IO0uq9l7PW0eW3tUHsrcoH61pdL0eCp3IP08IqKrSQDaojb+nvfWq0NfyH+X/V8uhO+MXWDVWX/0&#10;xbqaPFdf9fGbNNX1YJ+5qqONpAYlX1GOjYCV3AOp0WJFZi5Syjz6akkJx5npC93d1Z/u/ddPj8ZH&#10;VUe1KevWk2tt4kBpJZGEYqqkKdL1c7MbC5EKN40JJkkkakck06dSPSM9R/klXU8G/qTZtDKk2O63&#10;2njNi0jRcIzUlOslQ9v9WameQMx9RK8k2Hv0uMdejFc/n+3/AGOuXc4OD2F0LsjhHothy72rIhwf&#10;Ln6t6hfLb6yJHAFAb1IthwD7q/AD/VnqyZJPzp+zrvuGleHEdA7KhDrLB1jR5V4grEpPnK2oqWXT&#10;qLeQjQSth9QP8BuQUoPl16PJP2/4AB0aOKuibtT5iV8cVqHGdWS479hSFQUeISnEYDWsxFM1h9CQ&#10;SOPblct9n+TpkjtX7Qejn9fVs2Q2NsmuqXDVNZtDG1lQQTy0lHC7Hkk2LE/Uk/439urkD7Ok8tAT&#10;9p6If2PldifGXO71zO3TR7k7n31l6/KYozojQbcx9fPJKn7fI87JJ6QbNIttQWAEVDJIjOOJ/l0p&#10;SsoHkuPtYj/J/q+yvHLZjJ53J1mXzNfV5TK5Goapr8hWu0kssjfVndiST/vAFgLAAe2WNT0op02X&#10;9f5sP+Ke9E16311f0f6zW9+r1sinXH3rqox1iZrcD/Yn37p4CuT1w9+6t0aHp3qHbqYRu4+6Kh8J&#10;1bipv9xeNcEVW4KpdRSlpIwVkenZkIZlI8mllVkRZZonFXzPD/D0zJIa6Vyf5AfPoPO6O6M93Bno&#10;aiohTCbUwifY7R2jQ2WmoKZQET0IFR6h0VQ7hQLAIgWNVUUkkr/kHVo4xH9vmfXoGG+h/wBb2zqL&#10;HpzrB7szU6sHxjriWA/1/wCnugBPWqE564kkcn6/hf8Aivu47RnrXWP22TXr3XHS8rxwwxvNNLII&#10;4oogWZmY2CqACSxJsAOSfeurpx6OpgcZh/iltWm3tuqko8l8gdy0LSbI2jWWkTb1JMpjORyEQ/TW&#10;OhYKjHV/uoaSKgooA8EVPxeQ9OmGb6o6R8A4n1+Q+XRL8xmMpuDK5DOZquqMnl8tWSV+Rr6ttUk0&#10;0rFndz/UsfxYD6AAAD2wTXpWBTA6ay4H+J96631iJJ+vv3XuuvrwPfuvcOvp2fAb/shT4Wf+Kl9c&#10;f+8dhvcZX/8Abyf81H/48epp2rNrD/zSj/44Ojae0nS/pA9k9g4vrfbNRnq+N62sllXH4HCU/wDn&#10;6+uluIKWFQGYs7csQDpQM1iQAVNrbG6fSMDiT5AevRdum5JtcRkbJJoiji7HgB0k+odgZXApld8b&#10;4kjr+y98MtZuCoFitDTgA0+KpeWCQUqhQ+kkO6i7Oscbe3r25WSkceETh8z5k/b0j2Xbnt9VxcZn&#10;ly5/gHkg+Q8/U+tB0NXtB0e9e9+691737r3Xvfuvde9+690H3Zu9v7h7TqsrS038Rz1dPHg9p4de&#10;WrcpVkx0dOout113eTkWiRyDcD2qtLf6lwpwoyx9FHE/6vPot3a//d0JcDU5ISNf4pGwB/lPyB67&#10;6y2V/cTadJiqmoGQztdUS5zdWXP6qzKVjeWsqCbAlfIdCXAIjRAeQferu4+pfUMAYUeijA69tNh+&#10;7oQhNXJLyN/FI2WP7cD5AdCB7TdGXXvfuvde9+691737r3Qb9tbhrdubCzk+IN9w5VI9s7XiX9b5&#10;LJyLRUeheSxjlmEpABOhGNrA+1dlEJZAG+Edzf6Vcn/BTor3m5a1t3KfG1I4x6u50r/M1+wdKjae&#10;3aLaO2cBtfHD/IsBiKfEwMRYuII1QyN/tcjAsx/LEn2zNKZ3ZzxJJ/b0rs7ZbKJIV4IoUfkKfz6U&#10;HtrpT1737r3XvfuvdF97m/3Jb16B20BqNV2ad0aLX4w2Pqagt/m3/R5r/UW+v41IZ2HbHM//AAvT&#10;/vRA/wAnQc3z9Wezi9Z/E/5xox9D6/6vIwXss6EfXvfuvde9+690C/XxFN2f3tjV4jO4MJm0H1sa&#10;vB0sT3JN7mSjY2+gBFjyQF9ydUUR/osP2Of8/RHtvZd3a/04m/3qJQf5r0NHtB0edBd3JjKqu69z&#10;ddjYvLmdqtBvfBhb6jVYaePIpGlgTqqFp2ht+VkI/N/aywcLKAeDVQ/Ywp/Kteine4jJbMy/FHSV&#10;P9NEQ9PzpT8+hCxWSpMzi8bmKBzLQ5WghyVFIf7UU8ayxtwSOUYH6n2ldDGSp4gkH7R0ZQyidFde&#10;DAMPsIqOgtqqOiwXYWQw2Qp46jancWMljno6kaoP4zRUviqoWQjT/uWwyAlf7RoJWIvIbrAxkiDD&#10;4ojx89JNQf8Aat/x4dFLotvclGFY7lTUHh4qrQj/AG8Y/wCMH16UWy6yroJchsfMVE1Vk9sxxvjM&#10;hVG8lfiZS60VSzHmSogEbU1Sf1NNF52CrURgtTqGpIvBuI9GHEfnxHyNPLpTYuYybdySyU0k8XjP&#10;wn5kU0t8xX8Q6X/tN0Y9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WhEXJ+nA95KhKcesMi9eHXD34vTrwSvXRIH19tk16cAp1jLk&#10;/Tge9db64e/de697917r3v3Xuve/de66LAfX/be/de6xFif8B/T37r3XH37r3XEsB/r/ANPfuvdY&#10;yxP+t/T37r3XH37r3XEsB/r/ANPfuvdYmYn6mw9+69x6xF/6f7f37pwJ69Y/furFgOve/dNFq9e9&#10;+611xLgf4n37r3WIkn6+/de669+691wLgfTk+/de6xkk/X37r3XXv3XuuBcD6cn37r3WMkn6+/de&#10;669+691wL/05/wAffuvdYiSfr7917r3v3XusZf8Ap/t/funAnr1j+vJ9+6sSF697902Wr1gP1P8A&#10;r+/db14x11791oKW66JA+vvR6cAC9Y2a/A+nugT162r5x1iLAf4n+nuxYDq4UnrEWJ+v+29tE16c&#10;AC9YnYjge9gYr1QvXh1j9168Fr10SB9T791fC9YmbV/sPfum2bV1iLgfTn3cJXrYSvURmLG5P+w9&#10;06vheuPv3VC9eo/v3TvXvfuvde9+691737r3XRYD6/7b37r3WIsT/gP6e/de64+/de64lgP9f+nv&#10;3XusTNf68D37r3WIv/T/AG/tljXp5RTrCzAf4n3Xq3WIsT9f9t7917rr37r3XEsB/iffuvdYiSfr&#10;7908op1iZiDYcf4+/dW6x+/de66JA+p9+691jLk/Tj37r3WEuB9OffuvdYySfqffuvdde/de64F7&#10;fTn37r3WFm/JPPv3XusRYn/Ae2X49e64+69XCevXRYD6/wC297C16uSF6xFif9b+nvXXlNeuPv3V&#10;uuJYD/X/AKe/de6xMxN7/T+nv3XusRf+n+39+6cCevWP37rTinXvfiadUAr1722X9OnAnr1jcj6f&#10;m/vyA9WLAdYiQPr7c6bqW6xlyfpwPddHTox1hZrcfU+2249b6xkk/X3XrRNOuvfumy9eo/v3Xgle&#10;uiQPr7904BTrB791vrgXt9OffuvdYmb8m59+691hLE/4f4D37r3XIJ/X/be/dOBPXrLHG8skcEMb&#10;yzTSCKKGEFnZmICqqi5ZmJsAOSfp791fh0us1PHtHGVG1KCWOTO5BAm88jAbiMKwdcPA44KQyKGq&#10;3BtLOqxL+3Bqmo+OvDPQee2ut9T8Vichn8nQYXE0z1mSyNStNSU6WF2b8kmyoii7MzEKqgsxABPu&#10;yGh690qd4ZjH0lFSbH25UR1G38JUmqyOVh4GVyZXxzVpP1NLCt4aNT+mHVLZZKiUe/Ma9aHTt051&#10;ZlO2d2wYWl8tLhaLTWbjy6jinp9X6UJBX7icgpEpvzdyCiP78q160zaRXoee1+wtvZf/AH6m3YII&#10;em+qTFSPQUrMsWdyy6xR0CyKdctLrjd5ZNV3ijqajyNK1OTcnqqLTJ4nomWXytfnMnXZbJzmorsh&#10;VPVVMpAALMb2VRZURRwqqAqqAqgKAPbXHpzrFjsdW5fIUOKxtNLWZDJVcdDQ0kAu8s0riOONR+Wd&#10;2AHv3XulrvWspvLiNg7ac5HGbadqPz0IL/xLL1BRa6sjC3MiPKiU9LYc08MTaRJJJfZ62OjRYXH4&#10;f4rbHXc2cp6PJ92bvoWiweGkIdcZTubEyBW+i2BmccyygU0R8ayylwDSK9UYmTHl0Afa2YyOIxlD&#10;sbIVktbufIVo312dkpmvJLl6yLVTUMhA+mLo5dLKDpWomnUKuge6E9OItf8AV/q/1U6AqGKaqnhp&#10;aWKSoqamZaenghBZndyFRFUXLMzEAAck8e69PdDX3LUw7cg2t1Djpg9NsChM+55IWBSfcFcFlyLa&#10;l4kWkGiljJ/T43A/Ub2Pp00p4t68Ps8v8/59B715tQ733pgNttL9rR19Z5MrW3AFPQwI1RW1BZvS&#10;ogpIpHueLgD8+9AV60X/ANXr0Yfa+xYe797bv7R3ZK21uoMBUmSorpLxL9jRIkNHjKVgBzDRRRrK&#10;yAleAq+WVPe6aum2bTjifL/P0IXc3btLWdAw0m3cUm2tsb23E22tjYeJFjb+B4ZozVVjhTdJamuV&#10;YjGLqsVgSzs7vsnHVkSjetBn7T/sdFl+OuGpsx2vgK/JWjwez4qjfWcnK6hHT4qFqpXYGw0mpWJT&#10;cger8mwNFUVr/qx05Ke37cftx0HdRLk+xd+SSnXJl977s9Kj1Hz5Grsqj6Xs8wAHH9OPbbHUQOrj&#10;tHQkfIavjz3dO5sZiYz9phaul2RiKVOdIx8MNCYxb/ppje1h+bW97fLHqkWFHzz+3PS57HpafL/K&#10;fb+1aUmTG4fcm2dk0wK2AipI8fTzelWJCLJ5DbV+kXuD9Lsuf2DqqsQlftP+E9C5sFMrunNfNh8J&#10;SvlK/Kx1u3cXQx3Ekz102bpaYLr4FkQXDFQDYcLe21FdX+r16ozU0D/VgdHZ2SlNt6m2xs6tlf8A&#10;vRRddY2LI08RZ4Fix6rSlkbhLvUTOAQLsqgtYKt3VxQfLpNJ3VPlqNPz/wBjqun507bfHdk7c3Mk&#10;Kx0u49rCmeUca6rHzuspP9StPUUw/wBb/eGZh0rtjqSnzp0RpeWv/sfafp/riCLnnm3v3Wxn9o66&#10;NzYfjVc+/dWbievXv/sDb37ryrXj1gJGoj83v7905Xo0nVnUG28Rt3/TJ3kanFde0jKdubZAKVu4&#10;KgjVEkMRaOT7RgLhgV8qgvrSBWkLiqBluH+HpiSQk6U4+Z8h0Fvb3b2f7cz8dfXxxYnb+Ji+w2nt&#10;OgstJjqRQFSONFCI0rIi+STSurSqqqRJHGlWbV05HGIx/hPr0ERcD/E+2mWp6szU6xM35J92Ap02&#10;AX6xFyeBx71pBNelSR6Rnrrhf8T/AL178zU60zV64FvyT7Z49U64Au7KiKxZjpVV5JJ+gAHNz791&#10;7o5u1tvYL4xYHHdl9iUFPlu4sxSGr6164rORi0cFVzGYQENHItz4ojZ1YWW04d6NSFEIqePkOmc3&#10;B0r8P4j6/If5f9VSh7p3TnN5Z/Kbo3NkZsrnMzVGsr62e12Y2ACqoCxxooCoigIiBVUBQB7TsxY1&#10;PSxVCCgwOk4WJ/wHvXVuuPv3Xuve/daLU67+n/GvfumiS3X06/gL/wBkKfCv/wAVL64/947De4yv&#10;/wC3k/5qP/x49TdtP+4sP/NKP/jg6M3uHcGH2rhcjuHP1sWOxGKpmqq2rmvZVHACqLs8jsQqIoLO&#10;xCqCxA9sRRNMwVRUnA6U3NylnG0shoqipP8Aq8/QefQB9c4DMdmboh7q31RSUlDBE0XVW06rkUNH&#10;Ja+TnT9JraxQGUn9K2YXAgMZjdSLaJ4EZqf9Eb1Pp9g/1efQd2y3fdZRfXAoB/uPGfwKfxn+k38v&#10;2UMr7KuhT1737r3Xvfuvde9+691737r3XiQASTYDkk+/de6L5s//AIyvv6bsycGTZOy3qNv9aRNf&#10;RWVZJhyeb03sy3Q01KTcaBI+lHsSZz/4nF4X42o0nyHEL/lPQasv93Fz9Uf7KLUkA8mbg0n/AD6v&#10;yqePRg/ZZ0Jeve/de697917r3v3Xuve/de6BjM/7/Ht7b2CUmTDdZY47zza/WN8tXpLSYiBgRYPT&#10;Uv3VT/UFoCPz7Xx/oQM3nIdI/wBKMt+00H7eiOf/AB29SP8ADAviv6eI9VQfkNTfs6Gf2g6POve/&#10;de697917r3v3Xui85s/xz5M7Gxw0umxus8puhm5OiXKVMWNC/XSrtFHf+pW9xaxBpH+naOf45FX8&#10;lGroNT/4xusS/wC+oJJPsMjBP20H7OjDeyvoS9e9+691737r3QL7atT96dqQi7/xHZW18gW+mjwy&#10;5yDRbnVqB1XuLfSx+vtfLm2jPo8g/bpPRFa9u4XA9YoD+wyjoaPaDo964squrI6q6OpVlYXBB4II&#10;PBBHv3WiK9BJ0m70uy5dqTFzP19uTI7EJck3goalv4ewvzZsZLTML/g+1t/mTX/Gqv8AmRn+YPRN&#10;sJKQeCeMLvF+SN2/8YK9KPsbAV2f2rVphtK7kw1RDuXasrEADI0EgqKaNifpFUlDTzf1hmkU8H23&#10;ayiJxq+E1Vv9KcH9nEfMdKtztmuYTo+NSHj/ANOh1AfYaaT8iemTI1jbp2ztbs3aME1RlcbQrnaH&#10;HoP36uhqY42yWHdeLTzJGNCNYJXU8BewRh7uq+C7QucE0J8gRwb/AFeRPTEsn1cUd1CCWUawPNlY&#10;DUn2mmB5Oorw6EfF5OhzWNoMvjKhKvHZSjjyFDVR30yQzIJI3F7EalYGxAI+hF/aV0MZKniDQ/aO&#10;jOKVZ1DoaqwBB9QRUdTvdenO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0H/eSRavWGoWnWMv/AE/2/uvVusf15Pv3Xuve/de697917r3v&#10;3XuvEgfX37r3WMv/AE/2/v3Xusfv3XuvEgfX37r3WIvf6ce/de64e/de66JA+p9+691jLk/Tj37r&#10;3WEuB9OffurhK9YySfr791fC9de/dUL169791TrokD6+/de6xFif8B7917rj7917rosB9f8Abe/d&#10;e6xFif8AAf09+691x9+691xLAf6/9PfuvdYyxP8Arf09+691x9+691xLAf6/9PfuvdYixP1/23v3&#10;XuuvfuvdcSwH+J9+6sFr1iLE/X/be/dOABeuvfuqF68OuBcD/E+/dU6xkk/X37rYFeuvfunAlOuB&#10;cD6c+/deL06xkk/U+/dVAMnWNyQOP6+6vw6UJEF49YvdAlePVi9OHXRIH197fA6pQt1hY3N/p7pX&#10;y6cCgdYi/wCB/t/euql/TrGST9ffuqgFuschsBzYfn3dOnAoXqOX/p/t/ey/p1Uv6dYSwH+v/T23&#10;1UKW6xkljb/ePfunAAvXH37q3XvfuvddEgfX37r3WMv+B/t/fuvdcPfuvddEgfX37r3WMuT9OB79&#10;17rh7917rg/0H+v7q4r1ZDTrF70Ep1svXrAfqf8AX9tnj04OHXXvXW+sTMeR9B9PfuvdcPfurhK8&#10;eve/dXJC9YX/AFH37rYNeuB+h/1vfut9YCSfr7917rCWJ/1v6e/de64+/de64lgP9f8Ap7917rEz&#10;E/U2Hv3XusRf+n+39+691j9+6910SB9fbTCp6dWgFesZf+nH+PuwT16qX9OuHvZYDrQUnrokD6+2&#10;enQKdYy5P04Hv3W+uHv3Xuuj9D/re/dbHHrB790/173o46ac166JA+vtrLdaU06xFyf8B7uFp1st&#10;XrGxsL/4+7Bq9eCV49YSSfr78Wp04BTr3totXrfWFiCeP6e69e6xlgP9f+nv3VGWvWJmJ+vA9+62&#10;Fp1iL/0/2/v3Vusfv3XusJYn/W/p7917rj7917roi4t791YLXroAKP8AiT7906Fp1wL3+nHv3W+h&#10;DoyNiY2LKyXXeuYpRLhIT+rF0cq8ZBx/ZrqtGtSA2aGImqsGkpXFWanVfi6Dkt+SeTzc+2iSerdY&#10;i5P0496690J9Yf8AR1t58al03zuvHgZhvo+KxVQgZaIflK3JRkPP9DHSlYTzPMquKOtcekHtrbmZ&#10;3jnsZtvA0j12Wy1SKakgXgXNyzu30SKNAXdjwqqWP096YZoOvE049HT3zWUvUu18Z8fusqiKp3tu&#10;ZBJvncUZEbIs0d5TJJcinVoATybU1Gpkb1SeX3Y9uB02o1nUfy6J7u/NY+Y0W3dvSSSbZ24HioZ3&#10;Uoaypk0/eZKROCr1bRqI1PMdNHBExLIzM2enekOTz/ifx7117oSMKx2btafdrkxbh3NFPhNnJ9Hg&#10;pSGgyWVHNwSC1HTG3LtUyKyyUy3sMda6MJ1ps/A9G7Rj7o7NpFn3NWxFeu9m1FhN5WUGOpkjcakm&#10;sQ2ogimhOshqh40SwGnJ6o1WwPz6CnBbkyG6tz7p7w3+65Sm2i0ddR0U9/BUZaVnGFxUMZa/2kEi&#10;GaVATaCB9ZLSXaoNcnp3TQUHn/IdADk8nXZjIV2UyNRJVV+Sq5K6tqZTdpJZXLyOx/JZ2JPuvTwF&#10;Ohj6YoaXCTbi7Xy8ccmP61oFrsPTTg6arO1JaLEU/wBQWWOcGofSSUWIEjST7sMZ6bdtWB5/4PPo&#10;Ga+sqsjWVeQr55Kqur6mSurqqY3eSaV2eSRz+Wd2JJ/JPuvVSa9HE+NvWNJkdlb+31uXJjbm3K2l&#10;O1ajNyOsZjxoKT5kwswNnqY1jpFk+irJUWDuoja6jqhahA/P/J/q+zoP+2O26js2twXWHW2NbBdd&#10;4+ugwu19vUgMTV07SiKGeoW9yXle8aMSQzGSUtMxK6Jr1tV058zxP+ry6ZPkhkaKn3hiOvsO6the&#10;q9tUuzKd4+FlqkQTV9QR+JZKmQo/0u0d7c3NXYLjpyLIr65/1fl1l2DfaPRnbO9mDxVu8Kuj6qwM&#10;w4uk167LL/Vlko40XiwuLHV9BoV0k+uOtsQWA9M9NPxwx1PV9tYHK16scVs+jrd65R1AOiPG0sk8&#10;b82AtU+Lk/196RKEV+3rzNUGn2ft6aeqKabe/d+zHr1E82a37DnckjXOsLUmvqgSObGON7nj+tx9&#10;RtRnPr1pmoCR6HpfdTTzdgfLChzSr54azfmT3SWRSUjhh+7q4m9QbSq6EVSeblQDqI93GT16TsQ/&#10;ZT/J0aiixuL6J6s7wyu19wx5Xs2KKnrt5ZemAkgo6+sllWkpII29ANF9473dSxaQPINNoU98APr0&#10;2R4rCvDNOhC2fnamLdmxamoqJqutl+MUWam+4ZmaaSGpxzNJJI1yXLzG5JudZPPPvanh/peqOAQR&#10;/wAM/wAnSE+c22TlescLuaKHyVG1dyok0v8AxzpK+NoZT/yFVR0w96mFRXrduQDT1H+DqpoOSGtx&#10;x7S9K+uCfm31/wAffut0p1ydgNNz9T/t/fureteseo+q3A1e/da1dGx6/wCqdrde7ape4+9oJUxM&#10;2ibYvXQKiszU3Dxy1ML8x0IFmKvYOpDyftmOOocVQBVvyHr01qLHSv5n0/2f9X2Aj2r2xujtncT5&#10;zcdQIqSn1QYLAUpIpMfTm2mGnTgXIVdchGqQgE2AVVox1dKEQIKDoLSxP+A966v1iZrcD6+/deEe&#10;s1PWPk/4n3omnT2E6691LU6a16uuj9D/AK3trj1rrByzKihnd2Cqi8kk8AAfUk+/dWC16OXtnbW3&#10;/jRt7HdkdkY6lzPb+Zpfvetutq3lcYpuI8xmEBDJIjC8URsysNK2nDvRqVUQDU3HyHTB/WOlTRfx&#10;N6/If6v9kpW7N1bg3pnslufc2TqMtnMvUmora6pPJNrKqKLLHFGoCoigIiAKoCgD2wzFjU9KUova&#10;BgdJn3Xpzr3v3Wiade+vA9+6bL+nXI2HA+v597OOtBSeuBIH1966coF6+nL8D6ulofgV8M62tqIa&#10;SjpPiJ13U1VVUsqRxxps3Ds7yOxCoiKCSSQABc+4zvlLXEgGSZHoP9sepo21xHaRMxAAhjJJwANA&#10;6csdT1XyJ3NBuDJ09RT9K7VyBfbuJq1aM7hr4jpNbUxMLPj4GDCNT+o3VhdpkVYxG2JpH9qwyf4B&#10;6D5/6vToiiU8zSiRwRaxnsU48Zx+Ij+EeQ/2ejVAAAACwHAA9k/Qv697917r3v3Xuve/de697917&#10;r3v3XugJ7TzGR3TlqDpnalVLTZLclJ99vjNUp9WKwOrROQ1iFrMjzBApBIDNIQo0uDGzQQgzvwXC&#10;D+J/L8hxPQe3eZrtxYwmjOKysP8AQ4uB/wBs3Aft+fQy4jE47A4rH4XEUkVDi8VRx0FBRw/pjiiU&#10;Iii9ybAckkknkkkk+0LuZCWbJJqejyCFbdFjQUVQAB6AdOPunTvXvfuvde9+691737r3TXnMzj9u&#10;4bK57KzCnxuGx82Trpjb0xQRtI5FyAW0rwL8mw/Pu8cZlYKvEkAfn0zcTrbI0jmiqCxPyAr0gepM&#10;PkKTbVRuTPQNT7n3/k5N552GS5eA1SotHQkn1acfj44INP0DI5ABY+1N64L6F+FBpHzpxP5mp6Lt&#10;mgZIjLIKSTMZXHmNVNK/7VQB9oPQpe0fRv1737r3Xvfuvde9+690Xbq9v7w9xd7bvv5KTHZPG9d4&#10;pxzoOMpi+Qjv+b1cym3Fvpz9fZpefpQQx+oZz/tjj+XQZ2k/U313N5KyQr8tC1b/AI0ejE+yvoTd&#10;e9+691737r3QLY8GD5C7njRjor+ocPWzqbfriy+YhSxtcAITx/U3/pZe2bVflIw/4yp6Ioxp3KT5&#10;28RP2iSQdDT7QdHvXvfuvdBHtwDDdvdi4e+mHdGCxG+6SNeF8yLPh67j6aglDRs1vrrBPN/a2X9S&#10;BG/hLIfsww/wnomtf0L2ZPKRI5R9orG3/HF/b0LntF0c9BXskHbm7N7bFchKI1Y35teP6AUeVllN&#10;dAgva1Nl453IAAWOqhUC1iVlx+qiSf7RvtUY/atP2HoosP8AFZpbfyr4sf8ApZCdQ/JwT9jDqZgQ&#10;Np7qr9ptaPC7jap3RtP8LFOZA+Wx6/gWnm+8hX6lZqhUAjpuNSfrIH81orfZ+E/sFD9g9enLf/E5&#10;jD+F6yR/I1q6/tOofIt5L0JHtJ0Z9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oMFifr/tveSHWG/XXv3Xuve/de697917r3v3XuuBcD6c&#10;+/de6xkk/U+/de669+691wLgfTk+/de6xkk/X37r3XXv3XusZf8AA/2/v3XusTNb6m59+62Fr1iL&#10;E/639PfunQoXrj791Uv6de9+6b697917rGX/AKf7f37r3WP37r3XRIH19+691jL/AIH+39+691w9&#10;+6910SB9ffuvdYy5P04Hv3XuuHv3XuuiQPqffuvdYy5P049+691w9+6910SB9ffutgV6xFyf8B79&#10;04Fp1x9+68Xpw66LAfX/AG3v3TRNesRYn/Af09+691x9+6cCevXRYD6/7b37q4FOsRYn/W/p7914&#10;9cffutpD6/s64lgP9f8Ap7904ziP/N1iZr8nge/HHTIcuf8AJ1iL/wBP9v7bL+nTwT16wswH+J90&#10;p59WLAdYixP1/wBt7102SW669+6sE9euDuFH9T/T37q9Rw6hu5bljx+B791VxXrCXJ+nA9+68Epx&#10;68EJ+vA9+68Xp1z4Ue/dUy3WH37p7rgXA+nPv3XusZJP1Pv3XuuvfuvdcC9vpz7917rEST9ffuvd&#10;e9+691jL/wBP9v7917rEzAfU3PupanVgtesRYn/W/p7bLV6cC064+69W64lgP9f+nv3VgtesJ5JP&#10;9T7904AF69791Uv6dcSwH+J/p791UKT1hZvyePfunQKdYme/A4Hv3W+sJcD/ABPv3XusJNuT7917&#10;rGXJ+nA9+691w9+691jk/Hv3Xusfv3XuuBcD6cn37r3WMkn6+9EgdbAJ669tFq9OhQOuBf8Apz/j&#10;7r1ov6dYiSfr7915DXr3v3V+ve/de64sQAR+bfT37rwx1h9+6sWLdYy/9P8Ab+/daK06x+9E6evA&#10;V66JA+vtosT06FA6xs1+B9L+9A06t1iLAf4n+nvXXusTNfkmw9+691hL3+nHv3XusTNb/En3ZV1d&#10;e6xEk/X25hevdde2jnr3XAuB9OfeuvdYvfutgV697904Ep1wLgfTk+/db1VNOsZJP196Jp1bpcYH&#10;HUWHxo3jn6eOpp/K8G18LUC4yFXH+qaZTa+NomIMp/3fLoplBUzvDXV5nqpPSOyWTrcrXVeSyFTL&#10;WV9dO1TV1U5uzuxuzH/Y/QCwA4Atx7a49VL04dN5JP193PDqy5HQj7Wo6PbeM/v/AJ2mjqPHO9Ns&#10;rD1SgpXV8dtVVMjcPj8axDSDkTTmOn5XzlNAUz+zrxzjpAVtZXZivqKuqmqMhkslVtUVE8hLyzTS&#10;uWZj9Wd5Hb/XJPveVz1YDo7WDosb8XOt33Vm4qep7g3tSGmwuIns32EJCsVkA5Cw3V6k3GuXx068&#10;K0hvXRnzPTJ/UNPL/D0WLN5OuwGLrZclVz1W/d/QnIbiq6q5mpMdUkTLCzMNS1WW1CaYixWl8UQJ&#10;FTPGrf8Al6d6CYv/AE/2/vRFOt9KbaO3l3Fl/BWVD0GGx9M+X3JlVGr7Wgg0maQA8NNIWWKBDYST&#10;yRRXBf3YY/y9e6NjsHauDaGp+QXa9ImI2Lgo4qXrrZzgOZ4qYGKgiSJivmWPQDGCB9zN5KqYiEO0&#10;mwPM9ULZoOPRcOx+wt0dx70GSq45pZ62pTF7c2/SFnWnjkcJDTQL9Xmlcgu1gZJDewGlVqTqPVgK&#10;dZ+0KulwsGG6tw1THPjtlNJNuGspjeOtz9QqjIzhhxJFSBEo4CRwsLuP86b+bGP9VetoaGvQSxxs&#10;7pHEjSSSOI40QFmZmNgqgXJJP0A9162ST0OPbbR7MwW1On6KRfuNvxDc+/HiIIlz1fErGFipKuMZ&#10;RGOBWH9ppAQGv7scY60PX1/wf6v8nXPo7o/J9rZRq7ISS4jY+KqFGbzpFjI3pP2dIWBV6mQEXNis&#10;SsGYFmjjk8q160Tp6UnyL7Shqq1untjRQYTrbY04xQocebLW1dO370szDmSOGo1BblvLIGqZGd3X&#10;x+Y+XXlXzPH/AFY6Svx2oqSl3TnOx8vAsmD6p23UbslSXVplrtDQ4ym1L+mWSpbXH/tUXPF/dQaH&#10;7BXq7Linmcf5+gFyWQq8tka/K18rVFdk62XIVs7fV5ZnaSRz/izsT7aClsnpzV5Doeu42G1ti9O9&#10;aJpjqMfth987iRP1GuzchljjmANjLS0saoOOEcckEWdYhQOm6aift/wdY+sSdudQd372Z2gqMpjK&#10;HrXDsB/nf4lOJslGW/FqKBTYXuCb24v5Tgn8uqniAPtP+D/Cep3xSwWTzfZWXrsQqHJ7e2Hl8hiG&#10;kOlRWVEAx1OvksRGWetJ1H6KGP0Hv0Z1HHV3AVc+o/w1/wAnRkNjS9f9K0nYWyNkzx7g33t/rLK7&#10;q37v1WUJBPRwKkGMojqXSVrJ4yUVuGULIzzcU9hRa+tMnqjVcgnhUY6AvZss0fxG7rys8sslXnt/&#10;Y/GPVuzPJI8c+IqJTKzEk6kne7clixv/AF9tj4D9vV2+IfYejcbPcP2N09QuoaDK/GA42o5IIRpc&#10;VIxUj6NeO3+sT7dHEfZ0nfCk+jk9CNv7FN2T8fMvRmN66q3B11Fm6KIFi0lXHSxZCj5b1Xaqij+v&#10;J/P592buX8um17JPzI/ydUcKLqb8XP19oujQ9h6xvJZbJ9L2v73THWtXXkilnkhjiR5ZZHWOOOMF&#10;mZmICqqi5LEmwA+vvZ4DrVK9HI2v19tPoLB0HZPdFFFlt71yLXbC6ndl8inkJWZeN1bxKji4RgRG&#10;V0sHnvFFcLoyfyHTJYyYXh5t/m6LV2J2Huns7cdTujduQatyE/7NPCg0QU0AJKU9NFciKFLnjlmY&#10;l3ZnZmLbMWyen4gEwOHQfv8AX/Ye9dPdYyQPr7917rEx1Hj/AFvdGJ4Dqwag69+n6cn+vvVdP29V&#10;64EgfX23x6913DFPVzw0tLDLUVFTKtPT08Cl5JHchUREUFmdmIAABJJAHPv3XujlYXBbd+K2Kot6&#10;75osbuXvDLUy1eythzN5IMFG6i2Symgj/KlJIjQG4YERNrDzQKAohyePkPTpouZu0YHmfX5D/P0U&#10;TdW6s9vTP5PdG6MnUZbN5eoNTW1tSeWPAVEUWWOKNQFRFAREAVQFAHtlmLGp6dVfIdJpmvxbj3Xp&#10;5Vp1x9+60Xp1768D37pvLdcr6fp/sW/4p791dU8z1iL2+nPv3Wy9OHXBVeV1RFaSR2CIiAkkk2AA&#10;HJJP0Hv3VKFuvovfDXGbo7g+KPxM62rKPK7Y6264+OHX+3uxBVo9PU5bMYzbGIhqsOnKulNR1MJW&#10;dhY61v8AXxMoKu9O2ySOaGVncqP4AScn5n/V59SFZB+YY4oFqttGkYkbgZXVV7Qf4RTJ/wBg9WfU&#10;NDR4yjpcdj6WCioKGnSko6OlUJHFFGoVI0RQFVEUAADgD2HmYuSTknJPQ5jjWJQqgAAAADAAHl1K&#10;916v1737r3Xvfuvde9+691737r3SD7F31S7B27JlGppMnmK6oTEbXwFPzNkMjPdaaljA5szeqRv7&#10;Eas1iQFKm1tzctTgBlj5BRxPRdue4DbotdNTE6Y0HF3PAD/L6Dps6v2LU7QxddkdwVMeU33u2r/j&#10;e9Myn0kqSLR0sBNytHQxERQr9LBnAXXpFru4E5AXCLhR8vU/M8T01tO3myQvIdUsh1St6t5Af0VG&#10;B+3z6E/2k6Nuve/de697917r3v3Xuve/de6BfsErvXdW2urYSZKASRb339oJ0rjaKYGhoZLWBOTy&#10;KKCt7+CCc25B9r7X/F0abz+BP9MRk/kP5kdEW5f4/MloOGJZv9Ip7VP+nYf7yD0NHtB0e9e9+691&#10;737r3XvfuvdNecy9LgMLmM9XNpocJi6jL1jfS0VNE80hv/giH3eNDKwUcSQB9pNOmbiYW0bSNwVS&#10;x+xQSf8AB0DPxrxFVQdT4bLZJSMvvWvrN85ZyLa5clUPLFJzyddKITf8/wCtb2v3Vw0xUcEAQf7U&#10;U/w16I+VoTHZq7fFKWlb5lzUfyp0PXst6EXXvfuvde9+690CeIjaX5Bb2qHkY/Z9X4OjhjP0Cy5D&#10;LSn/AGzoT/yEfZhJi1T5yOf5KOiGDu3KU+kEQH5vIehs9l/R91737r3QSbrvi+2Oq8wgVEzdFnNj&#10;VspP6vNTQ5elU/i6vh5dP/ByPqR7Ww98Mi+hRx+RKn/j3RNefpXlu/8AEJYiftUSD/q2f29C37Rd&#10;HPQVdjWwWS2V2AhEabczgwGfkJsDic48NFOXP4SmyC0VUx50pTv9ASQstf1A8X8Qqv8ApkqR+0VH&#10;59FG5/4u8Vz/AAPof/mnKQp/Y2hj8lPSo3pgqrOYX/cVJHBuHDVaZ7bFVKbLHX04bxpIeSKeqjeS&#10;mqLcmnnlVSGIIat5BG3d8Jw32H/KOI+YHSu+tzcJ2YdSHQ+jjh+RBKt/RJ6ctuZ2l3Lg8bnKNJYY&#10;shTCV6WfiWCVSUnpplH6Z6adXilX+zIjL+PdJYzCxU+X8x5H8+PTttcC6jWRfMcDxB4EH5g1B+Y6&#10;e/bfT/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Wgv7yQ6w3697917r3v3XuuiwH1/23v3XusRYn/W/p7917rj7917riWA/1/wCnv3XusZYn/W/p&#10;7917rj7917riWA/xP9PfuvdYma/1Nh7914CvWEv+B/t/funAnr1w9+6sWA697900TXr3v3WuuBcD&#10;6cn37r3WMkn6+/de669+691wLgfTn37r3WMkn6n37r3XXv3XuuBe3059+691iJJ+vv3Xuve/de6x&#10;l/6f7f37r3WP68n37r3XvfuvdYy/9P8Ab+/dOBPXrH791YsF699OT7902Wr1jL/0/wBv791XrH79&#10;1YLXrokD6+/dOhadYy9/px791vrh7qXp17rokD6n3QEsevA06xlyfpwPbvVXmJ4dYS4H05PuhenW&#10;kiLccdYmb8k+6ZbpQAEHWIuT9OB7uEp1UvXrh707V68Erx66JA+vtvq9QvWJnJ/wHv3TZYnrCzAg&#10;gf7f37qyrTPWBgTa3v3VyaddhQP8f8T7900WJ64l/wCn+39+6sE9esf15Pv3ViQvWEsT/rf09+6t&#10;1x9+691xLAf6/wDT37r3WIsT/wAU9+69117917riWA/xP9PfuvdYixP1/wBt7917rG5Itb8+6Oad&#10;XQV6xe26efTlfLrokD6n3rrfWMuT9OPfuvdcPfurq1B10SB9ffuqk16xlyfpwPfunAlOuHv3Xi9O&#10;HWF/1H37ramo64H6H/W9+6t1g9+691wci1vyffuvdYvfuvdYy/8AT/b+/de6xM1uTyT7917rEWJ/&#10;1v6e/de64+2y/p17riWA/wBf+nuoUt04GoOsRYn6/wC2916qSW669+6sE9eve/dOde9+691xbhT7&#10;917rATwT/sffutjPWEkn6+/dO4Xrr37ptm1dcC4H059tu1etpx6xkk/U+2+nesb/AE/2Pv3XusXv&#10;3XusDck/6/v3XuuvfuvdYnINrfj3YNTr3WMsB9f9t78AW691iLE/639Pejjr3XH3rr3XEsB/r/09&#10;+6eLBesZYn/W/p7902Wr1x9+68nHpVbcwlJVpV5zOPPT7Xw0iDJS05VZqiaQM0NBSFgy/c1OhvWV&#10;ZYY1eZ1YKEerD16cZqdNO4M9V7iyL19SkNNEkS0mPx1IGWnpKaIaYaanVmZliiX6XLMzFnkZpHdm&#10;aJr01k9MfvXVwnr0rdpbdgzdTWV2WqJcftfAQLX7kycIUukRbTHTU4b0vW1sg8UCHjVeR7RRyMtl&#10;WvVz8um7de5Z9zZMVjwR0GPo6ZMZg8RTkmKioobiCmjvy2nUWkc+qWVpJnJeRiXuvAU6M50dsTB7&#10;J25P3z2UngxWKHl2XiZgDJVVHIiqUjb9btINNMp4uGqG0xxq/vRx1R+7tH59BPmd31u+c/mu3t9R&#10;JWY+iqhj9t4Ca5gqKpQZKTHRqSuqiokbz1jD9d1R9MlYre6Aajnq1KYHQKZHI12Xr6zKZKplrMhk&#10;Kp6ysqpjd5JZGLu7H+rMSfdyadW6hgE2tyb2A9tk1z17o73W/UOMx23Jqzf8q4fZeEdNw9j1VTdD&#10;XVkV/s8FE6fuNTY0sGrAvqlr5TRxq0tMHjsq4z1Vmpw49AJ3V3Bke1M9G8cbY3amFDUm2MEllWKI&#10;AL5pFQBPPKqi4HpjULGtwCzUY162BTrBsALsnbuW7VqwFycMsm2eu4ZApL5SWK9TkQrcmPEUsmtW&#10;sQKqWn59JHvwxnr3+r/V/q9egYklZ2Z2ZpHdizu5JJJNySTyST+fdet9DT0vjqHG1md7Tz8CVGC6&#10;zolytJSz/orMzMxjxFGOQSPuB5nK3KLFdhpPvY9evUrjpy6u6szPcWcze893ZN8RsyhrZszvPd1a&#10;yx+R2JqKiKF3Hj88mos7G6QIQ7gkxxyWVdWT15jToa8h3RQy47P5DY9Em3Oqeo8auP2ZjolKHK7g&#10;rDJDjaidHId4qUiauCPqctCJp7zOoj3q68q/tPH7P9WOiESSPIzvK7SSysZJXcksSTckk8kkm5Pt&#10;vpyor0YrP/78D4+7Z28P2c729mjvHND6OuIoD4sbDILC8dROfuYzz/a/rYWOB1QnUa/l0F/VW0m3&#10;32Ls/aoiMsGVzUX8QUX/AOAcN56xvxyKWKQj6c291GSOtjtr1z7c3Ym+eyd4boifXQ12YeHFfS32&#10;dMBTUdgOADTQobDi5PJ+prTWanrddIp0P1N1rurdfVXTnV22KR/vt35Wv7R3VUzAimoaaRlx+Nq6&#10;mQA+mWjjcov63YaI1Y+7lSwA/Pqi0BJPlj/L/lHQgZ3NbI6h6K35h+o8jLUZqLP0Oyc12LTqqyV+&#10;RmWSorUppV1FYqWjjdIvGxSLylonaTVO/iQqkL9nVqFyCftp6dFv6y/3G9T/ACA3HqIkXb+H2nAb&#10;tdzlMmpnAIFvTFTEtcjiwsb+6DAP2D+fVq5HzJP7B/s9LR2bF/DGNmOgbj7aOj+zq0QuOAP85zQH&#10;6/0/2ke/cE/Pr1e//a/5ejV4GpkpO9OicTASKeL4/eFmcAsyaBYMbWFmpkNwAb3H0Nvbg+ID5dMO&#10;O1v9N/lHQ/dP1sNd1tsKZZFDHaFJQrGpOnTQotK5UW4YNYN/jYD6e3E4D7OmbgUY/b/h6pN7X2ud&#10;k9jb02osbQ02H3HVQY9H4JpGkMlGxFgPXSyRt/sePaVxpx0YK2oV6SGJxWRzlfQ4jE0NTksnkala&#10;ShoKNGklllc2VERbkkk/8SePdOOOrqBxPl0cekxezvivQU2Y3LDjd599V1GlThtssVmoNuiRVeKp&#10;q2XiSsQ8jS2o8CEon+UO7QR8eP8Ag6ZzLWmF9fM/7HRRtz7qz+885ktybmylTlszkqgzVNXVNf8A&#10;tHSkaiyxxRjhI0ARFAVQALe2ia5PToFKAen+fpPMbggf649668DQ9Qy4H05Pv3T/AFj5Y/19+691&#10;2SF4H+xb3Rmpw691iL2+nPtrr3UrGYzI5vJUOIxFFVZPK5KpSjoMfRoZJZpZG0oiItySSfewK9bp&#10;0cOOLbHxQxq1VfHit2fIfJUKS02Ll01OP2tFMC3klZGKT5JoyLaW4BBQiA66pQKQfNv8HTGk3HDC&#10;/wA2/wBj/V9hNc5nstuPLZDO5zIVOVzGVqmrMhkKxtUksj/Vifxb6AABVUBVAUABvSWNT0pWOn+b&#10;pn+vJ9tnq5IXr3vXTZYt12ASbD37remmT10zqtwOT+T791utP83WEsT/AK39PfuqkluulVnZURWZ&#10;2YKqqLkk8AADkkn37qwT16OJt/A4H4zYHHb/AN/Y+kzPdGZpBX9d9eVw1R4aNr+PM5mO91qFPMEB&#10;sysPxMHelfUeFk8fIdMO/jYX4fM+vyHy9T19Dr4K5Cqy/wAJvh/mq90myWc+MGws9lalERPNWV21&#10;sVV1c7LGqp5KipmeRyALuzH6n3Fm4sWuJCc/qP8A8ePU47MgjtIQoAHhR4HzUHo1PtH0Zde9+691&#10;737r3Xvfuvde9+69025nMYzb+KyGbzNZDj8Xi6V62urJzZY40F2J+pJP0CgFmJCqCSB7vHGZWCqK&#10;kmgHTU86WyGRyAqgkk+QHQKdfYfJ7+3Gvce7qSejgFM9H1ftmsHOPx0tteSmT9K5DJqATxeODQmp&#10;gRoX3Li2XwENc1kYeben2D/D0RbbA+4y/WzimCIEP4EP4j/Sb+QoOh99lvQi697917r3v3Xuve/d&#10;e697917pn3DnsZtfB5XcWZnFNi8NQyZCtl+p0RqTpRbjXI5sqKOWchRyR7cijMzBV4k0HTFzcJaR&#10;tK5oqgk/YP8AL6dIfq3BZSkxeR3XuanFPvDftcu4s7Tn9VJF41jx+MBPOnHUYWMj/jsZnH6ySovJ&#10;AxCJ8KDSPmfM/mf5U6L9ot3RGmlFJJjrcfwilFT/AGq4+2vr0KHtH0b9e9+691737r3XvfuvdF8+&#10;SdfWS7Co9kYl9Oa7O3NQ7HoCpN0jqJhJVSkD6xLBEySE2AWS5Psz2pQJDI3CNS5/Lh/PoN80yMbc&#10;W6fFPIkQ+QY1J/YM/b0O2Nx9JicdQYqgiEFDjKKLH0cK/RIoUWONR/gqKB7LnYuSx4k1P2noQRRi&#10;FQi4CgAD5AUHU33Xpzr3v3Xuve/de6A/Zeip7w7tqNKFqDEbWxKuGuQTSV9VIpUfoutRGbHn8jg+&#10;zCfFvEPUyH+YH+Tohse6/uj6LAv/ABl2P+EdDh7L+j7r3v3Xugk7gH2uL2Znr6V232ht+ulk49MV&#10;ZXJh5mFwT/mcmwIUXIJHAJIW2PcWX+KNx+wav+feibeuxIpP4J4T+TP4Z/k56Fv2i6OemfcOEo9y&#10;4DNbdyILUGdxVRiKzT9RHURNE5W/0ZQ9wfwQD7cikMTBhxBB/Z0xc263UbRNwdSp+winSd61zlbn&#10;tl4WpyzXz1BHJgNyC9yMljZpKCvJ/ID1VO7rf6oym5BBLl3GI5CF4HK/6Vsj+R6TbXcNcQKX+MVR&#10;/wDToSjfzBP2dQsd/v1t8V+Fb0YXfHl3FhPwkWUhVf4pSr+F+8iCVsajlpFr5D9Pd3/WjDeaUU/N&#10;T8J/Lh/vPVIv8UnKfhlq6/Jx8Y/MUYfPWehH9pOjP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QX95IdYb9eJA+vv3XusRe/wBOPfuvdcPfuvdd&#10;EgfX37r3WMuT9OB7917rh7917rokD6+/de6xlyfpwPfuvdYS4H05Pv3VwlePWMkn6+/dXqF669+6&#10;bL169791XrosB9f9t7917rEWJ/wH9PfuvdcffuvdcSwH+v8A09+691jLE/639PfuvdcffuvdcSwH&#10;+v8A09+691jLE/639PfuvdcffuvdcSwH+J/p7917rEWJ+v8Atvfuvdde/de64FwP8T791YJXrGST&#10;9ffunML11791QvXrgXA+nPv3VOsZJP19+62BXrr37pwJTrgXA+nJ9+6v1jJJ+vvRNOvdde2ixPXu&#10;sZf8D/b+7BPXr3WMn6k8+7EhevUrjrCWJ/wH9PbZYnpxYwnXH3odeL+nWNyLW/N/bpIXqoBbrH7b&#10;LV6cChesZf8Ap/t/deql/TrCzW+tyffuqhS3WIsT9f8Abe/dOhadde/db64s2n/Y+/dVZdXWIsT9&#10;f9t7914AL11791QvXh1wLgf4n37rwWvWEkD6n37p3rGXJ+nHv3XuuHv3XuuiQPr7917rGXJ+nA9+&#10;691w9+6910SB9ffuvdYmbV/sPeut9cfbbtXpxFp1if6j/W906v1w9+691737r3WBvqf9f37r3XX0&#10;5Pv3ViS3WMv/AE/2/v3Vgnr1hZgPryffunOsTNf6mw9+691hL/gf7f37r3XAn6n/AGPv3XusBJP1&#10;9+69117917rE5BtY/T37r3WMkD6n224qevdYy5P0497CU691w9+L06uq1697a6cAp1737rfXvfuv&#10;ddFgPr/tvfuvdYmYn/Ae/de6ws45A/2/v3XusJYD/inv3VgC3WMsT/rf096PDrbLTrj7Y6sq064l&#10;gP8AX/p791frEzX5PA9+49e6xF/6f7f24E9evdYWYD/E+6tx691iLE/X/be69e6xuSLW/Pu6CvXu&#10;sXu5YDr3XRIH19snPXusZcn6cD37r3XD37r3XRIH19+690+bdwU24a6SH7mLG42hpzX5rMVIYxUd&#10;KjKrzOF9TsWZUjjX1yyskaeph791sdZtzZ+HLPSY7FU8uP2zhQ8ODx0pBezlfLV1JWySV1WUVpnA&#10;tZUiS0UUarR+HVwtekqSB9fbXVsL05YPDZHcmWo8Ni4lkq62QqrSsEjjRVLyzTSH0xQQRK0ksh9K&#10;RqzMbA+9gV6oWLY6UO8M/j1pqPZ22JXfa+EmM71pUo2Ur2UJPkpUNmCEDx0sbcw04FwJZJizwFOr&#10;qKdCJ0J1DHv/ACtVubdBFF15tQmrz1bUN40qHiXzGkWTiyBPXOwIKREC6tIh97607U4cepfavYFX&#10;3hvKlwWDkiwmwNtJIMb5VMdPTUdOlqnKVMaC6qsK/txKupU0QxqZXIegap68o0j59Aju3P02Yq6a&#10;jxMEtFtrBU/8M29QzW8ghDFpKioK8NV1spM0x5AZhGloo41XRf06v0lPdOPXujS/GrqqLc2Vq+wt&#10;ySx47aGzGNSlXVaRHJWRJ5td5B4vHQpaZy91D+IMrp5F92QVyfLqrHT0n+9e5/7/ANZFtra6vjev&#10;Nvy6cVRoGjaslHBrKhCbm7FvEreoBi8n7kjBdyPqx5daH8/M9AntbbuQ3fuHFbdxvjFZlaoQLNMb&#10;RQxgF5qiZv7EFPCrSyN/ZRGP49049X6f+zNz0Gay9JhduvKuy9m0f93tqxSHmWJHLVFfItlHnyVS&#10;XqHNgQGSP6RqB4nr3QcpFLNJHDBHJNPNIsUMMSlmdmIVVVQCWZibADknge9dbXJ6PNjOoJ8ricJ1&#10;tW1se3dg9e33d3Fut3VEmzlRAsktDDKxMMkmMoSsBk/RDqkeVS/jjkcp5ft6oz5r+wfLoHO6O6KT&#10;dFLS9edeUn93erNvEU1BQU4aN8i8bXFTUg/uGMyXdEe7s5M895iFiqzV62qn7T0luz2G1MFtHqqE&#10;6KjBU/8Aereyo1w2byUUbCB7CxbG0Aig4PEjTD68+9HGOr1pkdILYO06vfe9NtbSpNYlzuWio5ZY&#10;xcxQX11M9uLiCnV5D/gp96Geq1p0rO9t2Uu7uyMu2K0x7b27HFtDa9PGf246DGr9vGYuARHK6vKo&#10;IuBJY/T3V+8/Lq6do+fSo6dI2nsrtntOYrFU4zby7F2qW1Bjkc03ikmhIsPLR0aNIbm2l/ofdwKZ&#10;6oT5fn+z/UOkh1F0/ujuHcC43DRmjw1FIjbg3FOt4KOJrngXXzVDgHxxKbseWKRhnXS93Drzdgqe&#10;h++RnebYf7npfrryYrC7bx8O0dxZxCBVVSUMYgGPikWzR0sA1JKRYyOZEAWMv5tSSUwOrRp+I8eP&#10;QNb1f+A9DdQ7eU6J90ZnM9g5OD8jTJHjKBz+P3IInI/oPeuAH7erjJP5D/L/AJesEenE/Gapc3Wr&#10;3j2+kABXhqTF4suW1X+oqqoAAD8Nc8291/D9p63+L8v8J/2Ol32W38K+J3RWGPofL7jyW4JRwuvR&#10;NkNDledRWOtVQ1/pa45AFmwg6ouXb8v8HRp1kjo/lL0/jApEMPRfipmPJv8A7kj6j/QJTfX+p/2z&#10;vBx9nTTZRvt/yjoSui66P+5GwohKSkVPuTDUwkUamNNnGjVbgW9MdK3PGqwJ592j4ft/w9VmWpP2&#10;j/B0UL5Y9Pbo3T3lgW2bg6jKVe+9vRSSvCLItRjmWkqJqiQgJBBBStSapHIF2Ci7FQWZVq3T0TAL&#10;9nSSyu59mfGbHVe1+vaqg3h3PWUrUW59+lRJSYfWNMlHjFYaWnT+0Tqs4/fuR9tFWojwOPr6dOKv&#10;iZPD09ft6J5kchW5Wvq8nkauor8hXVD1dbW1btJLLLIxd5JHYlmdmJJJNyfbXTo+Hpu1ga7/AF1E&#10;+/dVHXEsT/rf09+611g08n8Afn37p8dcXkVRpX/Y+9HPW+o5Yn6/7b20wp17pR7R2huPfWfoNsbV&#10;xVTl81kZNFPS04FgB+qWV2ISGGMcvI5VEHLEe/KpY0HWiQoqejS5Lcm0Pi/jqrbWwKzHbw7vrqU0&#10;e6uwEUS0eC16fJQYtZFZJqgAlZJD9CP3RqvTQvswi4cfX06b/t8thfIev29E2rKyqr6qqr6+pnrK&#10;2tneqrKuqdpJZZZGLSSSOxLO7sSWYkkkknn2nr0/Unh03+7F68Otl68Ove6deC169/r8D8n37q+F&#10;6xtJcaV4H5P9ffumy1esfv3WwlevAFmVVDM7sFRFFySfoAByST791fC9HD2/gcF8aMFj9/b/AMdS&#10;5nufM0gruvOu64Bo8NG1/HmczHe61CnmCnNmVh+Jg7UqhQIhU8fIenSZ2M/aML5n1+Q/ynop+49x&#10;5zd2cyW5NyZKpy+by9SavIZCrN3dzx+LKiIoCoigKigKoCgAMMxY1PTqx0xwHX03/gH/ANkI/Cn/&#10;AMVJ64/947De4xv/AO3k/wCaj/8AHj1N+1f7iw/80o/+ODo23tJ0v697917r3v3Xuve/de66ZlRW&#10;d2VUVSzMxsABySSeAAPfutE06LjHq753KJmVz01tDJ6qe9wm5crTt+sg28mIoJB6eCk8y3u6qVjN&#10;f+Scn/DWH+8Kf+fj/IdBgf8AIhlrn6aJsf8AD5F/wop/In+RjwAAABYDgAeyroUde9+691737r3X&#10;vfuvde9+691737r3QK5z/jI+/wCl2lEDLs7r2rp8/vKQX8VZl7LPisUfoJI6MWralfUuv7WNhcsP&#10;a+P/ABWPX+J6hfkvAn8+A/PoiuP92dyIR/ZwkPL6NJxRPnp+Nv8AajoavaDo9697917r3v3Xuve/&#10;de697917otpf+/3yQRF0z4LpPa5Z2FmX+N5tdIH1s3joEP8AUxyoRwTcGv8AuNa/OVv+MJ/s9Bev&#10;7x3T1S1j/LxZf8yj8iOjJeyroUde9+691737r3XvfuvdAb1ITkd3d6bga96rs0beUn8riMVQUot6&#10;VJAZit7kXBH1BJMb3tSFf+F1/wB6Ynog2b9Sa7k9Z9H/ADjjRehy9l3R/wBe9+690FPeMcjdS77n&#10;iRpJcZg2zsare+rHyR1wNwDbSae9yCBa7Arce1u3f26D1NP24/y9FG/g/RykfhTX/vBDf5OhTikS&#10;aOOaJg8cqCSNx9CrC4I/1wfaMinRsDqFR1z96630F22gcF2PvvbpCpR7ip6PsLEqv08kiDGZSNQf&#10;pomo6edrcF6st+pj7WS/qRI3mtUP/Hh/hI/Loptf8XupYvJwsy/aRocftVT/ALbpQ75wlZm8BJ/C&#10;TGm4cPVRbg21LIdIFdRt5YonexKQ1ia6WcjnwTygfX21bSCNu74TVW+w/wCbiPmB0pv4Gnj7PjUh&#10;0/065A+xsqfkT08bezdHuTB4nP0AlWky1BHXRRTjTLHrUFopk+qTQtdJEPKOrKeQfdJYzExU8Qad&#10;PW1wt1Gsi8GAIrxFfI/McCPI9PHtvp/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0FC4H05PvJDrDfrGST9ffuvdde/de64F/wP8Ab+/de6xkk/X37r3X&#10;Xv3XusZf+n+39+691iZgPqbn37qwWvWIsT/rf09+6cCheuPv3VS/p1737pvrokD6+/de64F/6f7f&#10;37r3WP37r3XRIH19+691jL3+nHv3XuuHv3XuuiQPqffuvdYy5P049+691w9+6910SB9ffuvdYy5P&#10;04Hv3XuuHv3XuuiQPr791sCvWIsT/gPfunQoHXH37qpf066LAfX/AG3v3TZNesRYn/W/p7917rj7&#10;904E9euJYD/X/p79051jLE/639PfuvdcfbZf0691xLAf6/8AT3UKW691iLE/X/be3AAvXuuvdS/p&#10;17riWA/xPuoUnr3WH3oCvVqluuj9D/re76KDq4SnHqOxIF/r7rpPHrxenDrCST9fdemya9de/da6&#10;xP8AX/Ye/dOpw64e/dX697917rE5Btb8e/dVZtPWMsB9f9t7902AW6xMxP8AgPfunAtOsJf+n+39&#10;+6t1jJJ+vv3Xuve/de6xl/6f7f37r3WP37r3XvpyffuvdYy/9P8Ab+/de6x+6lqdWC166JA+vtot&#10;Xp0LTrGX/A/2/vXW+uF735ufz7917rokD6+/de6xlyfpwPfuvdYS4H05Pv3XusTN+Sf9h7909hes&#10;Rcn6cD37qwz1iZrcW59+691iJJ+p9+69117917rGzj6Dn/H37r3WIsB9f9t7917rEWJ/wH9Pfuvd&#10;Y2JA4/rb37r3WH68n3otTr3XvbRavXuve69PJw69791br305Pv3XusZf+n+39+691hZgP8T791YL&#10;XrEWJ+v+29+6uwAHXXv3TXUf37p0tTrokD6n3o8OqaqnPWMuT9OB7Y6uGqeuHv3V+uD/AEH+v7sp&#10;p17rF72Xr17rC3LH3Tr3XAkD6+/de6xM1/8AAD3uvXusRf8Apz/j7117rEST9ffuvde9+691jL/0&#10;/wBv7917pww2HyGfyVNi8bF5quqY2LkKkaIpeWaaQ2WKCCNWeSRiFjRWdiFBPvVevcelDuPMUFNR&#10;R7S23OZcDRVAqsjk9JRspXIrIat1azLTQh2SkjYApGzSOqzTSj3XVnHVgaHpDF/6f7f35+HVi/p1&#10;0iSSukcaPJLI4SONASzMTYAAXJJPAA90C16qFLdCbmpU2DhqraFI4G7MxEqb5royCaSG4dMJCyn9&#10;QYB65gfVIEph6YZTM6BTq6r039YdcZjtLdlJt3F6oKYWqczlSpZKSlVgHlI4DSNfTGlxrcgXC6mX&#10;dCeHW2bSK9Db3t2RiMbjaLozrAGHa2AZaLOT0R1PXVavdqfWnMwWf1zNb92o4A0oNWmFcDqqA8T0&#10;BW45k2liZNj0UkbZeqkSo33XQEG00baocRG4+sFCwD1FjpkrOPUtLC7UYUHTnQb+2+vcOha6g6my&#10;/a24vsKdmoMBjdFTuXOsBopoDqIVS3paomCMI1+nDO3oRj7sor1omg6EXvDtzFVWOpepetPHj+ud&#10;tAUdRNSWH8SnhckvrX/O0wlvJq+tRMTO+r0H3tj5DqnD7f8AB0Vpmv8A63unVgKdDFCw6667esJ8&#10;e8u0aFqahUga6HbofTNPzykuYnjMScf8BY5GBAmUm3Afb1voEiwHJ/PuvW+jW/FnrmLNbjqezNym&#10;HH7L6/Vsj/EMhZIJK6NC8XreyaaEWnc39LCENw/u6r59VY4p59J/vjvk77dtnbLSXE9d46reZY11&#10;JLlagytK9bV39bLJMxlVHu7uxnnJlKrFpjXq6RUyeg+6gxVA+frd6Z+nNRtjrjH/AN7crC1glRUR&#10;OqYygJIK3rcg0aFSCGjElxYEitOnG7RToN8zl6/PZXJZrK1DVWSy1dLkq+pf6vNM5kkb+gGpjYDg&#10;Dgce/dNk16HrqJhsXYHZPb8v7dfFRf6PNkORz/EsigaqnjPFpaKjs6/ghnB+gBsBQV/LrX/F/wCr&#10;8+i3AhQWY/X3Xh16nR76Ppyvy3VvW22MzXrtHYuPpZu2ez9yVjKiCWtCpQ0kKsLffQ4xbPruIg6s&#10;w1PHFJsrqHy4nrYOk/PgOnDZPbGGy27qba3X2NfbvSXUuDr99ZZIbx1OYOLiMkVVVSOvkCNWmF1j&#10;cl5Cuub1BI4bA+nDrRHrxOPsr1X7kq+tzuXr8pVs1RkczkZa+pYcl5qiVpHI/wAWdz7YfpR0N/yP&#10;kFBvjEbLjdTT9c7Fw+y18f6DLDSLUVDcfVzPUsGPJJH1Nh73J6dUThX1J6xdnv8AwnqboTbCp4p5&#10;sJlt6Vv9ZP4pkSlK5+v0p6QBf8Pr9eLacAHrY4n8v8H+z0IvyMg+z69+M20orRy0+whkZ4zwpmr4&#10;cbybKFOmVJOeWOolvrdvSUoB1SPJb7afs6MZmKtZ/m5tSFWYrQbAkoVi50xg0WSm0IDwFtMG44uT&#10;+b+7k94/1evTQGmM/wCrz6WHx/8A4hlNkbTNHrkp9v8AbO4zltZUCOndM7p0BiCwNVWw8Lc3Ym1g&#10;xFkyPzP+XrU50Eg+a4/aP83Uz5Z5veO3enshltoZKbFzxZSmoc9kqUKtQuOqy1PKsM366dpat6cF&#10;ks1uARe/vUoxUdN2xBah/L7eqZXb91yx/wAL+0nRivn9nXBn/A4ufr791v8AD1gH+7D/AK/v3Wgv&#10;XMm31PHv3Wjj+fUeVybAcA+/dOJ1g90L06v0JPWXVe6+1s4cRtymjipaRPus5n8gTHQ4+nFy09VO&#10;RZQFUlUF3ex0iwYjSIZT1V3CCp6Gfd/am0+qMDXdY9CVLT1NWn22+O3wAlbkpFsHp8Y6ktS49WB0&#10;sjEEEmJjc1E12kCCifmem1QsdTfkPIf7PRRGk5J/USbkn/fc+2SKdKQlePWIkn6+9dOAU69791oK&#10;B14cgm9lH9r/AIp/X3vrRfrEzluBwo+g/wCK+9dUoW64e/dOBQvXcMc9VPDS0kMtTU1MqwU8ECs7&#10;ySOQqIiKCzOzEAAAkk2A9+6qz+nRwMZhdufF7F0m6N50eJ3T3vkYo6zamx6lhPTbbjZVkTI5ZUaz&#10;ZGxBghv6DZ1Or9yNQAIcnJ9PTpMKzmgqF8z6/If5+iobj3Hm925vJbk3JkqnLZrLVJq8hkKs3d3P&#10;H4sqoqgKiKAqKAqgKAAwzFjU9K1ULw6YS/8AT/b+9dW6+n78Af8AshD4Uf8AipHW/wD7x2G9xlf/&#10;ANvJ/wA1H/48epp2r/cWH/mlH/xwdG39pOl/Xvfuvde9+691737r3Rd905Ov7gz+Q622tV1NFsfD&#10;zmk7O3ZRlkadvo+Bx8ukq0rg/wCVuLhIz4yeSkhpCgsVEr5c/wBmp8v6R/yf6qBm7mbe5DawkiJT&#10;SeQYr/wtT6/xHyGPtHrG42gw2Po8ViqSCgxuPpkpKKipVCRxRoAqIijgAAf8SefZa7mQliak5J6E&#10;UUSwKEQAKooAOAA6ne69Ode9+691737r3Xvfuvde9+690H/Ym7qra+JpqXCU8eR3juWsGC2finuV&#10;lq5FJM8wHK0dFEGnqH4AjTTcMy3U2sIlarYVRVj8v854Dot3O9NogEYrI50Rr6sfM/0VGWPoOnLY&#10;+0abZW3aTCw1ElfWGWTI5vMVAAmr6+pcy1lbMR9ZJ5mJAJOhAkYOlB7rcTm4bUcDgB6AcB07t9kL&#10;CIRg1OWZjxd2yzH7T+wUHl0rvbHS3r3v3Xuve/de697917pP7r3Jj9n7azu6Mq+mgwOLmydQLgFx&#10;EhZYkJ48kr2RB+XYAcn27DEZ3CLxJA6TXl0tlE8z8EUsfyHD7TwHQVfHrbmQxew/7y59W/vR2Plp&#10;9+59pAQytXtrp4gG9SpHSiMhDbQzMth7WbnKHk0L8KAIP9rx/n0T8tWzRW/iyf2k7GZ6/wBPgM+g&#10;pjy6HX2XdCHr3v3Xuve/de66JCgsxCqouzHgAD6kn37rxNOgL+Omqr63G5ZU0T733Zm94zAjST97&#10;lKnxufz64I0YXuQCAfpYGO6dsuj+BUX9ijoPcsd9r4p4yySyf71I1P5AdDr7LuhD1737r3SM7HpP&#10;4h15v2g0eT73ZeUpPGTp1eShnTTquLX1WvcW/r7UWjaZUPo6n+Y6Q7mni20q+sUg/ahHUzZNWa/Z&#10;m0a9i5at2xQVZMvLEyUkT3Y8+r1c/wCPutwumRh6Mw/mer2D+JBG3rGh/aoPSn9s9K+gw30Did0d&#10;bbsUlUptwS7MyZ+l6TOxrFGCf6nL0tAAPzc/m3tXb96Ony1D7U/6FJ6Kdw/Rlgm9HMTf6WUUH/G1&#10;ToT/AGk6Nug425/v3N4bj2k10x+a8m+9tL/ZH3EwTNUyD/mzkZUq2J+pyOleIzZVL+qiv5jsb8vh&#10;P7Mf7Xostv8AFpnh8mrKn5mkg/JiG/2/y6Ef2l6M+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QP95IdYb9cSwH+v/T37r3WIsT9f9t7917rr37r3XEsB&#10;/iffuvdYWb8k8e/dbAr1iLk/Tge/dOBKceuHv3Xi4HXvfumya9e9+611wLgfTn37r3WMkn6n37r3&#10;XXv3XuuBe3059+691iJJ+vv3Xuve/de6xl/wP9v7917rGST9ffuvde9+691jL/0/2/v3Xusfv3Xu&#10;vfTk+/de49Yy/wDT/b+/dOBPXrH791YsF66JA+vv3TRavWMv+B/t/futdcPfurBa9dEgfX37p0Cn&#10;WMuT9OB791vrh7oXp17rokD6+6Zbr3WMuT9OB7uEp17rh78Xp17rokD6+6Zbr3WIuT/gPdwtOvdc&#10;ffi9OHXuuiwH1/23u4FOniQvWJmJ/wAB7902Wr1hZgRYf7f22zV6r1j9t9e697917rCxBPH9Pfun&#10;lFB1jLAf6/8AT37q3WMsT/rf09+691jYkDj+vv3WiK9R2YD/ABPv3W+sRYn6/wC29+69117917ri&#10;XA/xPv3XusRJP19+69117917r3v3XuuL/pPv3XusPv3XuuBcD6cn2n6UdYySfr72BXrRNOuD308f&#10;7H3ZloOqq1T1jDab/wCPunV+uDNbkm59+691iLE/4D+nv3XusTNbgfX37r3WL68n37qwBbr3v3To&#10;x1hYgnj/AFvfut9cDwCf6e/de6wlif8Ainv3XuuJ+h/1vfuvdYPfuvddEgfX37r3WNmvxbj37r3X&#10;D20/Hr3XvdOtgV697906op1wLgfTn37q3WMkn6+/de6xuSLWP19+6ugr1i9+6sXpw66JA+vv3TZq&#10;c9Ymcn/Ae/da6wl/wP8Ab+/dXCevWMkn6+9Hh1Zlrw697Y62Fp1jL/0/2/v3VusTMB9Tc+/de6xF&#10;if8AW/p7917rCzW4H+39+691j9+691wf6f7H37r3WL37r3XEsB/iffuvdYiSfr7917rNS0tTXVNP&#10;RUcEtVV1c601LTQKWeSR2CoiKLlmZiAAOSfej17pbZmtpdqY2q2liJoanLVgEW8s1TMrqxRlYYqk&#10;lUlWpaeVbzyoStTMAFJghjeWun/Z63w6Dskn6+7ABetdde9kV6dCU6E7EiPr/D0u66pVO8M1TmXZ&#10;dDIATRU7XQ5qZT9JWIK0CkfqDVVrJCX91vj0hMFhMzu7O0GDxFPNksxmKsQU0QNyzuSWd2P6VUXZ&#10;3PCqCzGwJ9+r1smnRw9/7gxXx02GnVmyqyGo7B3DTLVby3HTi0kCSIR6Ty0cjoxWnQ8xRFp7LJKr&#10;t6vVF78n8uiw4QDZmHi3jUj/AH8uWV49kUsnJgQF4p804P8AxxkVoqO49VQJJwf8lAkqWoOnOg4Z&#10;mZizEszHUzNyST9ST+SfbRNevdCD1p1vn+0NzU23sHEUiBWbL5WRSYaOm1APNJyNTfiOMENI3pFh&#10;qZdgV6oWpk/l0YnvLfGE6021B0R1jKIKaGn1b5zMWnz1EkqqTTyTKF1yzrZqggWEfjp1IQSRizGm&#10;B1oH8R/LolbN/Ukn+ntvrajzPS9682xRbizFRW56SWk2dtaiO4d410VgwpImVVpYSxUGqr52SnhF&#10;765NViqN72B1Y9J7eW66zeW48luCriipjWSKlHQU4tDS0sSLFS0kC8BYaanRI14+i3PJJ9649b6F&#10;no3o2u7Pr2zWbkmw+wMTUKuVy59L1Ul1AoqK4OuZywVmAYR6gAGkZEayrXrRNOlh8muy6c1qdPbG&#10;FPh9hbMVKGuoMX6I6mujN5EkIN5I6NzpIJOuoEsshkYRsu2PkOtpxqeih+6dOF/Toa96FNj9ebY6&#10;/iDR5zcZh7B3weQyeaJlwuPccEfb0UjVLqw4kqV/Ke/MdI6oO4/6vz/1fLoEEWWeSOKNGkklcRxx&#10;oLlmY2AAHJJJsPdFNerMtOjE95vDtPHbC6bo3jI2JhBk90tF9Jc3lAtVUhjc+RaaJkSNjYgOyEAK&#10;B7dbFB/qr02D0+9CfHOu7EqqDde8RJiNhR1AemjlPjmyzR62aGn5DJTKI28s31KhhFyHki0E1HPD&#10;rzSaOGT0lu/+9812pmKjC4+Y47YOIr2hwuJpTZakREpHW1Vgut5FGqOP9ECkKt31yPtmr1aNdP8A&#10;n6w7acbR+Pu/9w6VjyHY25KPYGJdv84KOiU1+Qkj/rFMSkLn6XAH19tlsE/l1Ycf5/tx/n6RXRm3&#10;U3X25sLDyIktINwRZXIrJwn21ADXVAc8AI0NOyk3H1+t7e6oueruaA9I/fm4pN4733XuYgk5/cVX&#10;k4YxzpSad2ijH5skZVR+bAfX3cnz62BQU6Fr5GRyQdi4nZ8Wl22LsbA7GgjRwyh4KCKZ0DX03E1U&#10;wPNtV7839+fGOtJnh5k/4ehR+T0cU/evWWzqYrLBhNvYLboWS4UtJXzcnlmAaF47glj+bk+/S/EP&#10;y6rCcV9TXoztL13umv8AlbluyZ4Fo9p4DERYmkqqwFGrKibDorRUa2BmSEzs0kvKBlaIMXR1RzSS&#10;1fTpPrBjp5n/AKC67wG/MZkdo4WfZ2Ffa+3sT8gaPZP2sDkNUQyVcMUtTVaBYvWVtXrdSWuxXU5N&#10;29+DVGPWnW2QgnUanST+eeHQwb0262+us997VfRPWZOly+PpU1X0VCz1ElBq+hBRxC9j+Lfggm5G&#10;oEfb00nawP2f4KdULWbyPqDAgkEN9Qb/AEP9D7Q9GIHHrl791c4HWEtYNbnkn37rxapx1xJJPPv3&#10;Vaf4euD/AKb/ANPdXFR1tOPQ29V9K1m+KOs3hunKQ7G6twZ15zeeUGkSaTzS46Nhqqqp/wBI0qyq&#10;1ls8hSJ/JFqycDrbyaMAVPp059nd3UeRwK9YdT4qXZXVVE/79ODavzUotqq8rMpLPrKgiIsw4XWS&#10;Fijh88le1cD/AA9aSOh1HJ/wfZ0XL2z071H93fj0o697p17rjbgPIePwn9fe+HTJJbrg7l/rwB9B&#10;79Xq4T16xk2F/ftOK9bLAdTcPiMtuLKUOEwePq8tlslUCloMdQI0kssjfRURQSeLkn6AAkkAE+/A&#10;VwOmia8ejbGTbHxWomjgfFbu+RFZSMklSnjqcdtFZUXhQytFV5jQx55SO9iPFxVP4g+bfyHTaqZv&#10;kv8ANv8AY/1fYULL5jJZzJV2YzFdU5TK5OqetyGQrXMkssshLO7u1yzMT/xHtgmvSoCnTWST9ffg&#10;K9eJp117cCU6bL16+oD8Af8AshD4Uf8AipHW/wD7xuG9xduH+5Ev/NR/+PHqbdp/3Fh/5pR/8cHR&#10;t/aPow697917r3v3XugG3pufO74ztZ1Z13Uy0TUwWPsLfcBOjEwSctRUbqbSZedLgAH9gEk2cMYj&#10;GCFbdRNLn+BP4j6n+j/h6D19dSX8htLY0p/bSjhGD+Ff6Z/l/gFna+18Js3BY/be3aGPH4nGw+Kn&#10;gTkkklnkkc+qSWVyWdzyzEk+0c0zTsXY1J6OLS0jsY1iiFFUYH+U+pPmelB7a6U9e9+691737r3X&#10;vfuvde9+691ByeSoMNjq7LZSqhocbjaSSur6yc2SKKJS8jsf6KoJ/r/Tn3ZEMhCjJJoB03LKsCl3&#10;ICqCSTwAHQVdfY6v3Tl6ntjcdJNST5WkOO2HhawWfG4VmDrNInIjr8sVWaf6tHF4YNXoce1l0whU&#10;Qoa0y5H4m/zDgPzPRPtsTXbm8lBBYaYlP4IuNf8ATPxPoKD16GP2h6POve/de697917r3v3Xuve/&#10;de6LR3S77/3hsXpChcvR5apXenYRiYgx4aglUxQPa4ArqoBR+VdIiRpa/s2sB9Mj3B8uxP8ATHz/&#10;ACHQU30/vKeLb14MfFm+USHA/wBsf8A6MqiJGixxqqRooREQAAACwAA4AA+g9lJNehUBTA65e/db&#10;697917r3v3Xug47f3D/dXq7fudEnimotsVaUcn9KieI09N9f+miVP+I9q7GLxpkX1YV+wZP8h0V7&#10;3c/R2k0nmI2p9pFB/Mjp167wH91dh7N24Y/FJhts0WPqUIsfNHTxidiPwzzamP8AiT7pdS+NKz+r&#10;E/lXHT22W30dvFF/Cig/aAK/z6WXtP0u697917pl3JT/AHe3c/Sa/H91haqn8lr6dcEi3tcXte9r&#10;i/8AX25CaOp+Y/w9MXS64nHqrD+R6THUksk/VXWU0rF5ZuvsLLI5/LNjaYk8cck+3r0Umk/07f8A&#10;Hj0k2YlrOAnzhi/44vQg+0vRl0g+0MXU5fr/AHXTUC6spT4psxhha/8Al2PZa+hNvrxWU0Z45/p7&#10;U2jhJVJ4VofsbB/kei7doTNbSBfiC6l/06d6/wDGlHSrw+Tp83iMVmaM3pMvjYMnSn63jqIllQ34&#10;/suPbDoY2KniCR+zpZBKJ0WReDKGH2EV6RnY0b0GOx286VHer2JkRnp0iBLS45kany0Nluz/AOQS&#10;yTogvqqIIOLqCFFqdRMZ4OKf7biv88fYT0h3MeGqzjjE2s/NKUcf7ySQPNgOhBjkjljSWJ0kikQS&#10;RyRkFWUi4ZSLggg3BH19pSKdGQNcjrn791v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tAouT9OPeSHWG/XD37r3XRIH19+691iZyb/AIHv3XusRe3059+6uErx&#10;6xEk/X37q5IXr3v3TZavXvfuq9cSwH/FPfuvdYyxP+t/T37r3XH37r3XEsB/r/09+691jLE/639P&#10;fuvdcffuvdcSwH+J/p7917rEWJ+v+29+69117917riXA/wAT7917rEST9ffuvdde/de64FwPpyff&#10;urhK9YySfr791fC9de/dUL164FwPpyffuqdYySfr791sCvXXv3ToSnXAvb6c+/dW6xEk/X3otTr3&#10;XvbRYnr3WMv/AE/2/uwT1691j+vJ92JC9e697bLFuvdYy/8AT/b+7BPXr3WP3YsF69176cn22SW6&#10;91jL/wBP9v7sE9evdYWYD/E+7Fqde6xFifr/ALb20Wr17rr3rr3XAuB/iffurBK9Ymb8k+/dOgU6&#10;xFyfpx791vrh7917rokD6+/de6wSuSOOBf37r3Uf37r3XRIH19+691iLE/4D37r3XH37r3XRYD6/&#10;7b37r3WIsT/gP6e/de67DWAA+vv3XusbMB9Tc+/de6xFif8AW/p7917rj7T9KOuJYD/X/p7uraeq&#10;MurrEWJ+v+291LV6sFp1jckWt+feut9YvfuvddEgfX37rwFesLG5J9+6dCU49Yy4H+J9+6v1jJJ+&#10;vv3XuuvfuvdcGYcgc+/de6wkgfX37r3WJnJv+B7917rEXA+nJ9+691jJJ+vv3Xuuvfuvde9suanq&#10;4T166LAfX/be69XJC9YixP8Arf09+68pr1x9+6t1xLAf6/8AT37r3WJmvyeAPfutjrEX/p/t/fur&#10;hPXrH791tiAKdYnJvb8D201SadNdcPbvSjriWA/xPurGnXusTN+SePbPXusJcn6cD37r3XD3ulOv&#10;de96691hf9R9+691x9+691jkICi/9ffuvdRS5P8AgPfuvdcffuvddX+g5JJsAPr7917oQ52GwKCS&#10;lQ231laQxVzj64aknjs1OpBNsnVxOVn+jUkRMP8An5JRB7rfDoNfbZf0611xLAf8U96AJNetjHS7&#10;2riMfTUU29d0QCbb2MqTS43EsSrZbIKokSjUj1ClhBWSskH6IykakSzxkO16uCW6SuYy2U3NmKrK&#10;5GR6zJ5OoBYRLYXNkjiijQWSNFCpHGoCqoVFAAA90L14dOcOjnYOhxXxf6/O6s7T0ld27vCjMGEw&#10;81m+wiYAlXsb6Irq1SRp8kminRtIMpsBTpqus/L16Kjiad90ZPNb03pV1dTh6GpGR3HWltM9bU1D&#10;O0NBA9rCprXVuQCIYUlm0lYtBoR05w6TOfzlZuPLVWWrhFHJOVjgpaYaYaeCJRHT0tOlz46emhRY&#10;41ubIoBJNyaE163057I2XnewNx0G2Nu0xnrqx7yzOG8NPCCPJUVDqraIYweTYkkhVBZlB2Fr1Qn9&#10;nR3M5ujavx+2HkNs7LNPX5SnnOLzGekQaslm1VWkpjywMGOik8lSoLJCGgo+ZamaSJz4cDqo7sn8&#10;h6f8X1XxWVlVkKuqr66olq62tqHq6uqnYs8ksjF3d2PLM7Ekk/Un3RsYHVgK5PUZEkmljhgjkmnl&#10;cRQxRAszMxCqqqLlmJNgByTx7r1foWOwZotk4Ch6ooJEbIw1Eef7IrIWBEuUMZ+3xwYfWLEQyFGF&#10;yDVSTGwKD3s4x17p76Y6YTeqVm9d61n93OrtuXqczmagmM1RjPqpqZrXIJsryKCQSI4w0rAL5Vrk&#10;9VJp0OOS7miG18lu/b2Mi2x13shm2p1FtlQFNfmpIzpydXGQyyx4ymdqjxnUBM6M0jz+sW1de0+v&#10;59EImmlqJZZ55HmmmkaWWWQlmZmN2ZibksxNyTyT7b6t0I/VO3sdmdzNlNwRNJtLZ2Pl3duoD/dl&#10;NSWMdIL2Bevqmip1F72kLD9J97UV690jt2blyG79xZrcuVk8mQzeQkr6jT+lNbemNAfpHEgCIPoE&#10;UAfT3oivWwacOhU6AwmPfdtZvvcEWvbHV2Jk3tkwxCiWop/+LdSqxBXzT1mkop/X42X6kA7UAdaY&#10;1/wf6vy6ErCbBxWNir+9fkVJLBT57JTZnB7FYaa7LVEztIfJTs0bx0yF1ZYrqPHpaUpDpWWwHmev&#10;VzQf8V05zdwbl3DsfsztvMNHiaMUa9T9XbcorClopcgiPkHh5Qmqgx0St5tNyWKII41EYqWoCfyH&#10;XglCB+Z9cf7P+DojhawLEm/0HtpQTnp6nRhO+XO2sT1V1TGxR9k7LTL7gp7aSmXzbCuq4pPoXMMf&#10;iCE8hWIsLke3CKUHVUzU+p/kMf5+o/SCnBbe7k7DYaW2119Jt/FzHgx1+elWgp3T+rpGJfp9L3PH&#10;vfkettkgfP8AwZ6D7qfAjcnZmxMG0fmjyG6qJKuP6/5Ok6S1H+2gRz7bAoR69bY0B6Wr1Q7D+SUc&#10;9/JSbi7cjVChvakOTVENwVJ0UiDkEXtxa/vZOo/af8vXvgH2D/AOjqbm6y25P8hafsbsjNRU38V3&#10;Pi8X1lsyhJkq66pooqSIVtSqi6UNPUxvKw4UrbyPZkimcK1ap/IdMqe2g8gan04n9vTVgN+7h3T8&#10;x8lga/JVEmB2pRZHG4TEAhYYSlHEJpdCmzzSyaiXa7aSEBCgKNBqv1sgJGfsB/mOg062raig+OO6&#10;8ujOP4N8jsdlHlDFfGsVZt1g+v6p+4RyPoTf3VDRfz/zdWdayU+RH8z1YNt6tkfO77pWJZ4NzU7I&#10;t76YZMJiirWNgA0ySCwub3bgH2oHn/q8ukpyq19P8p6pO7x2yNmdtb9wCxGGCn3DNW0MX4WmrLVl&#10;MAfyFgnUf7D2icUJ6MQ2pQfXoJixP1/23uvW2OrrGCSrE/4/71791alCOvXPpsCzEWAH9Tb37qp4&#10;H7ejRbS6d21sjb9H2V8gJqrFYeqHn2r1tTEpls2yjUPLHdZKOiNxqZijlTctFqi8rgUDLfs8z02W&#10;LGicfM+Q/wA5+XQW9q9x7k7Sq6SCqipdv7RwiCm2vsnCARUFBCo0IFjQIsk2jgyFQbXVFRLIE8kh&#10;f7PTp5ECf5SeJ6CL231frokD6+/dbAr1g92Y16f65cL/AIn+n9PeqU6pXVw6wSctc/09+ALdbqF6&#10;4e3QoHTZYnpWbH2LunsncVHtXaGLmymVrWBbTxFBECA9RUy2KwwR39Tt/gqhmZVPvjwOtGiCrYHR&#10;hczvfaHx7xVdszqWvpNydoV0DUO9O3YFV4qIEAS47b2rWFUG6yVQsxI1KS/jFLssIsLk+Z/zdVCG&#10;U1bA8l/z/wCbook081RLJNNJJLLNIZZpZWLM7MSWZmNyzMTck8k/X2x0p6w+3Anr02X9OuJYD/X/&#10;AKe7EheqgFuuIu/JOlB9T+P+R+2yxbpwAL19QX4AW/2Q/wCE9vp/so/W9v8AW/ubhvcYbh/byf8A&#10;NR/+PHqa9q/3Fh/5pR/8cHRt/aTpf1737r3QFbz3nnt1Z6p6w6wqVhy8Khd7b2Ua6fBU73BiiIIW&#10;bLTKCI4wbxG7MVKs0RjBAsK+NNw/Anm5/wCgf8P+EPX1/JdyG0tD3D+1l8ogfIernyHl/gEvZmzM&#10;DsPA0239v0zQ0sLGapqZjrqKqoe3lqqqWwaaomYXZjwBZVCoqqEk87XLam/2APQdGtjYx7fGI4xj&#10;iSeLHzJPmT0qvbPSzr3v3Xuve/de697917r3v3Xuve/de6AuuI7f3TJhox5esdlZMHPzfWLOZinZ&#10;WTHr+JcdjJAHqSbrNUhIdJSNyTFf8RTV/ojjH9BT5/afL0Geg+/+7qbQP7CJu8+Usg/D81Q5b1ag&#10;8j0Onsu6EHXvfuvde9+691737r3XvfuvdNebzOO27h8nncvUpR4vEUMmQr6mT6JFEpdj/i1hYAcs&#10;bAcke7xoZWCjiTQfn0zPOtsjSOaKoJJ+Q6AjoLC5LKxbm7j3NTPBuLtGuFdjqablqPCQ+jG0y3HA&#10;kiAkJFhInhZhqB9mO5SBNMC/DGKH5seJ/wBXz6D/AC7A0we+lFHnNQD+GIYUfsz88dGL9lfQm697&#10;917r3v3Xuve/de6AHvUnNydZdcxHU++ew6SXJUx/3ZjMPfKV/HN9Phi+vHNz9PZnt36fiS/wIaf6&#10;Zu0f4eg5zB+uYLUf6LMuoeqR/qN/gHQ/eyzoR9e9+691737r3TNuKoFLt/O1TKXWmw1VUFF+pCQO&#10;1h/ibe3IhV1HzH+Hpi6bRE59FY/sB6SfT/8AzKXq7/xHWE/91lL7evv7eT/Tv/x49I9l/wBw4P8A&#10;mjF/xxehF9pejPrxAIIIuDwQffuvdBn1Hen2RSYN2BfaOWyWzNI/EWKyFTRUtvpw1HDCy/nSwvz7&#10;V32ZNX8QVv8AelBP869FWzdtuI/99s8X5Ruyj/jIB6EmSOOWN4pUSSKRDHJHIAVZSLFWBuCCDYg/&#10;X2kBp0aEVwekB1xJJRYiu2jUyM9XsTKPtlGkN3ehVI58TKSSWctjJ4Ekf+1PHMPqpAVXXcwcfjGr&#10;8+DfzB/KnRdth0IYTxiYp9qUBQ/7wQCfMg9CF7S9GX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aA/vJDrDfrGX/p/t/fuvdYWYD68n37qwWvWMsT/rf09+6cAC&#10;9cffuql/Tr3v3TfXRIH19+691jL3+nHv3XuuHv3XuuiQPqffuvdYy5P049+691w9+6910SB9ffuv&#10;dYy5P04Hv3XuuHv3XuuiQPr7917rEWJ/wHv3XuuPv3XuuiwH1/23v3WwtesRYn/Af09+6dCgdcff&#10;uql/TriWA/1/6e/dN8esZYn/AFv6e/de64+/dOBPXriWA/1/6e/dOdYixP1/23vxNOvdde2y/p17&#10;riWA/wAT7qFJ691iLE/X/be3AAvXuuvdC9eHXuuBcD/E+/Ba9e6xkk/X3fC9e6690L1691wLgfTn&#10;34JXr3WJm/JPtwCnXusRcn6ce6MxrTr3XD2317r3vYFetgV64v8ApPu5Wg6dC06il/wP9v7b6t1j&#10;JJ+vv3Xuve/de6xl/wCn+39+691j9+691wf6f7H37r3WL37psv6dY3/A9+6uOHWIkD6+/db6xl/w&#10;P9v7917rh7917rokD6+/de6xlyfpwPfuvdcPdC9OrhK9e90y3V8L1iLk/Tj3Xq3XD37r3XRIH19+&#10;691iZr/4Ae/de6xF7fTn37q4SvHrEST9ffurkhesTk3I/Hv3TZYnrh790910WA+v+29+691iZifr&#10;wPfuvdYS/wDT/b+/de6x+/de66b6H/W9+691g9+691737r3XRIH190fh1ZDTrGX/AAP9v7a62X9O&#10;uHv3WgpPXRIH19+6dAp1jLk/Tge/db64e/de6xyfj37q6GnWP37rxevXAuB9OffutaOsRN+T70SB&#10;1XrCXJ/wHvfSjrj7acg9e64v+k+6gV61XrD7dCgdb697qzV691xLAf6/9PbfXusRNySePfuvdYi/&#10;9P8Ab+/dXVa9YJDcfW5v791t/TrF79031jZ/wP8Ab+/de6EHHwxbIx9LuGujjl3XkoBVbVxkwVhR&#10;QsDoy1ShuPKSL0ULDk/5U4EawCf3W+HQezTSTSSTzyvLNNIZZppSWZ2YkszMSSzMTck8k8+9HrXU&#10;cvf6ce6hKcevdKjam21z9VVVGQqzi9uYaAV+480V1+CDVpVIkJUTVlS/7dPFca5D6isayOl+rBa9&#10;cN17mbcVbTiClXF4PE038M25g4mLJSUqszBS1h5aiZ2MtRMQGmmd3IAIVauK9O4XoznTWyMH1vth&#10;+9eyoxFFTRiXY2CnAEs8zgmCpSNuWlmP/AfghEDVRsqo67VNIr1QnVjov24M9unuffkuRrpIvv8A&#10;KO3iR2KUmPooFaRrs1xFSUcCtJK55sHka7E30Wqet1AwOmTdmdoalaLb+AMqbWwGtMeZV0SVlQ+k&#10;VOSqE+qzVZRQiEnwwJFDdijO+idQ62pr007Z21nN5Zuh29t2hlyGUyMviggi4AA5aSRz6Y4o19Tu&#10;xAUAkn34JTrTNT/L0dqV8R0tiG6n6/yMB7EzWP8A4r2P2C3MWHooUMlRNcBmjMUOrwRACQa0fmom&#10;iDbODTqoGrJwBwH+r/V/lJlvXc0W4cnGlAk9Lt7DwHG7doZyDIsAdneecjh6ytmZp6h+dUrkA6FR&#10;V0x09b+M/LpFM5P+A9tjPVzjoXuv46fZ2Fru18nDFJU46qOH68oKkArU5goGatKN+umw8TCUm2k1&#10;DU6X/Vbfz69Ty6VHUfT43eld2V2ZWz4PrXESNkcrl8gzpLk5A51RQPzI6PL6ZJEu7ufDDqmJMe1F&#10;cnqrNTA49d787Izvd+4tv9a7ExiYDZEGSjxe1Nr0gWJXt6Vqq0RnR+3GGkKi6QJqsWbVI+idWOtq&#10;KdIXt/cmMrMpi9k7Xm8uy+uqNtv4SZRYVlSW1ZLJst2GuvqwWBBI8ax2tyPfm6tSnQPFgP8AX/p7&#10;r17oat0sdh9aYLZEf7W4t++DfO9NPDxUKhv4HjpOfyrPWyIwDK0kN/oPduA69/q/1f6vXoGKWlqa&#10;uogpKSmmq6yrmWmpKSnRnklkdgqIiKCzu7EBQBck2HuvXgK9H/wU+0vjV1HTQb9x9LmOw911se6/&#10;7l6wX1QErjkrQCyLS0TqZSzKf8qLiISNCGVwUUZ6qRqODwx/xXRHd+dgbq7L3FUbi3TXvXV1QfFT&#10;U0QKwU0V/RT00NyI4l/pyzNd3ZnZmNCa9KFQIKDoU+77bSwvXHT1PZJtn4AZ7daLwWzWXtUzRyW/&#10;WaSnMaI31CuV/HvzCuOmw1c+v+AdInpfasG8+0doYWrEZxUOTGXzTTWEYoqBWq6nyMeFSSOEpc/l&#10;wPegK9bqQK/6q9Jrsbdcu+t+br3ZIzuuczc9XS67grTBtFLGb8jxUyIn/IPvxPn04BQU6E/K32r8&#10;cts0AtHW9n77q9wysP1Nj8LEtFFGw/CmtleRT+bcXF/ei1F+3qoy32D/AA/8UOpPxdxGRr+xclmc&#10;RSPX5TaOyctnsXSpa8ta9MaCkiUsQgkeetXSWIC2LEjTcUiFT16Q0GfUDoyfRnWOwOsOxdv4Dcdf&#10;T7u7jrKSfJT0eOYSUW3YUpnkJlc2EtdNdUFwWUPrVUTTJM6qgH1P+Dpt2LAkcP8AD0CPW2cr+xvl&#10;xQ5mvrKjIRHd2Uq8c1S7uIaOjhr56OGMgkJFDHEioo9NzzfUxNFOp+ruNC0/Lpf9AVpyny77Sro1&#10;d4ml3HLrVT6YhlYY42f66bgqDf8AtED6kD3uPLn8+qSjsp8gP2U6Q2xq+q/2ULu6dp2Mke/MXWpw&#10;LCVq7BMzhbaQSUF+LcAe6r8B/Lpxj+op/wBN/g6sFxmSU9kb2SnnSGPIbM2tuuNmAQiBqzM09U0j&#10;EDlaekS92vZtKr6SS+DqJ/L/AC9JqUUA+RYf4OiD/OnbAxnY23dzRQskG6NtiCWY/R6nHymOQ3/q&#10;tNPTi3+t7YmFD0/bnUKeh6JATYH/AA9tdKm8unXb23s5uvK0eA25i6zMZjIy+GjoKFC7ubXY/wBF&#10;RFBZ3YhEUFnYKCRsCvWmNDU9GojouvvjPHFU5pcT2T3mE102CRhLh9uSEXR6th/wKyEZ5CC2k/p8&#10;QCTy3xHxyf5DpoVlrTA/mf8AN0V/dm8Ny77zlbuTdmXqszmK6QtLVVJFlW5KxRRqBHDCl7JGiqij&#10;gAe29WrJ6fVQgoOko1gT/T3RlAHVusRf+n+39tdOBPXrhYsf97PvYFerEheu7hRx/sW97rTh1Ud/&#10;WEv/AE/2/uvTnWFmA+vJ9vFgvTIUt0KnV/UW4u0KqtqIKij29tDBL9zuve+bYRY/HwgAtqkYqJqh&#10;lPohU6mJBYpHdxpVMn2eZ627iL5k8B5npe767i29tnbtZ1V0RT1WF2jP+xuzfVSPHl9yOqlGMrgK&#10;9LjjqbxwDSSjepYg8sbbaQKNK8PM+Z6bRSzVbj5DyH+z8+iwe2wteny1OuiQPr7coF6bqW6xl7/T&#10;j3QvXh1cJTj11wBqY2H+9+60J62T5DrDJIX4+ij6KPbgAXrYHr19Qv8Al/f9kG/CX/xUbrb/AN43&#10;De4u3DNxL/zUf/jx6mrav9xYf+aUf/HB0bn2j6X9ANuremf3tnKvrnqqtip56P8Aa3v2Ao8tPiEa&#10;6mkpCCFnyz2ICg2gsdRDhmhMobdbdRLMOPwJ5t8z8v8AD/hDt5fS38htbM0IxLNxEfyHq/8Ag/wC&#10;fszZmB2Hgqbb+36Yw0sLGepqJjrnqp3sZaqqlIDTVEpF2Y/QWVQqKqhHPO1y2pv9gD0HRtY2Me3R&#10;iOMUHEk8WJ4knzJ6VXtnpZ1737r3Xvfuvde9+691737r3XvfuvdA9vfO5TcmZ/0X7LrHpMnUUyVW&#10;99yUvJwuNmuAkb2KLlcgqstMh9UaaqgqFCMV1vGsS+NIMfgX+Jv8w8/2dEl/cPdP9JAaMRWVx/oS&#10;H0/ptwUeQz6dCXgcFits4bHYDCUkdDisVSrR0VLF9FRfySbl3cks7ElnYlmJYk+0kkhlYsxqSano&#10;1t7dLVFjjFFUUA6dvdOnuve/de697917r3v3Xuve/de6LF23US9nb42/0XipZP4Qhi3d2pV07EeP&#10;HQOklLjiy/plrZdDW4ZR4ZAGTVY2sh9JGbg8fhj+08T+X+foKbwx3W4Tb0J04kuCPJBQhftY0P7D&#10;69GYhhhpoYqenijgggiWGCGIBVRFAVVVRYBVUAADgD2VE1yehUqhAAMAYA+XWX3rrfXvfuvde9+6&#10;91737r3Rf8aW3f8AIbPV9xJiep9nQ7epgeR/Fc2y1dTLGRwTHQwpE4/sk2PPAM3/AELVR5yMWP8A&#10;pUwP556DkX+O7k7fht4wg/5qS9x/YoAPRgPZZ0I+ve/de697917pHdiVf2HX++a7UifZbOydXqk/&#10;SPHRTvdv8Bp59v2o1SIPVl/wjpDub+HbSt6RSH9inrnsCnak2HsmkcoXpdo42ncx/pulHCp03ANr&#10;jjgf63vVyayMf6Tf4T1vbV0W8Q9I0H/GR0rvbPS3r3v3Xugz2Ufs939q4b6INzUW5KZLKNMeQxNF&#10;G9rG5DVlDUPcgcsRc29q7jujjb+iVP2qx/yEdFVj2TXCf01cfY8aj/jyMfz6Ez2k6Neg7rwcH2Nh&#10;cktkod7YmTa9f/jX48TZDGt9LAvRtkFdjydECc2UBUv6kRHmh1D7Gop/np/n0Wyf4vcq3lKpjP8A&#10;p0q6/wDGddfsA6ET2l6M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f+zfkn3kh1hwBXrEXJ+nHv3TgSnXD37rxenXvfumya9e9+611wLgfTk+/de6xkk/X37r&#10;3XXv3XusZf8AA/2/v3XusZJP19+691737r3WMv8A0/2/v3Xusf15Pv3Xuve/de6xl/6f7f37r3WP&#10;37r3XRIH19+68BXrGX/A/wBv7904E9euHv3ViwHXRIH19+6aJr1jLk/Tge/da64e/dXCV66JA+p9&#10;+6cAp1jLk/Tj37rfXD3QvTr3XRIH190y3XusRcn/AAHu4WnXuuPvxenDr3XRYD6/7b3QAt17rEWJ&#10;/wAB7cCgde64+9F/Tr3XRYD6/wC290ALde6xMxP14HtwLTr3WEv/AE/2/u3XuuIUt/xU+/de6yAB&#10;Rf8A3n3rAz17rD7oE9enAnr1xLAf4n+nuxYL1YsF6wSMSpv/ALb20Wr1QEsesHvXTvXRNhf3vTiv&#10;XusJJP19669117917rgXA+nJ9+691iZvyT791VhXrEXJ+nA9+60Ep1iY2F/fur9YiSfqffuvdde/&#10;de64F7fTn37r3WIkn6+/de697aYmtOnVApXr3vYT160X9OuJYD/X/p7sSF6qAW6w+2enusZf+n+3&#10;9+691j9+691jf8e/dXTrH791sv6dcSwH+J/p791UKT1hZvyePfunAAvWIvf6ce/dUL14dcPfurrw&#10;6xP9f9h791brh7917r3v3XusDEkn/X9+69117917r3uhenDq4SvHrg/0/wBj7bJr1Zl8h1i9668F&#10;A64F/wCnP+Pv3Xi/p1iJJ+vv3XkNeve/dX6xl/6f7f37r3WJmtyeSffutha9YixP+t/T37p0KF64&#10;+/dVZ68OuJYD/X/p7Zfj1ULXrD78WJ6dJp173Xqhf064ORYj8+9g060oNa9YSQPr72SW6d6xl7/T&#10;j3srQde6xM4F/wAn3Tr3WIkn6+/de6xuSLW/Pv3WwadYvfutddEgfX37r3SzwuPoMLj4927hpYqu&#10;OZnG18BU3018yMyNUzgG4x1JKPXe33MqmnQ6VnaL3WxjpH5PKVuXr6vJ5GpkrchXTtU1dVN9Xdjc&#10;niwA/AAAUCwAAAHv3WuPTcST9ffuvDPTvgcHkNx5SnxONSMzz6nkmnbRDBFGpeaoqJD6YqeCNS8j&#10;nhUUn/D37p0KF6ft27gxxpqbaO1nc7Xw85mNdInjlylbp0S5GdD6lUi6U0Tf5iCwN5XmZ/daL06F&#10;jofqSh3K9Z2FvwrQddbWDVlVLWAiOtkhGtovoS1NFb97SCXJECAsz6Ninn1TV0ke6O2cj2xuZWpk&#10;npds4uQ0W18KosQhIXzyItwamosLgXCLpjUmxZmncv1oYwP+L6Tuelj2Vh59m0hH95clpO+q1LE0&#10;6oweLCxMCf8AMuFkrSP1VCpB9KYtJsL1atOkLhcNlNxZagwmGo5sjlcnUrS0VHBbU7t9BckKqgXL&#10;MxCqoLMQoJ9+pnrQ6OXka7B/GHao2/gzQ5zurdFEFy+UiHlTGQyWKJGpGoAEjxRkAzuPPMPGIYT4&#10;tp4cerha/Z/h/wBX+rz6LnvCtl2tjKnaBqpqrdOZqFynZOTlcySGp1mWHEmQks4pHIlqyT66w6GB&#10;NKjHdKZPXjnA6CQnn8kn20TqPV/h6UWz9r1u9NxUOBopYqVJ9dTX5Gp4hpKSBGmqqydvosVPAjOf&#10;62Ci7MAd8cde6NTitjbf3j4ewt6VEu0+gdg064bZuNrAyVGUghdtUoSMK5lyNTeWodFMsruYYj+3&#10;5I7Aas+Q60Tp+3oFe4+5sn2bXwYzHwnA7FwgFNtzbFNpjijjjGhJp447RtOYxYAXSFP24/7bvpmr&#10;w68op1J243+jPrev3xKRDu7sGGo2tsdDxJS40HRlcoB9Vac/5LA4CsP3WUlfehgV6t0ABe/04916&#10;90JHVm2sdndxSZTcasNm7Pom3Tu6QW9dNTsvjo1uVDTZCpaOnRQQT5GYfpJGwK9e6hVsu6+29+1t&#10;VSY+fLbm3XlHngx1GLhFPCRqWIWOmpYFVAzkLHEgLMACR7j16lOjq9V7M2T1DurGbdmmod1dsy0k&#10;mW3ZmFOrH7YxcEYnqpAzL6amWIrHG7LrLyKW8MLaJ7DHVTn7P8PRJO2N91XY2/Nw7rnaTwZCuZMZ&#10;BIT+zRw/t0sVvopWFQXtYGRna12PupNenY1p+XT90NtuhzvYNFk82FXbGyKKbfe5pXAKilxiiYIQ&#10;SoYS1HiQrflWbggEe/Dq7mgxx4DoOd27mrt37m3BuvIm1bn8tPknjBJCeVyyxqTzohQhEH4VQPx7&#10;117TSg9Ohm6wQ7Q6i7a7GcNFXZumi6p2xNwLyV4FRkyG/Urx0SKysvN7j+pG+Ar1VmBIH59F4jRp&#10;JEhgRpZZGEUaILszsbAKBe5JPA9tNnqw6N7v7q7c2/8Af2A6x2rDTw4XqbZGM2zuHcVSxTH0k3g+&#10;9yFVPMbqZZJqhrxpyxjNlCqzCzKWNB5dUVtIqfMk/wCQfyp0uK3P7H6b6Q3rUdMV9VVZqXclDsSt&#10;7PZU111e8b1lYtCTqEdPS0akRFOA0vkRpHUVD3WijH7etULkV+2nQb/Emaegz3bHYdXLJPJtTrau&#10;yEtXUHW3nldarysz31Oy0Uly173N7+6R4JP29WkzQepHTd8NKP7vueKtkI0Yba2RzE8sh4UMIqQu&#10;zEi3/Arkm45/2I1Dx69Ke0/P/P07fEiuFT2P2ruOSRok/wBG+XrpLCzDy11FUFgFJsVEZ4F+TweP&#10;e4uJ+zrcw1cP4h/OvTbsK5+H3eTG9v75Yk/+r2E96X4D1pssPz6OTQVk2S3vt6mgqNcu7PizqpNY&#10;szzx1NOyH6qxZxWs2kEH0nn+jh4inmOqnA+x+kH81sfT7n6g2jvagRpBjM5T1McpA9NHk6ZgzH+m&#10;qZKcf05/1vepRUA9ethpYj/VjHRA+seoN09nz1c+P+2w22MV+5uLeebYQ4+hjQBnLyuVEswQ3ESH&#10;VyC5jjJcMqpbpRI4Uj/B0KOf7b2p1hha3Y/QCTpUVcf2e5+2a5NOSyBFtcePuAaKj1D0kANYBlAc&#10;eaSxYLhf29aCFz3fkPIf5+iru8kztNM7yTOxkkkkJZmZuWZibkknkk/U+2qdOjieuN/r/gbe99W6&#10;jz/Uf0t7q/DpxDTrEF/J4HtsL69aL14dcGkH0X6e/Fq9eCV6wkk/X3Xq+F669+6oXr0YHr/pjHLg&#10;Iuzu48nUbM6zRteNpowP4tn3HqFNiqZrN43FgahgEAIZToDyxupH5tw/meqyS0Olcn+Q+3pO9pd0&#10;5DfdJR7R25i6fY3V2Ce23tjYhiI/SeKmvl/VW1rm7M8hNmZmF3Z5H25LYGB6dNqmnPE+ZPQIe9Ba&#10;dX64F7fTn34vTh1cJXj1hLf1uSfoPdKFunOHXZsnL/U/RB/xPvYH/F9Vrq4dYWYubn/YD37VTh1Y&#10;CnXH3UmvW+vqH/y/yB8DfhMSbAfEXrckn/wzcN7jG/8A7eT/AJqP/wAePU07V/uLD/zSj/44Ollm&#10;N157tnJ1uzus6+bFbSopjR7x7OpbEEgfuY7Ck8S1LBgHqQdESkspJMZdQkK2YDyirHKx/wCVvl8v&#10;PopnvJN4cwWpKxg0knH/AB2P1Pq3AfsqM21tq4HZmEo9vbcx8OOxlElkiiHqd7ANLM/6pZpCLu7E&#10;sx+p+ntDNM07FmNSejy0tI7GMRxAKo/n8z6k+Z6UPtrpT1737r3Xvfuvde9+691737r3XvfuvdBn&#10;vzedfi6ig2ftCGnyW/8AccTSYuln9UFBSowWfK5CzApSU+qyL+qoltFGD6yqu2gD1d8IvH1J9B8z&#10;/IZ6KtxvmhIggAaZ/hB4Ivm7fIeQ/EcDp92Ts2g2ThhjaWeoyNdV1DZLPZ2uOqpyFdLYz1dQxLHX&#10;IRZVuRGgVF4Ue27ic3DVOBwAHAD06UWFitgmgEsSdTufidjxJ/1YGOlf7Y6W9e9+691737r3Xvfu&#10;vde9+690guzN/Y3rXZ2U3TkF88lMgpcTjlJD1lbLdaaljABYmRxdiASsau9iFPtTaWxunCD8z6Dz&#10;PRduu4rtcDTNmmFX+JjwH5/4KnpK9J7DyW09v12d3W/3PYG+63+8u8qtwNSSyAtDRLYlViokcqFX&#10;0q7SBPRpAev7kTMFT4EGlR/l/PpHsO3tZxmSbM0p1yH0J4L9i/4a9DP7QdHvXvfuvde9+691737r&#10;3TVnczQ7dwuWz+Tk8OOwuNmyldJ+RFBG0r2BtdtKmw/JsPd44zKwUcSQB+fTNxOttG0j/Cqlj9gF&#10;egl+P+GraTYKbnzMbJuHsfL1PYGa1nUQci+uljU/URx0Sw6UNtBLAAfT2t3OQNLoX4UAQf7Xj/Ov&#10;RNy3AyW3iv8AHOzTN/tzUD7AtOhv9l/R/wBe9+691737r3QS98VT0nT3YPjbTLW7dlw8XJF3r2Si&#10;VbgE+pqgD+nNjYXPtbtq6p0+TV/Zn/J0TcwuUspqeaFf97ov+XoUqSmjo6Wmo4r+Klp0po72HpRQ&#10;o4AA+g/HtGx1En16N0XQAo8gB+zqR711br3v3Xug0pbUfcGaQekZ7rnHTlbj1NjMlkkZrWvfRlEB&#10;NzwEBAsLqz3QD5O3/GlX/oHorTsvW/pwofzR3H/WQfy6Ev2k6NOkR2JSVVRtLJVmOhefLbfaLdOI&#10;giNnlqMZKlalOpsbCrEJp2/qkrKeD7UWpAcA8G7T9jYr+Va/l0g3NC0LMoqyUkUepQhqf7amk/In&#10;pW0NbTZKho8jRyrNR19LHW0ky/R45UEkbD/BlYH2wylSQeIwelkbiVQy5BAIPqDnqV711f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5+5JP195IdYekheve/dNlq9e9&#10;+6r1xLAf6/8AT37r3WMsT/rf09+691x9+691xLAf4n+nv3XusRYn6/7b37r3XXv3XuuJYD/E+/de&#10;6xEk/X37r3XXv3XuuBcD6cn37r3WMkn6+/de669+691wLgfTn37q4SvWMkn6n37q+F669+6bL164&#10;F7fTn37qvWIkn6+/dbC1697906Fp1jL/ANP9v791brGST9feiwHXuve2ixbr3WMv/T/b+7BPXr3W&#10;P3YsF69176cn22SW691jL/0/2/uwT1691j92LAde66JA+vtskt17rGX/AKcf4+7hPXr3WIuB/ifd&#10;+vdY7sx/r/h7917rmEA+vJ9+6914uB9OT7oXp17rGST9fdMt17rCXJ+nA97L16uXr1hLgfTk+6de&#10;CV49YySfr72BXpwUGOuvboUDrfWNmBFhz/j7qzVx17rEWA+v+29t9e6xFif8B/T37r3XH37r3WNy&#10;LW/N/futE06x+/dNFi3WJmB4H9fr7906MDrEWA/1/wCnv3W+sZYn/W/p7917rj7917r3v3XuuiQP&#10;r71gZ63k46xl7/Tj22Xrw6cCU49YmcC/5PunV+sRJP19+69117917rgXA+nPv3XusTN+Sf8AYe/d&#10;e6xFyfpwPfunEAPWEuB9OT791svTh1jJJ+vv3VKFuuvfunAtOsZf8D/b+/dW6xkk/X37r3Xvfuvd&#10;Yy/9P9v7917rH7qWp1YLXr3tstXpwKF6xl/6f7f3Xqpf06xM1uTc+9gV60ppnrCWJ+v+297YU60S&#10;W66916sE9euJYD/E+/dOdYixP1/23v3XuuvfuvdYnINv8Pr791ZW09YyQPqffuvZbrGXJ+nHv3Vt&#10;FB1w9svx60GoOuiQPr70BXrWW6xlyfpwPbgQDrbLQdY2NgT7bUVPV9VTTrCST9fbtQvVuuDfpPtt&#10;mr17rD7r17rosB9f9t7917rCzX+vAHv3XusRf+n+39+690rNv4ahFLLubcglG36KbwQUcbGObJ1Q&#10;UMKOnb6rGl1apmH+YiYWvLJCre62KefTBns3X5/JTZGvePyOqww09OuiGCGNQkNPBGOIoIIwFRB9&#10;FH5Nyfda49M3v3Xus1NT1FbVU9FRwS1VZVzrTUtNApZ5JHYKiKouSzMQABySffutjpfZ+sp9n4up&#10;2Vh6iKfL1qqu+s3SOHR3Vg64ilkQlWo6V1BnkUkVFQLAtDDEz+6szdOvTPU+R7T3IKS8lHtzF6ar&#10;cWXtxFFclYY2I0/cT2IQHhVDSEEJZtgV6qOlt3123jcytJ1l1+sNB13tTTRqtASI66eE216gf3Ka&#10;JwShOoyyaqhmYshWrCvWqU6C7DAbGw9Nu+qUf3oy8bHY9HIATSxhij5uRWBsyMGjoQRzKHqOBBH5&#10;fBQOrgdB/Q0VfmcjS4+gp6jIZPJVa01LTQgvLNNKwVVUclndj/sSfe+t6acejnxrgvixtEVNQuMz&#10;fdu56M+CnJ8seLpnFuSLjxow9RBU1Eg0KTDGW9+60DrP+rPRe8VkK3C01V2vuOd8hurN1s42UK4h&#10;5HrNR+6zcqk8xUDnTTXGl6sgi60sqGtKdXJp0EU0sk8sk00jyyyuZJZJCWZmY3ZmY3JYk3JPJPPu&#10;havW1FOo7t+B/sT7rw69x6Pv1x1ltvrTrKTdvaNSMVS7kiir85jpLCpqqRD56HBRxkiVvu5FWoq4&#10;xpLhIoJLRx1BFwukVPVS2aDor3bncGb7QycCPFHh9rYf9jbm2KKywU0SjQjMFCrJP4wFLWCqPRGq&#10;LcGrNq+zrYXpMdc7PO990UuImqP4fhqSCXNbpzLAlKLGUi+WrqHIBtZBpS/BkdF/PvQFet16x9l7&#10;0G+N01GRpKf7DA46njwe1cSvC0mMpQY6WEC5s5T1ycm8jufpb34mvW+kB9eB7117o1eN653RXbcw&#10;HTu0qISbo3QabfvZVfLqSDH0rxk4airJbEoIoJGqni0lzLMiIGZOL08utVHH8up24+w9n9G4iv2H&#10;05Uw5reNbEaTd/aLKjMCR66bGlSyqFYCxVmjiIuDLN+5H6unh+3r3Hj+zpG01RJ1/wBJZTNVU7ne&#10;Xd1dJj6aaYs06YKkkLVs7uzawcjVnQ2oESxesMSDavAdb49Folf6W/25966dUU6MDHfYPQMj3Ee4&#10;u6834EHGtMFiHux+mtPuq9rH6CSIfU2I924Dr3E/Z/hP+x/h6L3p1fm0acav99+SfdetN/qHRhu6&#10;JBtTZ/VXU0C+KfB7eO8t1KAVY5PMnzCGYfmSipgqA2/S4H4AFZDTHXkHn+z8v9mvSo+P3ROXzOUw&#10;3Ze7lXb+w9vVSbijmyS2fI/Z3qwsELctSAQlpJCCGjVljD+op5Erx4ded6YHHpM9z/InK9hNkNvb&#10;UpX2hsKqr5a6qxtNpjqcnNK5eSpyUkR9fkb1eAMyA21tKUjKaeTVw4deRNPHj0zdjkbe6a6W2ioa&#10;KqzSZPsfLxNxq+8nFHj3sPwaSmaxN734sPfidIA62p1En8v8v+XpddW3258Xe9dzA+ObcuVodn05&#10;ty4UwJIB+bCLJyH+nDAXNx72uFJ602WA+09Y/ilrx9J3nu4XUbd6rq08q/2fIk1SBcIxBP2BIt/T&#10;9LW41H5/IdbcjAP8Q65fFQGiwnf2bLRRjGdT1f7ji7KWiqZQQLG6j7e7D/AcH8ejwCfl15zlR/SH&#10;UfYkl/h93iBz/v8AHEgD8f8AA7Ce/L8B/Lrb9rrT5/4OjSbbr5Yt+fEmqkTQ24elKrHPKoKhzHhs&#10;fWtHcX1LGU1BSbDVqHNrujiv2dNE1V/tr/PoVMjt/EZf4+fwTfuIyzYfCbRjlzOJoQIayaHAlZ0W&#10;EMyhXqVoFKkMmoP6WQMCtqdufT/B1WtJKrTJx6Z/4vqqzszunN79oaTbGJoKbZXXOHPiwex8GdEC&#10;KpJEtW6hDWVLElizgKGJZVDs7umZ644DpYiaT6nzPQLXCp/yF9PdOr+f5dcCf0/gH6+6saEdbpTr&#10;gXGpgOeQfe+PWi3WNz9CefwPemxnrUZ1Y6jSMTbn6+2ia9KQoHWL3rqpf06l4/H1+WrqTF4qiqsl&#10;kq+daaioKGNpZpZGNlSONAWZifwB72BXqlK5P7ejR0uz9hdAQU+b7Wgod8dovCtXg+p6aRZKLHMw&#10;DxVG4Zl1I5AIYUq6g4tcOj+SN0ARZOT6eX59N1MmFwPNv83+fovO/wDsXd3Zuel3FvDKy5GtK+Cj&#10;p19FNSQA3WnpIAdEECf6leWN2cs5ZjbVrz1ZVCig6Q/upanVwteuL8KSfbZJbpwLTqMCzGyD/XJ9&#10;70gcetk067LLHcL6n/Lf09+Jr1Whbj1hJJNzyT7qTXq/Dr3vXXupmOx1fl6+jxeLo6nI5LIVKUdD&#10;Q0SNJLNLIwVI440BZ3ZiAABcn3sCvXiadfSR+GGB3/2B8Pvif19lKPKbB2Fsr42bE2hvKSQqmRzV&#10;djNsYmjrqGleNmWDGJUwvG86MxnClVNmdUAl7osJpGNGkLsQPwpVjk+p+Xl1Im3+NvkEcY1R26xo&#10;rNweYhQCF9E+fnw9aWM4fD4vAYyiw2FoafG4vHQLTUdFSrpREUcAfkk/UsSWYksxJJPskdzKSzGp&#10;PE9C+CBLZAkYCqooAOAHTl7p071737r3Xvfuvde9+691737r3XvfuvdB7v3fD7XhosVhKBc/vfcL&#10;tTbY22jafIw/zlVUsP8AMUFKp1zSmwsAgYMwIVW1v4xJY6UXLN/kHzPl0W7jf/SAJGNcr4jT19Sf&#10;RRxJ/LrJsTZC7UgyGQydcc7vHcc61+6txyqFaomC6UhgT/dFDSr6IIRwi8m7MxOri48YgAUVcKvo&#10;Pn8z5nre32H0YLMdUjmsj+p9B6KOCjy+3pfe03Rj1737r3Xvfuvde9+691737r3XF3SNGkkZURFL&#10;u7kAAAXJJPAAH1PvwFetE0yeiubbB717JG+qmMydY9a18lDsWF/83lMspAnypBHrgpioEH41BGFm&#10;EyezeX/dfF4Y/tJBV/6K+n5+f/FdBO1/5EF19Qf7CAkRekknm/2Dy/L5jo0vso6FvXvfuvde9+69&#10;1737r3XvfuvdF97znfc02yunaF2+47Eziz7haI2aHB4xkq69ywuY2nZEijJsHJdOeR7M9uHg6pz+&#10;AdvzdsD9nHoN8wN9UYrJeMzgv8okOpvsrQAeueh+iijgijhhjSKGGMRRRRgBVVRZVUDgAAWA9lpN&#10;ehGqhRQcBgdZPeut9e9+691737r3QM92n7vC7N24bFN2do7fxE6H+1DBXJk57f0Ihx7H6HkAGwJI&#10;X7f2s7/wxufzI0j/AA9Ee/d8cUX+/J4VP2BxIf5J0M3tB0ede9+691737r3Qa5YGDtrY863012xt&#10;xY6YaiPUlZt2ohbT9DpVJR+D6vyPatMwuPR0P8nB/wAnRXN23kR9YplP5NCw/wAB/b0JXtJ0ade9&#10;+690HvWoNDg6/a7cNsnP1e1oY/8AUUcbLVYpLWFtGHq6Qf0/pxb2puu5g/8AEob8+B/40D0W7X+n&#10;GYv99O0Y+SjuT/jDL0IXtN0Z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fP395IdYb9dEgfX37r3WMuT9OB7917rh7917rokD6+/de6xlyfpwPfuvdcPfuvddEgfX37r&#10;3WIuT/gPfuvdcffuvddFgPr/ALb37r3WIsT/AID+nv3XuuPv3XuuJYD/AF/6e/dWC16xlif9b+nv&#10;3TgUL1x9+6qX9OuJYD/X/p79031jLE/639PfuvceuPv3TgT164lgP8T/AE9+6c6xFifr/tvfiade&#10;669tF68OvdcC4H+J9+C1691jJJ+vu+F69117oXr17rgXA+nJ9+CV691jJJ+vu+F69117oXr17rgX&#10;A+nJ9+CV49e6ws35J59uAU691iLE8fT/AAHvfXuuwn5P+29+691zJVf+KD3otTr3WMsT/gP6e2ix&#10;PXuuPuwT1691xLAf6/8AT3YkL17qGWJ/1v6e2engoXrj791Uv6dcSwH+v/T3sGnWlBJr1iZr/U2H&#10;vxavTvWIv/T/AG/vXXusfv3XuuiQPr7917rGXv8ATj37r3WNjYX+p9+6qwr1hJJ+vvYFetgU6xMx&#10;vYce/EU631j96691737r3Xvfuvde9+691hf9R9tMCT06pAHXA/Q/63u2mg6rqqesHtrp3rosB9f9&#10;t7917rEWJ/1v6e/de64+/de6wysBb+v9PfuvdRyxP+t/T37r1euPv3V0WvXEsB/r/wBPfurlgvWI&#10;sT9f9t791sZ669+631xZgv8AiffuvdYiSfr7917rr37r3XR4BP8Ah7Z4n8+nuA6wkk/X3dgAOm8t&#10;117a6uEp1jdgeB/W/vamnXjRsdYiQPr78TXreF6xFyf8B711QtXrj791dBQddFgPr/tvfurdYixP&#10;+A/p7917rGzW+n59+6sq16wkk/X37pwkL1737pstXr3tljU9V6j+3CwXp4sF699OT7bJLdNklusT&#10;NfgfT3vTpFerqtOsRYD/ABP9PegpPV+sTMT9TwPdyAo691hL/gf7f2117rh7917rHJ+PfuvdKLb2&#10;BhyK1eUy08mP23ibHJ18YBeSRgzQ0VKG9MlZVaCEBuqKHmktHG59+69TqLuPcUueq43WCOgxtDD9&#10;lhMNTFjDR0wZnWKMty7MzF5ZG9c0rPK5Lsffutk16TbN+T791rrEXJ+nA9+690KH/MtsXcjT2Dnc&#10;eCAQNWEoKmMEH+seVroG/wCDU1M/4nm/Y91b4ek9sPY+b7C3LQbawUKtVVb656mW/ipoFI8tTOw/&#10;TFGD9PqzEIoLMAfdV6Ml3HvzCdZbXXozrKcqYUaPfO4IivlmlcKJqcyIeZ5iLVFrCNAtOvGtU3Xy&#10;62D59Fr2nhMeYKrde5o5G2vhJhEaRG0Pkq4rrgxsL/VQ4GupkXmGnDMP3XhV9HrarXpkymTy+789&#10;JWTxvW5XLVKU9NRUEZsOFip6WlgS+iKJAsUMSiyoqoo4Hv3ThIXo3eFxmC+MO04917mpaDMdw7hp&#10;mXb2Cdg646F10s8mk+kKbiaVSDIf8nhYL5pTqvVCa9FnxkNf2LuTObs3nk6lsZRn+PbyzZ0h/GXC&#10;R0tMCPGKmqfTBSxAaU/VpEMTlfdepTpM7r3NUbny8mRmhio6aKGPH4jFU1/DR0cC6KalhB+iRRjk&#10;n1O5eRyXdmLbNXq6inSYLE83/P0914db49Gx6w6rweyMDF3L3IgpcFSBKnae0pwDUZKpYF6dpIGI&#10;LK2nXFCeHUGabTTofJZRTJ60zUx/qHQM9rdtbk7VzpymYcUtDTaosNhKdmMFJEbXtf8Azk8lgZJS&#10;AWIAAVFRF0zauvKOgp+nP0/x9162eh03Mf8ARj13S7HitDvTsGGDcW+W+ktHjRaTGYpj+qN57/c1&#10;CHSwvEjgrb3Y4HW616AEt+Byf6D3Xr3RiegOqZN4bhi3XuWGGi672nIcpuHL5MiOkkNOolWk1uQr&#10;hm0tPyFSHUGZWeMNZRXqrGn2+XSm7m+QsOVXNbQ6vE2J25la+Wr3Nug3jr81PLdZWdrK8VI49IWw&#10;YxKkYWGFfD72Wr1sCn+rh0Xvr3aFXv7ee39pUbNG2Xr1iq6pRf7emS8lVUG/FoKdHfmwJAF+fdQK&#10;9WpQVPSg7q3rRby3vVNhSI9pbbpYtp7OpkJ0Jj6FfDE6A82nYNLz6rOAfp78TXpxBQZ6Qe0tt1+9&#10;N04DauMX/Lc7lIsbC5FwgkYB5Xt/Yhj1O3+0qfeurE06EbvTc2Pzu+6nHYQgbV2PQQ7F2rEjBl+1&#10;xwMLyqyhVfzz+Rw4HqUrcmwPvzMB/g6oo8vzPTb0ls4b97P2rgqiIS4uOvGXzSMCU+yox9xOjAc2&#10;mVBFxzqkHui97dWY6RXoyG8MVs7ZG6M5253ake4d6bjyL5baXUNPIjGGAft0L5iT9xFSKGONNFmj&#10;9BGmoOuKO9KHU37Om617V4ev+bpJv2pu7c/XHb3aO5q3RLloabqTZeLo7x0NHHkGFVlYKaG50n+H&#10;08d3JaR7+trAAaJJBJ+zq1ACB+f7Mf5f5dE/x9HUZKvo6GmQy1VbVR0lNEP7UkrhI1H/AAZ2A9sr&#10;x6uehm+SVfTydo123sfMZcTsPCY7YeKJFtMeNpI45UsCQAtU03F/bxyfsx1VBQfbn9uehI3r/v1/&#10;iZ1VgQrQ1+9N11e6aoXPriiNSqG1/oYpqVv9ce/NlafPrVe4/IAftz111LfAfGP5Cbk0kfxaox+1&#10;1lt+olooWUEqQSq5W5H1AN/T+r3pMKT1pssvyr/g649ByNj+jPk3ldTr91tejxKsqAkeWDJxOAx+&#10;ocVQDD8AA8m1vIKKetstWX8/5CvT/wBPbTy27vih2fgNt0NRk9w7j7Ho8bQUMZUK328uAqSzO2lI&#10;kSLyu7yMECoOQfrtFqpp6/5utP2sK+lejNpNgutZfjJt/cWLj3LvKOnm2RgdwUlSRQ0DSU1FS5KV&#10;GPM8kirHBApjF08vqjNkfanSR1QKW1UwOPz9R0K3XeSm3Njew8RnKibIjGdkbg2u61huftHqGqIK&#10;cA8+KKjq0SMc/tqtvTYB1c1Hz6pINFCPQHqjnPY2fBZjK4SpBWqw+UqMXUA/h6eV4n/p9GT2i6MF&#10;ySemd2AQXNz9ffutjieuL3Ijt+Bc/wC8e6kVI62TTrgTywA5te/vZ6bAwPt64uw0/wBT9be9Nkdb&#10;Q6W6is1+SfbPTxJboQuuerd3do5Kaj25Sw0+Nx6+fPbmyz+DHY6GxZpquqYFUAVSwRdUjAEqpCsR&#10;dEL8OtMREKn8h69DDkeytj9L0FXtjo5hnd31NOaLcfc2SiAl9XEsGBp31ClgP087XZuSuu0Uy3LB&#10;ML+3psgyHu4eS+X59FZqquorKmesramerq6qZqiqqqp2kklkclnkkdyXd3YksxJJJuT7ZrXpzLdQ&#10;fewadOBKdcC4H059668Xp1jI1C7Gy/1/4p72MdVBJPWJpONKDSv+9+/E16uF9esfvXVuve/de6V2&#10;ydi7o7Ez1NtzaeLmyeRnBklIskNPCv66iqna0dPTxjlncgfQC7EA2VS2B1VmCCp6HbI732j0PRVu&#10;2epK6k3P2XUwtQ7o7hRdUNDqBSeh2wHAKLyUkriNUg1GL0tG0TmoR/Dx9f8AN01pM2WFB5L6/b/m&#10;6+jd8ApZZ/gj8KZ55JJppviT1vLNNKSzOzbOwxZmY3LMxNyTyTz7iy//ALeT/mo//Hj1OG1f7iw/&#10;80o/+ODo23tJ0v697917r3v3Xuve/de697917r3v3XukFvfe6bXShxeLoWz+88+zU+2ttU7BWmZR&#10;66iofkU1BTA6ppm4UelbuQPam3t/GqSaKPib0+Q9SfIdF24X/wBJREGuV8Ig8/mfRR5n/L1j2Rsh&#10;9uvXZ7PVy5/fWfVW3BuBlKqFU3joaGM3NNjqYm0cY5c/uy3c+n1xceLRVFEHAf5T6k/7A61t+3/S&#10;1kkOuV/jf/n1R5KPIefE56EH2m6Muve/de697917r3v3Xuve/de697917otfbGfyu/dw0/Rmyax4&#10;KjJQCs7L3BTWIxmJYrqpg3I+8rlOkIedDKCNEjNGa2UYtl+okHDCD+JvX7B0Ft4uH3GUbfAaFhWd&#10;x/ocfp/pm4U/z4HzAYHFbXwuM29g6SOhxOIpFoqGli+ioo+pP1Z3N2djdnYlmJYk+y6WRpmLMakm&#10;p6EVtbpaRrFGKKooB8v9XHp49t9P9e9+691737r3XvfuvdcWZUVndlREUszMbAAckkngAD37rxNO&#10;i89Q69+bu3r3RUoxx2Uk/uV175fxhsfK3nqY7i6pkK4NJb6goQeLEmd7/i6LAOI7n/0xHD8h0Gtm&#10;/wB2E0t8eDfpQ1/32hyR/pmz+XRiPZZ0Jeve/de697917r3v3XugW3a38Y7m6qwSEum3MVmt+ZGM&#10;/QfsxYmiY/4+SumI/wAU/PNjCD9OCRv4iqD9uo/4B0RXv699bx/wLLKf2CNf5uf2dDT7L+j3r3v3&#10;Xuve/de6DLdTwx9jdVl0vNM+bpIHAuRfHrMwJ/CsIP8Abge1cIrFJ/tD/wAap/l6KbwgXVv8/FA/&#10;3iv+ToTfaTo2697917oPqMjF9m5ijJ0w7t2pT52mjH5qcVOaKvk/xvT12PX/AA0c3uLKm74Qf4WI&#10;/JhUfzDdFqfpXTL5SRhx/pozpY/sdP2dCD7S9GX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z9C/9Of8feSHWG/WIkn6+/de697917rGX/p/t/fuvdY/ryffuvde9+69&#10;1jL/ANP9v7917rH7917rokD6+/de64F/6f7f37r3WP37r3XRIH19+68BXrGXv9OPfunQlOPXD37r&#10;xanXRIH1Pv3TZNesZcn6ce/da64e/dXCV66JA+vv3TgFOsZcn6cD37rfXD3QvTh17rokD6+6ULde&#10;6xFif8B7cCgde64+9F/Tr3XRYD6/7b3QAt17rEWJ/wBb+ntwKF691x91L+nXuuJYD/X/AKe6gFuv&#10;dYmYn68D24Fp17rEX/p/t/duvdcQpbn/AHk+/de6yAKv/FT78TTr3XAv+B/t/bZf0691w91Ck9e6&#10;6JA+vtygXr3WMuT9OB7oXrw691w9+CE9e6j+6gV6tluve3AlOrhKdRibAn211vVmnWEkn6n37q3X&#10;Xv3XuuLNpt/j7917rCST9ffuvde9+691idgeB/X6+7KKnr3WMsB9f9t7cJC9e6wk3N/bRNevdde9&#10;de697917r305Pv3XusZf+n+39+691hZwPzc+6lgOrBSesTMT9foPbZJbpwAL1hL/AIH+3916t1w9&#10;+6910SB9ffuvdYy5P04Hv3Xuo7kG1j9PfuvdYyQPr7917rGXJ+nHv3WwadeCE/Xj37qwSvXE/U/6&#10;/v3TvXXv3XusT/X/AGHv3XuuHvRanWwteve2i1enQoHWNn/A/wB5916tx6wlgP8AX/p73k56qSF6&#10;xlif9b+nvXTZYt1jYkC49+63QrnrD791oKW699OT7904Fp1jL/0/2/v3Vusfv3XuuiQPr7917rEz&#10;arf4e/dbBp1x91L06110SB9fbdS3XusZcn6cD3oinXusLOB9OT7sqV6uqV6xM35J9uAU6cAp1iLk&#10;/Tge99b64e6F6cOvdcHIsR+fbZNevdYveuvdcC/9Of8AH37r3T3t/BPnKmZp6lcdh8bEKzO5mZSy&#10;UtPrVNWgEGWaR2CQxKQ0sjKosLsvuvU663HuBMqaXH42nfG7dxKtFiMYWDN6rCSqqWUBZq2q0gyy&#10;WAsEijCwxxovuvdJj37r3WMqSx/p/X37r3Qk4KjpNnYum3lmaeCpy1cjPsnCViq6MVYxnLVcTXDU&#10;lPIrLTxsLVFQpLaoYZFk91YCgr0jqGhze78/DR0cdVmc9nsiViQnVLUTzMWZnZj+SSzuxAAuzEAE&#10;+/da49HC3JlcR8ZNjDZ+3amnru2N10a1OfzUIDfZRkEKVJF1WO7CmQjltdRIACqN7qoNc+Xl8/8A&#10;V/q8+ifbcwFXunKSxvVClo6aF8rn83WamjpKVCDPUzN9Wa7BUW+uWV0iS7uoPuHVgK9Z91biTP1d&#10;Di8HRzUe3MOpx+28SPVIQ7DXUThbiWurZLPMwvzpiS0Ucar7rZb06NFtTbO3/jntWl7G3/RLkeys&#10;zE67Q2lMRekuP85L+rRKqsDNIReEMIUHlZr+68or0VrJ5PdPZ+8XrKySbL7k3JkBFFGDZQXNo4ow&#10;zaYaeFeFBIWNFuxABPv3Th7enHeeYoKOjp9ibaqUqcDg6g1OVykP6cpldJjmrAbBmpIFvDRq36Yt&#10;ctleokHttm8utLk9BsBc/Qm5tYfn3Tq/R2+nuk8VtQYTeXaNNTT5rMlpNmbCrrAkxp5ZK7JK6ssU&#10;FLAPNJrUpTx+qUNMY4fdwvr1Wvp+306BHvztqp7R3ez01Q7bawIfH4GIAoknI89b4ySUardQVBJZ&#10;IliRiWVmOnPWgvQEahf/AAHJPunV+hb6oweLSfLdi7rgWfaOwY0rmoZCAMjk3v8Aw3GLcHUJZl8k&#10;3pYLCjagAwI2OtU6DPcWfy26s9lNwZioaqymYrXrqybkAs5vZQSdMaCyov0VQFHAHvXW+h76z6To&#10;Hww7I7YrZdsdf05SSipWDLXZhm5jgo4h+7457cMo1yLzEAl5ksF8z1WtTQZP+DpT/JjslJKXAdTb&#10;boE2zgcDSRZDPbfotCJFUyqJqagm8RKNJRRuHnUMyGqdrl2hWQ7Y+XTiALk9E+b6H/W9060OPRgt&#10;pu3WPT24t9yL4dz9nmbYuymI9cWNjIOZr0Nvo7aadCCGVxqF1Pu4wK+vVz3Gnpk/b5dFv5P+J90O&#10;OnOjGdQIdibN393HUDxV9BRnYmxGcW/3LZOMieojY8eSgoNTkcgq7Aj3tcZPTTnVj9vQW7D693d2&#10;hnVwu08a9XILSV2QqCUpaSInmaqnIKxrwSBy7kFY0duPdNOo9WqEGejiP/cr45dUZvcvX2VpN0dh&#10;5jKjYy72lRZIBUALUVqY+MlkNJRpHy15EepEflaQRiFbmkYqPs6pQyGh4ceiD5jK5LN1tXlMxX1e&#10;SydfOaqurq12kllkb6s7uSzG3H+AsBwPbdaHP59ODobO2CNr9edP9cR+iqTAy9ibjUcE1WafVSxy&#10;rf0y01FEFsebOL/X36Q8B+fWlySfy/Z/sk9M/wAfMXS5DtbbVbkbjFbW+43tlpQL+OHEwSVisQbA&#10;gzxRryR+r3VBn+fW24fy/bjoJczkq3cudy2brNUldnctPk6ki7FpqqZ5XA/LMzuf8Sfevi63WnD9&#10;nRqPlvKuDrOqOtoGURbE64poJkjNws8+mCQXvy7R0EbsfzqBuTf25Lig+XTUQrVvU4+zqPkP9wHw&#10;zwsQKq2++0JKkqum7x0/3ETObEEhXxSqSbkHSPoQfdeC/aerjLH5L/l6XvRuz6Gp+NPZ0m8Mv/cj&#10;b+59xU4l3FkopCDRUb0DtLTxtoE/mkMkEJjL6p7ppcpoN0FVNevM1GWgqRXH29PmY3btPDfFTd8/&#10;TsWZ2ph13pHtinyU8pFfkWP2P3dZPInML1kAKkAoBEgQCMHxL6vYaevXtJMgrnFfs6Za7JPTbX+E&#10;FdUTG0G641mlcFrQrkMbE3ABJ0w8CwJ44596x2/6vTrZwX+wf4OjT9ZV38O7H7+wkqMq0e/8Xm44&#10;76rNmsZSoHHqIGvxAngEDg/SwsDk/b0zINSqfkf5dVh/JfCHAd4diUYXSlXmv45GVFgf4jBFXMR/&#10;j5Khgf8AagfbUgox6VwZUf6uGOgKNgBq/H4/2HunWwcnri7fo5t/Qf7b3Vjw62vn1jLEubcAr795&#10;/l1ryH29dKCwAAuSLAe/DI69Sp6MJtjpbFYHDUm/u8spU7M2nMvnw21acD+P5u1iEpaR7NTUz39U&#10;8ukAFTZFdZRoR0y2P8PVvEIwuT/If7Py6TPY/dOT3fjodnbXxdNsHrLHP/uN2VhGYLKQQRPkqjiS&#10;vqWKhiZCVDAEAuDI1WeuBgdaVKZOT6n/AFY6A9ntcD6/1906eCevWIkn6+/dXJC9YmJJt/ja3t1Q&#10;BnpssW69wv15P9PdCc9WCevWKRrg3PJ916c6w+/de697917oXut+ocrvmnrdyZbI0my+uME19x79&#10;zoYUsVrE01JGLSV9e4No6eG7FioYqXQNdU1Z8um3k0Y4nyA6fd79v4uk2/U9Z9OY6r2n19I+nOZe&#10;qZf4zuJ1uomylQgUx0xFylJHaJQx1A30rsvii4H8z1pUNatk+XoPs/z9F89t9O9fUW/l+/8AZBnw&#10;k/8AFRetv/eNwvuMr/8At5P+aj/8ePU07V/uLD/zSj/44Ojde0nS/r3v3Xuve/de697917r3v3Xu&#10;g63tvz+71TQ7awFD/eHfmeiZsHgEayRxg6Wr8hIP+AuPgP6nPqkI8cQLXKqre28UF2OlBxPr8h6n&#10;/B59Fl/uP0xEUY1zP8KeQH8THyUftPAdd7E2K+2vvM5n8idx76zyKdw7kmWw0qdSUVFHa1Nj6cn0&#10;RqBqP7jjUQF9c3Hi0VRpQfCv+U+pPXtv2/6Wskja5X+N/wDn1fRR5D8z0IntL0Z9e9+691737r3X&#10;vfuvde9+691737r3QQ9tdjz7LoKDB7bpP412Ju+Y4zZ2Djs37p4esqAeEpKQHWxaysRpJVPJJGts&#10;rUTks5oi5Y/5B8z0S7zuhsVEcQ1TSHTEvz/iP9EcT/mqQ4dV9cU/XWAlgqKo5fdOdqTmN4bjm5lr&#10;a2S7OdZGrwQlmWJeAAWcgPI5Nby6+qaowowq+g/1cenNn2sbZHQnVI51SOeLMf8AIPL/AGehO9pO&#10;jbr3v3Xuve/de697917r3v3XugK7xzuTlxuG6y2vUGHdnZ9acFHPF6nosWBfK5BgOVSKmJQHg3cl&#10;DrT2YWEYBMr/AAxiv2t5D9vQf3+4cqtrCf1Jzor/AAx/jb8hj88ZHQv4HCY7beFxW38RAKbGYbHx&#10;Y2hgH9mKFAi6jYanIF2b6sxLHkn2ikkMrFm4k1P59HVvAtrGsaCiqAoHyAp07e6dPde9+691737r&#10;3XvfuvdAnse24O2e2N1keSmwQx3WuJn/AKGjhbIZFR/T/K69FIH5jueTYGFx+lDGnrqkP5nSP5Do&#10;hsP8ZvLibyTRAp/0o1t/Nx+zobPZf0fde9+691737r3QVbx/5mR09/2sc3/7p5va23/spfsT/j46&#10;J77/AHKtvtl/6tnoVfaLo4697917oP8AeH+Q7g68zgDAQ7kl29WyL+KbJ0VRGqmw+j5KCjH9Pz9Q&#10;PamDuV1/o6h9qkf5Cei29/Tkhk9HKH/SupH/AB4L0IHtN0Z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fPv95IdYb9cSwH+J9+691iJJ+vv3XuuvfuvdcC4H+J9+691j&#10;JJ+vv3XuuvfuvdcC4H059+691jJJ+p9+69117917rgXt9OffurhK8esZJP19+6vUL117902Wr1jL&#10;/gf7f37qvWMkn6+/dbC1697906Fp1jL/ANP9v791brH7qWp17r305Ptskt17rGX/AKf7f3YJ69e6&#10;x+7FgvXuuiQPr7bJLde6xl/wP9v7uE9evdcPeywHXuuiQPr7bqW691jLk/Tge7hKcevdYS4H05Pu&#10;/XuuHLH37r3XMIB9effuvdeLgfTn3QvTr3WMkn6n3TLde6693C0691wL2+nPvxenDr3WIkn6+6AF&#10;uvde9uBQOvdYy/8AT/b+6l/Tr3WIsB9Tz7uOnQQo6xFif9b+nvfVC1esbfpPtP15ePWH37pwtTr3&#10;05Pv3VQ1T1hZgbW/Hv3TnXH37qpanXTfQ/63v3TdSx6jOSBx/W3vYNOnusPvXXuve/de697917rC&#10;8qrwvqP+8e/de64s35J/2HvRNOtgV6xFyfpwPbZevTgSnXD34JXj14vTh10fof8AW93IoOqA1PWD&#10;2z091wL2+nPv3XusRJP19+691xb9J9+691HYkDj+tvfuvdYwCxv/ALz791YLXrIFC/8AFT7904Fp&#10;1xL/ANP9v791brH7917r305Pv3XusLEE8f7f3RzTq6CvWMsB/if6e6BSerlgOsRYn6/7b3Xpskt1&#10;17906MdR/brEcOmwteuiQPqfbXV8L1jZr8fj37qurUadYS4H05Pv3TnWMkn6+/de669+691wLgfT&#10;k+/de6xkk/X37r3XXuj9e6xl/wAD/b+9BPXr3WMkn6+78Ovde9sk6j17rAfqf9f3ctTHV9dBjrE5&#10;Frfm/vyZNetpk16x+6lq9OdYy/8AT/b+69e6xE2BJ59+691hLE/X/be/de6dsJhazPVv2dIYYljh&#10;erra2qYpBTU8YvLUTuAxSKNfrYFmJVI1eRkRvde6cNyZuikgh29t7zRbbx05mSSYaJq+osVNdVqp&#10;IDlSVhiuy08R0As7TSy+690kPfuvde9+690tttYjHQUcu7tzxNJt7H1JpqLGBikmVrlUOtHGw9S0&#10;8YZXq5l/zUTKikTTRe/dbA9ek3mcxlNz5abJ5F/uK6tkSKOGnQKiqoWOCnp4UGmOKJFWOKNBZUCq&#10;BYe/da49HE29jMT8Zdj/AN89y09PXdq7ppWptvYOazCiQqpZW0kMoj1Kap1NySlPGRdnb3W6dE4q&#10;KncW+tzNLK1VntzbkyIBPBknnlYKqgelVUcAAaURQANKrx7r3Hp93RkqPD4/+4m3ayOto4KpandG&#10;bpT6MnXxgqFhYctjqElkp/xM5epI9caxe62cYHRi9ibMwPQu3Ie1uz4Um3hVwsdjbKkCmaOUqCs8&#10;ytcpOoILMeKVDzqqXSNPdeXorG9N67g3/uGs3HuKsNZkattKILiGCJSSkECXPjhjBNhySSWYs7Mx&#10;oW9OrlqcOlTMx65241Kp0b73hjLVrf7sxOHqUBWEfmOuy0TXk+jRUZVPrVSBPM1Oqip6CuCGeoli&#10;p6eKWeeolWGGCBS7u7HSqKqgszMxsAOSeB7a6uBp6OFtbaG1vj9hKDsXs6mXK7/rVabZewVKE07g&#10;ApVVV7hZIzYs/qWC40q9RpEbmmnVeOBw8z0i+yt97jo8VWHcle8/ZfYlAjbhRbouE2+5E9JhqeO/&#10;+TyV5ImqFvrEPjSW7zSk+Jp9vVqV+zosTAkAD8m3tvq3U/EYjIbgy2NwOHp3rMlla2OgoqeP6vLK&#10;wRefoFBPJPCi7EgAn37r3QqdnZKkpBhOpdoyff4TZ1Q0dfV0AL/xbPT6Y62sUILyojgU1KLMREnp&#10;JD+7H069w6E/bnW20emcRRb87rhjyG4quL7nafV0bIZpWHMc2RHqCIrfqRg0cfAlEkp+3GwAuT+z&#10;quW4ft6aaXsLO75y+Z7n380E2A67RY9obaQaaF8zUav4bRQwlryLCUNVUvdpDHAoe6FFHq1yetqA&#10;ooPPor+SyVXlK+uymRqJKvIZGrkrq2plN2kllcySOx/q7sSf9f3Tq4WvTxsvauS33urB7Txak1eb&#10;r0pBJYkRR8tNMwHOiCFWkb86VNvewK9Vrp6WXd278fujeC4nbVl2Xsegj2dtCGM3Vqak9D1VwAHe&#10;rmDSGQgMyePVyPe2NT04g0jPHift6CWCGSWaKmponqKuolWCCKIFizsQqqoHJZmIAH9fbbNTHVvi&#10;+zo+W6OmxFt3Z22t3ZuDY/VXWuK+93fuScp5spna+1RXw4+MajVNENNNFKVcKfJHGkzI0YdIoM46&#10;Z1VOM/L5dAXvfun+IYuLrHp3Cy7L2E8wozBS/wDFzzEkhEfkrp1LSHz8Dxh2LCyu7IFjRlpK4H/F&#10;9OqmanJ6g9+VMGAqdmdTUMkb0fV+2o6TKGEgpJmMgErcnKrBV1Au6KAblSrKTe/vbYx5D/D15M59&#10;f8HQY9ZbSk372BtPagDtFmMzFFXGMElaVCZqtwBbmOmjkb6j6fUfX3RRrPVidI6l9vbv/v32Zu7c&#10;ULA0NXl3pcUEsAKKkApaTSF9Kg08KEgcaiTc3ubMNR+3rQ7R0t+uj/dnqPubfD/tVWapKLq/BOP7&#10;f8Rk+4ycd/x/kNOpsL3BN7D67GAT9g6rSpA/P/J/l6Q3TmB/vX2rsDCOnkgqdz0s9XEPzT00gqak&#10;f0F4IX5/H1sfp7ovcQOrE6QT0svkBWZbsPv7elFg6Cty1cM2u2cbjcfG0srNj4Y6ORURAzG80Ejt&#10;/S7E2A49IdTHrSYUfZ/s9Gl38eveo+qunsF2bhp9y7o2xhpMnidgRSoKSbITBHmlyUyB0NLSTyuo&#10;ALrMxYeOZAxV0kKBXj6dUWshNOBoK/Z0iuzt+7g3j8UMbuTP/Z08u6uyxQ4/H42IwU1PR0q1ggpY&#10;Ix/umE0BsWL3I5Yv9NM2pfz6dRQj0H8P869IaYfZ/C2ltCy/xXtgu0jXGrTHIPIt+CP8m0cWFwfy&#10;D7pWi/n1YGsn+1/y9O+/KxqDqj4i1yuIfs8lPVLMwBC6KyhfUQQQdOm9iP8AYe7EYB+XWgKs32r/&#10;AIOjQ4fKDDfIX5BxGIn7nY2E3cquWtI+Ko0SN7AchWkA4YAkEaWJNnBhj9nTOmqL9tP216Kd85cU&#10;lB2xiMtCnpzuz6eWZj/x2p6iqgbj/CFYvz9b+25uP5dPWxqv2H/Z/wAvRLpGDEW5str+2enwa9YZ&#10;Tyn+C+6NxHW+lfsjYW7exM7FgdoYepy1cwDTvGNMNPGfrNUztaKCIf6pyLn0rqYhTYKWbHp00SAu&#10;f9Weh7GT6w+P6CPCriO2u4ICVlzk48u3sHMPxSRG38SrImvaU2VG0spjdHjZwUj+Z/l1WhkPoP5n&#10;/N0WndW69x70zVZuDdWYrc3l6xy01ZWvqIFyVjjUWSKJL2WNAqIOFUDj2mcknPShF8h0nCQPr7r0&#10;6AF6wnkk/wCPv3VC/p11/vQ+pPv3VQK9YmdVvp4B+rH6+91r1cLTj1HLk/Tge9dXBr1w9+61q67A&#10;LMqqCzsQqIouSTwAAOSSffurdGRwfVm2OusZQ7178kq6NauD77a/UmPfx5nLAGyS17D1YjGs4sXe&#10;00gDiMKyqHdChct+zpkuXwn5nyH+c9Br2T2xuXsuooYK5KLB7XwaGm2tsnAJ9vjMbD9AsMC2DzMP&#10;85M93c35VNKLV3L/AObq6RhPtPE+Z6C4kD6+6dX6xFyf8B7917r6jf8AL8/7IL+Ef/ionW3/ALxm&#10;F9xlf/28n/NR/wDjx6mnav8AcWH/AJpR/wDHB0bv2k6X9e9+691737r3XvfuvdBTvHftemUbYvX9&#10;JT5zfk8AkqnnLfYYaCQHRWZSZFYKTa8VMt5ZrfQKVLLILYEeJIaJ/Nj6D/KeA6J73cWD/T2wDykZ&#10;r8EQP4nP+BeJ6e9j7DoNmw11S9VUZzc+dmFZufdWRC/c1s9gB9PTBSxD0wU6ftxJYC5uzN3FwZ6C&#10;lFGFUcAP8/qfPpRYbetkCal5HNXkb4mP+QDyUYA6XftP0Yde9+691737r3Xvfuvde9+691737r3S&#10;E7E7Aw3XG3Zc3lBLVVMsq0OEwtHZqqvrJDphpqeP9TszEFiAdK3axIAKm1tmum0jhxJ8gPU9F+5b&#10;im2RGRsngqj4nY8AB/qx0h+qev8AMU1fkOzuwzHV9j7qgCtTrcw4egJ1RYykUk6Cot5muSWBXUx8&#10;kkqi8uVIEMWEX/jR9T/k/wBVC/aNtdGa7uczSDh5Rp5IP8vz/Mkc/Zd0IOve/de697917r3v3Xuv&#10;e/de6iZCvo8VQ1uTyNTFR4/HUsldXVc5skUMSF5JHP4VEUk/4D3ZVLkAZJwB8+qSSLCpdjQKCSTw&#10;AGT0AvT1DWbzzm4O787Tywy7oj/gmwKCpvqo9vwSExSaCfRLkpgZ3+vFmQ6JCPZjfMIFFuv4cufV&#10;z/m4f8V0Hdkja+ke/kH9p2wg/hhBx+bHJ/lx6ML7LOhL1737r3Xvfuvde9+690057M0e3cHmc/kG&#10;00OExdRlqxvp+3TxPK9v8SqG3+Pu8cZlYKOJIA/M06ZuJ1tY2kbgqlj9gFeg76Qw9Xi+t8FV5RSM&#10;3ul597Z12BDNVZid69w4JJ1RpMkZvz6Oeb+1W4SB5SBwWiD7FFP8nRZsEDQ2qF/jkrK/+mkJf+Va&#10;fl0LXtF0c9e9+691737r3QablPk7K6wgECyeOkz2QMpIvGI6WkguARe7GqC3BuAbWIJsrhxDIfmg&#10;/mT/AJOiu6zdQCnlKa+lFUf8/dCX7SdGnXvfuvdIDtH9rYucyYLA7c+23eChAI/g1XT5U/q4PFGQ&#10;VP6hdfz7U2eZAP4qr/vQK/5ei3dsW7v/AAaZP+cTCT/n3pf+03Rl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8+kuT/gPeSHWG/XH37r3XRYD6/7b37r3WIsT/gP6e/d&#10;e64+/de64lgP+Ke/de6xlif9b+nv3XuuPv3XuuJYD/X/AKe/dWC16xlif9b+nv3TgAXrj791Uv6d&#10;cSwH+J/p79031iLE/X/be/deAr117906E9euJYD/ABPv3V+sRJP196Jp17rr22Xrw691wLgfTk+/&#10;BK9e6xkk/X3fC9e6690L1691wLgfTk+/BK8evdYySfqfd8L17rr3QtXr3XAvb6c+/BK8evdYWa3J&#10;Nz7dAp17rEWJ/wAP8B7917rkE/r/ALb37r3XIkKLf7x7qWp17rGWJ/1v6e2yxbr3XH3YJ69e64lg&#10;P9f+nuxYL17rGWJ/1v6e2yS3XuuPuwT1691xLAf4n+nuxYDr3WIsT9f9t7bJLde6693CU49e6wH6&#10;n/X9+LU691xJA+p9tk1691jLk8Dge9de6wlwPpyffurhK9YySfr791fC9de/dUL164FwPpyffuvB&#10;K8esLN+SeffunAKdYmYt/gPfut9cffuvdcWdUFz/ALYe/de6itIz8Dgf0Hv3XuvBP6/7b37r3XT/&#10;AF/2HujLU9XVqDrh72Fp1osW66BB+n9be7daIp1weRVBH1NvoPdWanW1WvUQsT9f9t7Z6e669+69&#10;1xLAf4n+nv3XusRYn6/7b37r3XEgH6+/dOhKceuJYDgfX37qw6xkk/X37rfXXv3XuuBcD6c+/de6&#10;xkk/U+9E062BXrG5ItY/X3UHV1YjT1i936p10SB9fafp6oXrEWJ/wHv3Wwa9YS/4H+39+6oX9OsZ&#10;JP19+6qAW64v+k+/dOBadYffurde9+691jf8e/de6x+/de697917rCxNyD+PfuvdcffuvdcSwH+J&#10;9+OevdYiSfr7rQL17rCzm5A4/HvQWuenFTrGxsL/AFPuwI4dXBHDrCST9fbHW+uvfuvdY2YWsOff&#10;uvdTMViq7NV8GNx0PmqqjUVDMqIqIjSSyyyOVSKGGJGeSRyEjRWdyFUke690/Z7LUVDQnau3J/Li&#10;1lE2YzCBkfKVCW0tZlV0oKdgft4mFyS08oEjrHD7r3SJ9+6910TYX9+r17pT7Z28mZNZk8rUSYza&#10;+EVZs5lEAL+u/ipKYN6Za6rKlYU+gAeWS0MUjL7rY6ibn3JNuOujdadMZh8bB9hgsNAzNDRUqsWS&#10;JC3MkjsxeWQ+qWVnkblrD3Xia9Gf6l2Tg+rtsHvDsyArLHGr7G27JYSySyAmGcRuBeomALQ/iOIN&#10;UEcIU3TrdOizb73xnOxNy125s9MHqqt/HTUsV/FTQKT4qeFTciOMH/XZiXYlmJOutcenqqYdc4ab&#10;FRgLvzcVD48zUA+vEY+dOaBP9RkK6Jv8pPDQ07fbH1yzqnut8Ohu662JtrqHa9N3H2xTNLk5T5Ni&#10;bKlAE0k1tUVRLG4Npfo66hpp0tK4aYxonuvDHRbewN/7g7J3LWbl3BPqnqD4qSihJ8NLApPjp4FJ&#10;NkS9yfq7Fna7MT7q3DqvTrtPH0GAxkm/s/Sw1dNS1DUe1MPVi6ZLJIFa8iH9eOxwdZaj8SuYqb/d&#10;rmOtNPV1FekTJJm915yRyK/PbhzuQaRxGrTVFTUTOWYhVBZndieAP9gB7px6uWp0bbG4fa3xnw1P&#10;uHdMOO3N3Jk6UVG39tltcGKV1K+aZlNtSnUGkB1OQYqchfLP7dwg+fVaa/s6CTD5KrzFdnO7Oxpv&#10;42mNrljw9BXD0ZTLldVLRJGLKuPoEAmnUWQRKkIBMoHv3w5PVqeQ6BXMZnIZ3KZDM5aqlrsplKuS&#10;urqqU3Z5ZGLMT+ALngDgCwAAAHtuhOerdNZJ/P1P4/p711rj0Y/rXbmb25tyPP4PGVOR7J7Fjn29&#10;1vQUvE1HRG8OSzbEkCnWzGnglZkC3llvoF/ewOtnHS1d9j/GSkt/uN333jPECSbyY/Ba1vf+yz1F&#10;m/2mVh/xwQ/u2+D7eq/F9n+HoruQye6+xN0JU5Gqrdxbq3LXx0kJkIMkkkrrHFFGo0pFGCwVEULH&#10;GvChVHtvj1cdLDtfK0OMGG6v29UpPg9hLJFlK6nPoyGbm0/xKt4/VHG6ingvcrFHwbOb7PV1XzPQ&#10;Llx9ByfeunOjEbNV+teqtwdhTKYNz7+WbY2xWYWeKksP4xkY7j+ytqaORSGSUn8MfdhgdMEgn+fQ&#10;A0FFW5OspsZiqOpr6+umWmpaSjRpJZXY2VERAWZifoAPbRauB05SuT0d7rnpnb/UWNyfaHaVXBXb&#10;k2Vjo9y0eyaGVWFHKzacea2VA6/d1NSAtOl/GrKz3m0MI7KmnJ49Nu+rA8/PoqXZna+8O08ucrun&#10;IF6eB2GLw1LdKSkRj+mGK5uxH6pHLSPYBmICgUZjKenVULw6VHx/xVFJvOr3tm49e3ur8LPvrIqS&#10;AJJ6Qf5BTqxDASy1ZRkFjq8ZA592VdOfz68/CnrjoHs7mK3cGYymcyUvmyWZyM+WyEv+qmqJGle3&#10;9BqY2H4H090c9eXoaeoP9+ttDtXs6SyVOJ26NlbXdr3/AIlmyYWliI/3ZR0SSSG5tpf6H6e7Rjie&#10;tMeA/P8AZ/s9F8IEaixuW4J/1vfi1Otg16Hrsl22v0/09scB4q3NwVnaWdhb6N/EH+1xUgH4Ioad&#10;vrf9Q+g496bAA/PrQySfsH7M/wCX+XQlfDfZVcd5V3ZmWo5qHam1sDWtBuCtAjpjVOiwyKsslgVi&#10;o3naVluIwFDlda3tCM16rKcU9emrL9wYLbFdX7U6GpJlzm6sk1JuDtnLrfKZCarn/cFArgGhpnle&#10;6khX+jaFlUTNUsBhf2+fVwpbj+zy/wBnrh8zcnHN2ji8BBJK8O1dl0OJYztqcu7T1JdmIBZmimju&#10;fyRf8+9zcfy63bior9p/1fs677gP8G+Nnx5wHpByTZDcIQW51MZr/k/8vLnn6nkA2AqRQDqyHvY/&#10;Z/g69vW1H8N+pqY+byZXsOsyRuLKFikzkOn+pDXRhxb6n+nuxFEH29Vjy5+wfzz17uCoFL0H8Y6k&#10;pr+3p8jPovbVolpWtexte1vof9b3tz2jramrtT+j/g6NM4iHzBz+ImkU027+mWx8kTqWA/ciJFrl&#10;WOilY+oAWYr9bXc/H+XTBNIg3oa/z6A75jpJndh9G73ljIqMhh3jrpfUbtW0dBVxqxJbkNHKRc3N&#10;2+trikuQD09B2lh6H/P1X7ISp03/ANe3tjp9RQdGE2z0jDj8VSb37mzL9ebKqE82Ox7qGzeXAAYJ&#10;jqBgXRGDC80q6VDK+kxsHG/Drk4/wnpoP5DJ/kPt/wA3ULe/eE1ZipNh9aYaPrnrixSfGY5r1+T4&#10;0+bLVwPlnaRRzEG0AHQxlVVI2z+Qx1dY6ZOT/g+zoAAf1f8ABv8Aez7bB/w9Xp1hkbSxAHP19tvx&#10;6sDTrAWueeSfoPdet5brpvT+r6/XQP8AiT791ZR6ft6xMxb/AAA+gHv3VwKdRm+p/wBf37pluPXX&#10;v3Xqnh0rtlbE3X2Hmo8BtHEVGVr2TzVDp6YKaEGzVFVO1oqanS/LuQL2UXYgGyqWwOt0CZbHQ4nc&#10;HXnQOqn2VNiuze3YgUqd9zxrNg8JLaxXDQSBlyNZGxP+VyDxKQpjQgyJ7vUR8Mn18h16hl44Hp5n&#10;7fT7Oi2ZvOZjceUrc5n8nW5fL5GYz12RyMjSyyMeLs7kmwAAA+iqAqgAAe2ya9OgUwOmcv8A0/2/&#10;vXW+sfv3XuuwPyTYD6k+/de6+o5/L8t/shfwjt9P9lE62t/6BmF9xlf/ANvJ/wA1H/48epp2r/cW&#10;H/mlH/xwdG79pOl/Xvfuvde9+690CWX3pnd95Kr2j1bPHDS0kppN09kuokpKA3s9LjATpr8lpvcj&#10;9mC6l2LMApglutuNc32qnmfmfQfzPRDNfSbgxhtDQDEk/FU+SfxP/JfPPQh7P2ZgtkYoYrCQSDyy&#10;mryWSrHM1XW1L8y1VZUPeSeeViSWJsL6UCoAoSzztcGrfkBgAegHp0Z2VlHYJojHzZiaszeZY+ZP&#10;/FdKr2z0r697917r3v3Xuve/de697917r3v3XukrvTeWB2Dt2v3PuKq+2x1AnCJYyzytxHTwISPJ&#10;NK3CrcAcsxVFZg9BA1ywReJ/kPU9I7++j26IyymgH7SfID1J6CHr/Zud3nuGDt/s2kanyPjP9wNk&#10;1ILR4OlcgrPKrKurJ1AUMzFQ0fFwrBI6dbczrAvgRHH42/iPp9g/1fMm26ykvpRe3Yof9BiPCJT5&#10;n+kf5fsAMR7LOhL1737r3Xvfuvde9+691737r3XvfuvdFy7KqZ+zt4UXSuGnkTB0aw7g7YyNMxUx&#10;0QZXpMSkg/TPkHAZwLMsQDDUvkX2aWii0jNw3E9sY+fmfy/1eXQY3Vzu04sEPaKPcMMUXiE+1vP5&#10;fn0Yenp4KSCClpYYqempoVp6enhUKiIihURFAAVVUAADgAWHssJLGp6EqqEAAFABQAeQHWb3rq3X&#10;vfuvde9+691737r3QH92PJnaXaPWFLI6z9j7ljosqIr6lw1BauysgYfp1RRJDzwfNp/PswsB4eqY&#10;/gWo/wBMcD/P+XRBvp+oEdoOMzgN6+Gne5/YAPz6G5VVFVEVURFCqqiwAHAAA4AA9l/R+BTrl791&#10;7r3v3Xuve/de6C+utV9zbaQqGXC9bZipBsfS9fksLGh1A25SgkABH9SL2Nli9tu3zkX+St/n6KZB&#10;rvk/oQSH83eIf8+HoUPaPo2697917przmNTM4TMYeTToyuLqMa+v6WnheI34biz88H/WPu8b+Gwb&#10;0IP7D0zcRePGyfxKy/tBHTTsXJSZjZGzsvLqEuV2rj8lIHFjqnpIZTcWWxu3IsLf0Hu9yuiRl9GY&#10;fsJ6Z2+UzW8Tn8UaN+1QelV7Z6W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z5/pyfeSHWG/WMv8A0/2/v3Xusfv3XuuiQPr7917rGXv9OPfuvdcPfuvddEgfU+/dbAr1jLk/&#10;Tge/dOBKceuHv3Xi9OuiQPr7902TXrGXJ+nA9+611w9+6uErx66JA+vv3TgFOsRYn/Ae/db64+6F&#10;/Tr3XRYD6/7b3QAt17rEWJ/wH9PbgUDr3XH3Uv6de64lgP8AX/p7qAW691jLE/639PbgUL17rj7q&#10;X9OvdcSwH+v/AE91CluvdYmY/k2Ht0KB17rEX/p/t/e+vdcQpP8Ah/iffuvdZAAo/wCJPvxNOvdc&#10;C9/px7aL14de64e/Ba9e66JA+p93wvXusZcn6ce6F69e64e/BK9e66JA+vu+F691jLk/Tge6F69e&#10;64e/BK8evddEgfX3eoXr3WJnJ/wHtstXr3WEv+B/t/devdYySfr7917rpvof9b37p5VA6we/dVL+&#10;nXvfum+PXCQ2X/Y+/dXTj1GL/wBP9v79071xsTc/7yffuvdcfpyffuvdYi/4H+39+691iYavz+fr&#10;7917r1lUf0/x9+691wLk/Tge/de6wlwP8T791cJXrGST9ffur4XrGzsPSDa/Nx9fbbtTrQo2esXt&#10;vq/XRIH19+691iLk/wCA9+691x9+691737rYx1wf6f7H37rZYnrF7904goOuiwH1/wBt791brEWJ&#10;/wBb+nv3XuuPv3XuuJYD/X/p7bK1PTgag6xM1+TwB7uFp1QtXrEX/p/t/e+tdY/afqwUt10SB9ff&#10;unQKdYPfuqBPXriWA/xPv3TnWIkn6+/de669+691737r3WOT8e/de6x+/de64FwPpz7917rCzfkn&#10;37r3WIuT/gPfuvdcffuvddFgPr/tvbBNevdYCfqf9j73qJx1bUTjrEzA8D+v193VadXVadYiwH+v&#10;/T3TT1frGWJ/1v6e69e6kUNDWZKspqCgppqutq5hBTU0ALO7sbBVA/3w+p49+690rMpXUm36CfbW&#10;DqIqmpqQE3Pn6ZgVqCCrfY0jre9BBIt2cG1VIA5vFHD7317pCP8AX/Ye9de64e6Oade6e9v4Cp3H&#10;XPSQzQ0dJS07V+XytVq8FHSxkeWonKhm0rcKqqC8kjJFGrSOqnSAk168M9TN0bhpcgtJhMFFNQ7T&#10;wjv/AAqmn0CaeR9KzV9YUAD1dSEW45WKMJDGSqamc62T0NPSPVuLq6Sp7W7FMeP6/wBtaqqlgrgQ&#10;K+aL6HT+qWnjksoVb+ea0KhgJF9+6rWnDj0GvcHa+U7S3K+QmElJgseWptvYckaYIbi8j24aon0h&#10;nPNuIwdKL791Y9N+Cgg2ZiabeuWhinzlfdtiYaqUMt0ZkbMVMTAhqemkUrSowtNUKWIMULLJ7raj&#10;ocOtth4jY2Cn7y7milm1Siu2ltyuYNVV9XKWkSpmjl5kklb1xBzwuqolGkIT7qtc4/P5dF57J7J3&#10;F2fuKfP5+bSi3hxeLhJ8FHBe4iiB+pPBdyNUjcmwCqtC9OvdQNo7aTcFbUSVtScZt3C038U3Nmio&#10;b7akVlU6FJAkqp3YRU8V7ySuq8LqZdj1PVzQ4HUjJVeZ7L3RjsRtvDzCIKmD2jtqiOsU1IjMyRlz&#10;YFyWaapnbSHlaWZyoPDZ7z16tcDoyLSbU+L+IMNOcbu3u/K0jRzzoS9LhYpUBAAIB1MpBsQskwJJ&#10;McJCu4Bp/wAvXlXV9n+H/V/q+Ra8Rj9w9nbvb+IZSWqyOSeTJ5/cOVcslLSwrrqayockBKemhXhR&#10;YcJFGLlF9+P+r5dOcOsfYW7KPP11FiNvRy0my9q0zYjatFLw7RatU1dUAWBrMhNeaUgC11jHpjX3&#10;unXgOg+Fvqf9h7ozenXifLoXemeq8j2luymojFPBtnHSrWbqzA9EcFMp1NEspBQVNQAVjHJHqkKl&#10;I3Iqq6uvE6ejBdt/IDb+1Z8ltrptKb+Jy0cWDyW+oQGFNSUyCKHHYcm4SCEA2kX9sOXljEkr/cCx&#10;anDrWknj+zojksstRNLUVEsk800hmnmmYs7uxLMzMxJZmYkknkm5Ptvq3Qy7KZOvtoZTtOrsu4cr&#10;59q9awvwyzsmjJZZR9dOPgk8UTcr55fpdONjGerLnH59AQ7s5JYkkm5J/J/qf6n3rp7pXbC2fkd9&#10;7swe1saCtRmK5aczkXWGIXeeocf8c6eFWkb+oWw5t72BXpt26HLcWAz3eu/22/15SiDr3YVFFtXE&#10;Zasbx0FHQUg0vWVE1gHlrHV5vSpmkUrqBCFl82f8HVB25Pr/AD6lZHsPYnSFHVbb6c+33PveaJqL&#10;P9rV8aOicWeLERFnjCar+saozYEtU+l09iPh+3q2kvk/s6T3a+Rr9p7B2p15XVtTWbs3VKvZ3Zdb&#10;Vu0k71NWmnGUU8jkya6alGuVGNvIyOPdJGpjra5NfyHRZ3Ita/N/bamnTnRh8x/xj7oTBYIEwZ7t&#10;/KDdmaX1B1wuPYx4yFxwClTUlqiMi91uD+LOjh/PponUf5dFz5a7E6F+uo/8R7po9er1pgdGA7Nc&#10;bQ6u6s60gBhrcnSSdpbrQN+qoyQMONSRQPTLBj47MrEsNY4UG3uzGgCjqg4kn7Oga2rt6t3dufA7&#10;Yx0cklXm8rBi4BGL6RLIFeQ2vZIkJd2PCqpZiACfbdNRoPs6uMCp6O529t7q7aO+cju/tGtGeejp&#10;qXEbC6iwEvrFFQU8dPSy5Scf8BqadkMojFiQ9/3SJIFdcAHP5DqiksMftp6+nr1ll7V3Jm/jd2nu&#10;/LLQ4ahzmRh672XtrCRLBR0dGVjSpjgRV+kkFVMruSSxh0gIioq2rUH9nWxGNYHyJJ/1fPoqXQeE&#10;/vD3L11jvGsyJuWHKyxsLgx0GqukDA8FdFObg8EcH20F7qdPyEIp+zrh8gc//eLufsXIq6vGm5Jc&#10;TFJGbhkx6pQIVP5BSmFiOD9Rxb3qQ1J69CKKOhe+WDPioOkdnMSDtnqukYwk30mRY6U8a25P8Pte&#10;5+n6mtxdxWg+XTSH4vmx64dzWxvxx+OeMbWHrIcjlwHYXsxSXhQOQfvBY/2RYHk+9PhR+f8Ah62n&#10;c7f7X/B1w76EVL0L8Y6MOzSTYHIVoDD8MmPkcXHHpacAf1H+x9+f4R16Id7n/S/4OjGZiuEHzJ6l&#10;rZJAj7j6sMlYzMFQSPS5zSqD8hnp0CqSSWbg/Qe3Ce8fZ/n6ZbMZHz/kCOsHYfX+d7S+Pmz9v7dp&#10;aapy+3Owaug8lS8dNHT02LrczippJZJNIhghjjVmH1IRQA76Q2ipZR9v+fpwOFkJPmB+3HRV3zfV&#10;PRjPHtZcb232nA1n3XXJr29iZrWP8Og1f7kqiJr6Z2/bBCSRlSHj9t1CcMn+XTwBfjgenmf832dF&#10;43ZvDcm985U5/dWZrc5l6tv3ayta+lbkiOJBaOGFCTpjjVUX6KoHtpmNft6uoCig6TJYeXk8k/8A&#10;Ee6nj1brhq/zt/weB/sT78p49e64TepgQbC1ix/2PvzCvWxTqOXC8J/sXP1Pts9OBa8f2dYibck+&#10;9dX6xF/wP9v7917rh7901pqeh42j0wowtNvztfNHrrr6b10Ek6a8vl7AMIsPjmtJIHBH+USAQoGE&#10;g8iBrOKnmcDrRemFyf5D7T1G3v3S1dhZthdZ4Veu+ttYFRjaN9WRyxQECfN14PkqnYksIVIgjuEA&#10;cIjDzPigwP8AD1ZY6GrZPr6fZ/qr0ApcD/E+2+nOsZJP19+69117917rslU/Vy34Uf8AFffuq1rw&#10;6wM5b6/QfQe/dbA6+pF/L6/7IJ+EX/iofWv/ALxmF9xlf/28n/NR/wDjx6mrav8AcWH/AJpR/wDH&#10;B0bz2k6X9N+VyuMwePqstmK6lxmNoYjPV1ta6xxxqPyzMQOTwB9SSAASQPdkQyGiipPADpuaZYFL&#10;uQqjJJwB0CPl3P3QbUzZLZvVEhs1TZ6fL5+P6ERg2fHYuUHljaeZLWCK50mHZYcaNJ+1U/zn+Q6I&#10;ay75w1R2/rwkmHy/hQ/70R6V6G3E4jF4HHUmIw1BS4zGUEIgpKKjQJGij8BR+SeSTcsSSSSSfZe7&#10;mQlmNSeJPR7DCluoRAFUCgAwB04+69O9e9+691737r3Xvfuvde9+691737r3SZ3fu/AbFwFbuTcl&#10;atFjaJeT9ZJZDfxwQR3BlnlIsqj/ABJIUMwegga4YIgqT/L5npLe3se3xmWU0UftJ8gB5k9Avsva&#10;m4eytwUvaHaGNkx1Hj5PL1z1/V30Y+Mm4yFdEyjXkZLArqH7fB0qRGsa6eZbVfBhNa/G/wDF8h8u&#10;iKxs5N0lF3drpC/2MJ4IP4mH8R+fD9lDHeyvoT9e9+691737r3Xvfuvde9+691737r3QZ9p9gDYW&#10;345MfS/xbdufqhg9mYBOXq6+Wyx3UEN9vAWDytdQFsupWdfauztvqWzhVFWPoP8AP6dFW77l+7ox&#10;pGqRzoiT+Jz/AJBxP+z131ZsH+4W3GhyFT/FN156qbO7yzr8vV5Ccl5TqsD4YS3jiFgNI1aQzt79&#10;eXP1LYwowo9AOvbRt37uiox1SOdcr+bOcn8hwHQl+0nRr1737r3Xvfuvde9+691737r3QFbIP99u&#10;0t87/b93D7Vj/wBGW0HNijPA4qM1VIOQS9WY4FkX9SQsLkXHswuP0Ikj82/Ub88KP2Z/PoP2H+P3&#10;ctz+GP8AQj9MGrn9tBX0HQ6+y/oQde9+691737r3XvfuvdBbgyK/tzf9aeVwe1MFtuH6cSSSZTI1&#10;H9W9SVNP+QDbkGwPtZJ2wIPVnb/jqj/Aeii3/UvZm/hjiQfaTI5/ky9Cl7R9G/Xvfuvde9+690gO&#10;rx4tkYmjAZRi6muwiq6aCBQZCqowNFzpsIOLm9vrzf2qvf7Qn1of2qD/AJei3acW6r/CXXhT4HZf&#10;8nS/9pejL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fAST9feSHWG/XXv&#10;3XuuBcD6cn37r3WMkn6+/de669+691jL/gf7f37q4T16xkk/X37q5IXr3v3TZYnrGX/p/t/fuq9Y&#10;/ryffurBa9e9+6cC06xl/wCn+39+6t1j91LU6910SB9fbZJbr3WMv+B/t/dwnr17rh72WA6910SB&#10;9fbdS3XusZe/0493CU49e64e/Fqde66JA+p90y3XusZcn6ce7hKde6wlwPpz7v17rh6mP9ffuvdc&#10;woHJ+vv3XuvF7fTn3QvTh17rGST9fdKFuvdde3AoHXusZf8AA/2/vRf0691jJJ+vugBbr3XvbgUL&#10;17rGX/p/t/dS/p17rH7qFLde699OT7cAC9e6xl/6f7f3Uv6de6ws4H5ufbfXusRYn6/7b37r3XXv&#10;3XuuJYD/ABPuwWvXusRJP196OOnuA/Lrr3rpnrGz2BtyfdtJ6uEr1FZixuT/ALD3XpwCnXMIB9ef&#10;fut9eZhyBz7917qPIQFN/fuvdRC5P+A9+6912GsAB9ffuvdcCSfr7917rE5NyPx7906oFK9cPfut&#10;F/TriWA/4p791UAt1iZr8nj20/Hp0CnWIv8A0/2/unW+uIUt/wAVPv3XuuJ4JH9D7917r3v3XuuJ&#10;YD/E/wBPfurBa9Yma/JNh7906Fp1hL/04/x9+631w9+6910SB9ffuvdYy5P04Hv3XuuHuhenVwle&#10;scn496VvXrbL6dY/ei9ethKdcC4H05PunV+sZJP1Pv3XusBcn/Ae/de64+/de697917r3v3XusZf&#10;+n+39+691iZrcnkn37r3WIsT/rf09+691x9+691hf9R9+691x+nJ9+691jL/ANP9v7917rCzAf4n&#10;3RlqerBa9YixP1/23uwWnTgAXrg3Cn3vrQap6w+6M3l1frJDDLUSxQQRSTzzyLDDDCpZ3diFVVVQ&#10;SzMTYAck8D2117pcV80OzqSqwVDJDNuWsiej3JlYSGWliddMmMpJASC7AstXMv6+aaI+EStUe63w&#10;6QBcD6cn37rXWJm/JPv3Xup2IxWR3BkqXE4qDz1lW5EallRVVVLySyyMQkUMMas8kjEIiKzsQoJ9&#10;6Ir17pRbjzFBQ48bQ2vOJ8NTzrUZnMhWRstWILeUhgHShpiWWliNjYtPIolkKR76uRQdLbpTqOTs&#10;fKz5XNyNjdh7evU7gy0jeNZPGokaljkJAUlPVI/0hiuxIdkDe6p1n707fTfNbT7V2oi4zrzbLCmw&#10;9DSqYUqmiHjWpeIWCxKotAhAKISzAO5VfdeAp9vn0Gm1MFj/ALWq3dueNztfETiBKJWMcmUrbB48&#10;dTuPUq2IeplW/gh5/wA5JEre62OjHbH2jRUlNV9+d4CCLExxpNtHasiBPunRQKGOGkJ0rSRRRhKS&#10;ntpMaiV9NPHeT3VtWOi79n9n7h7S3DJms1J4KOAtDhsNCxMFHCT+hL21yvYGSQgM7AfpVURWixbq&#10;tekZhsRkM7kqHE4umesyORqFpqOmSwLM35JJCqqi7MzEKqgsxABPuyrTj1sDoT5cVX7orsZ1H1tE&#10;2Xpoa0VOay0F1jyWQUFJa6WQj0YygVmjpdX9gvNp8tQUGyK9bOehfy+4trfG/CVW09kz0e4O2crR&#10;/a7n3YLPFjbm5ggVgRrRv0xm3qVZagEhIR4DTw62Fr9nRQaqrrspXT1lXPU5DJZCpaepqZy0ks0s&#10;jXZmJuzu7H6m5JPvROnrdSxx0Ku6JE6721J1/RyL/evOxRVvY9ZHy1OgIlpcEj/UeA2mrLfqn0RX&#10;KwkGpNOrA9Atb/be9FtXXiadD51T0dkN8QjdO56t9qdd0s4Sozc62mrDrCCnx0RVjNLJIRGHCsvk&#10;OlFmlBi97VdXWvh+3oQvkD2Litr0EHSvWMA29t7FR23Z9iw8k9Q6rqo5plZmlaMW+6Yuxkk/aY6Y&#10;jqsz0wOvAeZ6Jx7a6t0qtk7UrN87oxu3KKWOkSpkaXI5OewipKSFTJVVczMVVY6eFWc3IuQFBBI9&#10;76uFoKnqd2fu2j3TuCGDBxS0m0Ns0Kbc2fQScFKKnJAnlAABqa2QtPM1tRd9JJ0g+9dXUUHQfLGB&#10;zJx/Qe/dUZ/To7vUGycF151zuTsDtLJVG0F3jQfwHCwqCmSfGMQ1UtJCVMqz5MAIjBdUcA8wZEcO&#10;N8OmyfIfn0BfY/d9dubGrsrZOMj2H1rRjw0u28YdMlUoN/LkJlOqd5CNTJdl1WLtK48hoz04dOql&#10;Mnj0z9J7Wx2e3gcxuEW2hsTHS713S7AEPT0VpI6UaiFZ6uo0R6LgspfTci3uqdxqfLqzHGOkBvTd&#10;mR3vurPbryjH73O5KSvkjuWEasbRQqTz44Igsaf0VQPdmFanrYFMdS+utn1W/t77a2jSkr/GcmkN&#10;VMP91UyAy1U3/Tqmjdh/UgC/PttF1GnXmOkV6UXdW8qPefYGYr8aI129ivHtvatLDcRx42gX7em8&#10;Ya7KkoVprH6GQi34DzMB00oPTH1dtFt/9g7X2u91o8hk1kykl7COigBqKx9R4XTTRPYmw1WH59tg&#10;6yB058Ir0L+R2Zufvvfe8ewzNS7W68XJOh3puG1PQ0uPpdNNTJEGKCaZaaNAUjIUSG0joWubU1En&#10;y9eq4QAfy9ehg6x3r1rsGn38/V2FNdQ7I2RVZbPdmbijvV5GvYrT4+jooiF+zpKiqfUFIXyCOzxl&#10;l8rWUha08vPrTKW4+vD+f58OiCVuQrcpWVeSyVXUV1bVzNVVlZWO0kssjm7PJI5LO7Mbkkkn2yPX&#10;p3o1Pdsp2h0T0R1wpCVOQoZt/ZmIcMHqdUlP5OLlga+ZOfp4gPoBZxm0gAdUQ5J/L9nHqL8PKSng&#10;7C3JvCuH+RbI2JX5l5SbASN44gCTwoNOZ+efp9P6ei4k/LrUw1CnqQP9X7Oi5YWlqd3bzxNJU3mq&#10;9z7ogppgoYl5a2qRWsBdiWeX/E8/k+2wKnp4Np6Hn5jZhsl3dmKUvqGCw2OxCDk2DUwrSBfj9VYb&#10;2uLk/m4DkrZI6pAvaPz/AMPTz8nyaHZPxw29pKHFdYR1MkejR+5UU2NSVj/a1O9MSwP0P+JPujGt&#10;B1uLBY/Mj9nXP5EwE9W/FjFUolq62TYUlWkEEbFmNbS4R40RRqLtrDKAOTYGwuB7vIKADrUBqWPz&#10;/wAHRpN2bZ27Sd6dQ7z3NvGhwuQo9q47a23dnwo0uRra6SbIxl5Y7EUtCn3YBlYHU6vGCjAEuECo&#10;r8sdMgkhqfM18usHZOYk3T0V8hMbR4ylwg2vvnIYrw4xXiMop67HZOoqpTpu0tf9zJLKQNLiQgmx&#10;ZvemNQR6HrarRl+a/wCQ9VIaizfW/q9pulp66PL/AOxt70RXrwFOuB5n4/qP9696Jz1ann136VMv&#10;qBJBOkf776+9AUr14dR5jdUP9efen4Dq6dR/bfTnWBiST/r+/de6VezNjbr7BzUOA2hhazNZKWzO&#10;lOAI4UuAZaiZysVPCpPLyMqj6XuQPdlUsaDqrMEFTjocDN1Z0X/wHbC9ydqw3tPzLtjCzD6Mg9Jz&#10;VZGfoTpgQ/S0kfqvhPmf5Dprul9VH/Gj/m/w9ADvDeu6N+Zup3Fu/N1ucy9Vw1TWNcIlyRFDGoWO&#10;CFbnTHGqoObC5PtssW49OqoQUGOkmWJ/wH9Peurdcffuvddgfn6AfU+/daJp1waS3CfX8t791qle&#10;P7OsPv3VuuJYD/X/AKe/de6+pN/L65+BPwhP9fiF1r/7xmF9xlf/ANvJ/wA1H/48epp2r/cWH/ml&#10;H/xwdGF3nv8AwWyoqWOtNTkc5lGMOB2xiUM1fXS/6iCFeQg/tSPpjQXu17A0gtmn4YA4scAdevtx&#10;jsQA1S7fBGuXc/If5TgdInF7Czm9MhR7p7aFNJ9pMKvb/XNG/lxuOb+xLWuPTk8go+rMPBGdXiQg&#10;gh97lYBoh88M5+Jvs9B/P16Qw7fJfMJrymDVIQaonzb+Nv5DyHQ2gAAACwHAA9oOj3r3v3Xuve/d&#10;e697917r3v3Xuve/de697917pJb13vt3YGCqdwbkrVpaWL9ump0s09VMQSlNSxXBmnktwo4Au7lU&#10;VmD1vbtcsFUf5gPU/LpHf38e3RmSU0A4DzY+QA8yf9k46CfaezNx7/z9B2V2rRpRLQEVGw+vGJeH&#10;GK1itZXBgBNk3FiAw/ZsCQrhUhWzzpbKYoTWvxv5t8h8v9X2k9lYy7jILq8FKZih8o/6Ter/AOD7&#10;aAGF9lnQk697917r3v3Xuve/de697917r3v3XumjP53E7Yw2S3BnKyLH4nE0rVldVzHhUX8AfVnd&#10;iFRRdnYhVBYge7xxtMwVRUnA6YubhLSNpJDRVFSf9X8ugV6zwWW3puCXunelHLR1VdStRdc7bqvr&#10;isTJf/KZV5UV+QU6nIuVibTqs+iMwu5FgXwIzWmXb+JvT7B0RbVbvfy/XTggkUgQ/wChxnzP9JvP&#10;0H24MD7LOhJ1737r3Xvfuvde9+691737r3QZ9tbuq9o7PqXwyfcbq3BVRbV2dRA+qXJ1xMUBH+00&#10;41Tvew0RNyLj2rsoRM/d8K9zH+iP8/Doq3m9aygJTMjkRxj1d8D9nE/IdKDYu06PY20cBtSiYyRY&#10;fHrBNUNctNOxMlTUMTyXqKh3kb/Fj9B7auJjcOXPmf2DyH5DpTt9mu3wpCv4RQn1PEn8zU9Kz2z0&#10;s697917r3v3Xuve/de6Czq4mvG/tzGzDcnY+Sanl/wBVBixDgYSD+UIxRZf+DH2svO3Qn8KL+1qv&#10;/wA/dE+0fqeNL/HO9D8o6RD/AKt9Cn7R9HHXvfuvde9+690gOtzGMJmYEaVjT7/3OJGlt+qXcOTq&#10;LLb+yomCi9vpb8XKq7HcPmkf/HFH+Tot2v8As2GcTT8fnM7f5el/7S9GX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890sB/r/ANPeSHWG/WMsT/rf09+691x9+691xLAf6/8A&#10;T37qwWvWIsT9f9t7904AF669+6oX9OuJYD/E+/dU6xEk/X37rYFeuvfunAlOPXAuB9OT791frGST&#10;9feiade669tl69e64FwPpz78Er17rGST9T7vhevdde6Fq9e64F7fTn34JXj17rEST9fdyQvXuve2&#10;yxPXusZf+n+392CevXusTMPybn24BTr3WIsW4/3ge/de65BP6/7b37r3XIsF/wCKD3UtTr3WMsT/&#10;AK39PbZJbr3XH3YJ69e64lgP8T/T3YsB17rEWJ+v+29tkluvdde7hPXr3XEsB/ifeywHXusRJP19&#10;t1Lde6693CU49e64FwPpyffi9OvdYmb8k/7D22TXr3WIuT9OB7117rh7917r3vYFevdYmY8j6D6e&#10;3AtOvdcPfi9OHXuuiwH1/wBt7b49b49YmYn/AAHt0KB06Fp1hZ/wP9v7qz+nVusftvr3XIsT/rf0&#10;9+691x9+691GcEoT/vJ/1/fuvdYPfuvde9+691xLAf4n+nv3XusLN+Tx791vJx1iL3+nHv3TgSnH&#10;rh7914tTrG4JNhf6e2n49bU167CAfXn3Tq3Xi4H05Pv3XusJYC5P+v7917rGXJ+nA9+6snHrCXA+&#10;nJ9+6uXpw6xkk/X37rSGp669+6c6xl/wP9v791UNU9YySfr70Wp1cLXr3tosT06FA6xl/wCn+396&#10;Ip1Uv6dYma3J5J9662nWIsT/AK39Pfur9cffuvdcSwH+v/T3YLXqpanWH3Xq3XvfuvdcSwH+J/p7&#10;91qvl1iLE/X/AG3v3W+uvfuvdYnINv8AD6+/de6xkgfU+/de6xlyfpx7917rCzW4/Pv3XusZJP1P&#10;v3XuuvfuvdR/funS9OHXRIH196Jp1ShbrEzE/wCA9tFq9OKtOulVmYKoLMx0qq8kk/QAfkn3Xq3S&#10;+lZdhU7wKwO9q2naGrdTzh4pBpaJSPplJkJEhvelQmO33LP9v7rZFOg6Zif8B791rrCX/p/t/fuv&#10;dZKSkqshV01DRU81XW1tQlLSUtOpeSSSRgiRoqgszuxAAHJJt7917pd5ispdpY2q2nhqiGpy1cgi&#10;3lnaZgykq1/4VRyjhqSFwDUSqdNTMoCFqeJGl91dSB1m6s6zzHae5YsJjQ9NjabTU57Mst0pqfVY&#10;kXsHnksRFHe7G5NkV2X3VWf16FXu/tDC0GLh6c6z0UuzsCBSZmvpW1ffTI2p4xIP85Cso1ySX/fl&#10;vb9tQX91oV8/+K6L1tbbh3DV1MtZU/wvAYiAV+4s266kpacEKNK3HlqZ2/bghB1SyEAWUMy+62BX&#10;o0+ztpYSXH0/bPZdGm3+rtqUvg682XV2aSrXUZIpZoyF+5mq5QZXuB91KTIwSkRVb3W6dF27U7Uz&#10;/aefbJ5NjSYukLQ4LBwsTDSwkj/ACSeQAGSQgFiAAFRURfdeC16C9FLet76RyB7rQL1qnRjtn7A3&#10;IzDZe2aQnf8AuahVt05ObUsW3sROur7WaRQxirK+MhqgD9xIStKqmSWdF8c9OUC56VW7N/7X6VwN&#10;Z1x1HULXbnqkEO8uwoyPJ5kurwUrC4VkJIGhilOCQpeoZ5U9SnWuJ6KLLK7u887tJNM5kd5CSxYm&#10;5Zibkkn8/wBeT798Iz14nV9nQsbOig2NgR2dlYYpMvPNJRdaYupUMJKyI6ZsvJG1w1NjG4iuLPV6&#10;bXET+6cMnrdaD/V/q/1fZ0Ecs9TW1M9RUSTVdZWztNNNKS8kksjFmdmN2d3drkm5JP8AX3qh68uM&#10;nozu0+pdtbAwtL2J3pJJRUMl5tudfR/8D8jIoDL9xFqVo4hcFoyVC3X7h4wfHJYL69ar09ZTtfO1&#10;uJPbGdpqfEY6imlwPSOxKVV+ziq0TxTZaSIqq1AxULWSQppNSypGsSoVGy2OrAevRO6mpnqZpqqp&#10;llqaqpmaeoqJ2Lu8jks7uxJZmZiSSTck3PtrpxRXqOxsLX9R+vv3WwRx8vL5/Poa6wjrXrmPEofH&#10;vbtGhjrsuwsHodvatdNSH+0kuWlQTSi4/wAnSNGUa7nfAdaZq9BdtvbGe3fl6bBbYxNXmsxVG0NL&#10;SLfSvF5JGYrHFEt/VI5VF/LAe9dU1VHy6OX1x15sDrfduJweXnxe/u2GDV+SgBD4XbNNTqZairrJ&#10;G0rLUU0akoG0t5SigQFknZwADr1NWf8Ai+ix92dmVXaO/MrnRNP/AASmkOO23Ryk2jpIjpV9H0SS&#10;pYGWT/an03sq2YkYsenlUIOgi5/H1/HvSp69aL9GA3UT1v09gdkIfDufs2WHe+7wvEkeLiuMPRS8&#10;/SV9VSVIDIw0tweXGYIKdeXuNei8AE/8V9tZfq5anRiuu2/0f9Ub+7PY+LM7lH+jPZLk2cNUr5cr&#10;Vxj9a+GmULHKvCyakJuR7cUBRXppqsQP9X+r/N0X7E4jLbgyVLicLj6zK5Sul8VLQ0MbSSyMf6Ko&#10;JsByT9FAJJABPtn4uneHR39mbFxfxt2huLsbskUmd3JmKX+5NBsvFSq3hetiFRNTVNWpZI6iWmQN&#10;IUB8MFyjStOoDyjw+P2dNFteB9teitdkdvbu7JnhgydRBjdu44iPC7Twq/b46kRRpQRwJYO6rwHf&#10;UwBITQlkFJHLY6cVQP8AP59K2sY7N+OuPprGPJ9v7ykyUpBsWxOB/aiSRfr6slMZEJsCBcA/X3sD&#10;t+3/ACde4n7P8v8AxXQSbL27Lu7d+1dqxEh8/nqXGysL2RJpkSSQ25tFGWY25sDa/vQWv+DrZNM9&#10;DL8rtxR57uTM0NGUOP2njqTatDHFYIggj80yKBwPHU1Eif8AIPvUnHqsYoP5/t6VnU7f3Q+Nfeu8&#10;mVUn3NNS7Gx8jcM2tRFOsZ+unxZNmP0B8Z5JXiyminrTDUR8s9BL8dMU+d7v66pdIf7fPDMEH6D7&#10;CGWuv/sDT8f42tz7rGKsOnGait9n+x01d3ZR9wdxdh1UV5te8KzH02nnWtPM1LEVH19SRLb3pzUn&#10;q8Xwj7B0bj5EdR7i3vv7AQ001BtzY+xuu6HGZze+4nFPj6Yxz1TOqOzM9RN4HitEvIYgOyB1cvMm&#10;fsHTCPRftNaef+rHUrvvssdR4HqnC7Hx+Kr8ynXsFHt/sHKU4eqpKBIYadWoaadWFNUVSRq7u9yq&#10;2RkY8rp200p6cetwpqrX1OPn0x9u10x74+LmRqJfJVVWF2u9bV1Bu7+XLN5Gkc8k/uubk8Ek+9Pk&#10;r9g68i0D/a3QuY+BchD8ztrDVMdc+SiVgOJMhgZCpHqFyslMLXsPSOTzayjDDqrGhj+eP8HVSy21&#10;Af7x7T9LevWbXcnSurgf196PXusTS/u6U4Gr1H+vv3W6Yr1jH+dk/wAVP/Ee6Dz60TTri3+ZQ/0P&#10;/Fffj8PV0weo4LOypGpd2IVVUXJJ4AA+pJPtvp3owGE6WoNt4uk3h3jm5dh7eqYxV4ratMqybjy6&#10;ckCloWP+RQvpINRUhVU2ulmVvboQDLY+Xmek5cknRn5+Q/1enTJvPu2tyWHm2R17h6frbronRLg8&#10;K7GsyIAK+bM5DieukdTyhIiAsml9Ab3ppK4GB/q49OLHQ1OT6+n2enQEuSLW/Ptvq4NesXv3W+ve&#10;/daJp14lV/Vyf9SP+J9+61Unh1hZy31+n4A9+62BTrgSB9T791vrGXJ+nA9+691w9+6919Mz4Ob7&#10;3BkvhJ8Nti9bYkV248P8TuucVubceZSSPF4WeLZ2GjngmJAkqsjCwKmmQeh/86RodQALu2WOaR5j&#10;QF3IUfE3cf2D59SdZbi88EcFoNTCOMPI39nGdAqP6TD+Efn59HZ2Z1zitpz1WZqqqq3LvHKIBmt3&#10;5mzVU30JihUXjo6RSPRBFZVUKGL6QfZfPdGbtHao4KOA/wA5+Z6OLHbEsyXJLyN8UjfEfkP4R6Af&#10;z6EP2m6Muve/de697917r3v3Xuve/de697917r3v3XukBv8A7FwfX2Pp5q8TZHNZSX7Pbm2MaNdb&#10;kKlrKkUEQuwTWwDyEaUuBy7IjKba1a5OMAZZjwUfPou3Hc49tUFqszGiIuWdvQD/AAny/YOkRszr&#10;vN5rOU/ZPa7QV26UUvtra0J14/AxOFIWJTdZshwPJOb2YDQTpRgonuljXwocL+JvN/8AY+XSCx2y&#10;SeQXV5QyfgjHwRA+nq3qf2eXQ7ey7oQde9+691737r3Xvfuvde9+691737r3XCSSOGOSWWRIookM&#10;ksshCqqqLszMbAKALkngD34CvWiQoqei00qS9/bphyk6OOmNm5IviaeS4XceUhYqamRCAWxlEwsi&#10;sNMr31awXSI2P+61KD+1YZP8C+n2noLpXmKYOf8AcaNu0f7+ceZ/or5DzPrwBmQAAABYDgAeynoU&#10;9e9+691737r3Xvfuvde9+691737r3QCYP/jJHbGR3UwMm0uqzUbV2zq/RU5uYKMrWr/qko4dNLGS&#10;CNbSMhvf2ZSf4pCE/FJRm+SDgPz49B23/wB2l4Zv9Dt6xp6NKfjb/aiij51p0Pfst6EXXvfuvde9&#10;+691737r3Sf3Zn6fam19xbmqtJgwGFqcvIrf2vt4XlCcckuVCgDkkgDn27DH4zqg8yB+09Jry5Fn&#10;E8p4IrN+wV6auuMBNtfYe0sFV6jX0GCp1yjv9WrJEEtY5/xeqeRv8L+73UniyMw4Emn2cB/LpnbL&#10;c2lvHGeIQav9MRVv5k9LX2n6X9e9+691737r3Qd9bf8AFt3N/wCJE3D/AO7aq9q7ziv/ADTT/jo6&#10;LNr+GT/mtN/1cboRPaToz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nr+&#10;8kOsN+uiQPr791sCvWMuT9OB7904Ep1w9+68Xp10SB9ffumya9Yi5P8AgPfutdcffurhK8euiwH1&#10;/wBt7904BTrEWJ/wH9Pfut9cfbZf0691xLAf6/8AT3UAt17rGWJ/1v6e3AoXr3XH3Uv6de64lgP9&#10;f+nuoUt17rGWJ/1v6e3AAvXuuPupf0691xLAf4n+nuoUnr3WJmvyTYe3QtOvdYS9/px7317rwUnk&#10;/T37r3XP0r/h70TTr3XAuT9OB7bL14de64e/BK9e66JA+vu+F691jLk/Tge6F69e64e/BK8evddE&#10;gfX3eoXr3WIsT/gPbZYnr3XH3sJ69e66LAfX/be7khevdYmYn/Ae2y1evdYS/wDT/b+69e6x/Xk+&#10;/de697917r3twJ69e64lgP8AX/p7sWC9WC16wk/Unj22SW60cdYy/wDT/b+7BPXrXWMn6n/Y+6HB&#10;62OPWAsT9f8Abe/Fq9P9de9de697917rokD6n37r3XFWubW4t7917rFLIpBUc3/I+nv3VtOK9RiQ&#10;Pr791XrGXJ+nA9+691w9+691hf8AUffunVIA64+/dULE9e90L+nWwnr10WA+v+29tk16cAp1iZif&#10;rwPeut9YS/8AT/b+/de6x/Xk+/de64v+k+/de6w+/de64lgP9f8Ap791ZTTrEWJ+v+29+68SW669&#10;1c0HV1WnXEsB/ifbYUnp5W0jrEST9fblAvWqluuvbbGvVwlOPWJyDax+nuvV+uHv3Xuve/de6wt+&#10;o+3A2kU6bK6jXrgSB9fbfVyadYi5P+A9+6bLV64+/dbVaZ66LAfX/be/dOdYixP+A9+691jZrfT8&#10;+/de6wkk/X37r3XvfuvdYGNySPfuvdcCwH+v/T37r3WMsT/rf09+691hL/0/2/v3TgT16x+2G49O&#10;de96690vIVXY9NHXTqjbxrKdKrFUzjV/C4ZUEkdZKD6fv5Y2VqdCD4EYTtaUw6Pde6D13eR2kkZn&#10;kdi7u5JJJNySTyST9T7917rg3AP+t7917rCqliFUFmY6VVeSSfoAPyT7917oRqhx19RTUEWk77yl&#10;KafJzD64amlWz0ial9GTqENp2BvTREwAiZ5hH7rdadJ3Zmzs5v3cNFtvAU/nrKx7yzuG8VPECPJP&#10;MwDaIYwRc2uSQqgsyg+610ZjtDemD6f2m/TXWtSDlporb43PCV8xkcASwiRDcVEg9Dj/AHRFaJT5&#10;CzJuvW9Nc9FKwOCyG48rS4jGIjVNSWZ5Z20QwxRqZJqiokPpip6eJWklkPCIrMfp711YJ69G92bs&#10;ja1Dtsbs3cXo+o9qSDJY+GqQxzboyYugyE8DEO1Jf9qhpmNihJawkqGl9144x0XjtjtjN9pZv7ur&#10;vj8Djy0WBwETftU8X01NayvUOoGt7f0VQqKqj3VOgqUav9b8n37pwGg6M50Z1HltwyRbtlghp4YZ&#10;f9+7LkYw9NE6Fg+WqY2ZRLT0bIRTw3tVVQ0kiCCpZa8etgBOpPZXcGG2zi6/rrqGpqFo6moaXeO/&#10;/IxrcrVMSJzHUCzssrfrmWwYEpCFh5k31UnoqZKoNTD1H6D3onSOtV/1evSy2LtWDcuQra/NVEmP&#10;2jtulGW3XlI7akpwbR00F/S1ZWyfs06fUsSxBVG9tgauPXgK9ZszkNwdq7vp6fC4aWSSZI8NtbbG&#10;LBaOjoYAVp6WK9gscMd2lkbSpYyTSEamPt2nTtKdD/BjtjfGyljr88uO3z3LLTrPQYRG10GFLrqS&#10;SdhYmZQQ1+JW9IhESMaht0p02W1cOgXxY3J3dvubI7vzs32dNSvl905+o/zOOxdN65TFGB44kUHR&#10;DGoAaVxflmb20Tq6uBTpN9i7zXeOdE1BSnF7ZwtImE2lhF/TSUEFxEpFzeeY3kmYklpGN2IA91PV&#10;ug/LcX/x4/4r711qvQm9X7axeSr8nuvdUbNsnY1KuYz68gVcxbTQ4tG0sPLkKgBCPxEJGJFr+9gd&#10;b4dLHC9f7u7jy2d7K3lkqfaW0Jalq/M7vzIKQLGPQlPj43ZTUCFVWGMAhECqmovpjbdK9U48fyHU&#10;3c3c2D2fiarZHRdDPt7COPDmN8VQ/wBy+VcBl1LKVD00JuShAWRQf20p7sre1enTgWv+rA6ZamRu&#10;supvG0jpvvuan+5rWY/u0m20c6UfV6lbMTgsTyHgWxsy8+4D7erE5+z/AA9F4JA+vuvWqluhT6d2&#10;jR7u3lTHN2i2ntyll3Vu+qlvoTHUI8syuRc2nYLDYer1kj6cbUV68RT/AFefSW39vCt35u/O7tyV&#10;45MtWmWnpQbiCnQCOmp1txpggREH0va55PtsjUanqwNMDpMY6hrs3ksfh8bA1RX5Stix1BSx/WSa&#10;Z1jjQfi7OwH9PdiMdbA05PR19/8AUtdmH2/teoy2P2T1B1BhlwuQ3rmyUircnMyy5eegp2ZXqp5a&#10;r9sKLIJI3RXLWjO2SuPIdVVvPzPl8ugsy3cu3tkUNRtHoLD1GGiq1+0ynYWVQSZzIEm1oDa1HCT+&#10;gKqvyGVIJNRb1dIx/s9WC14/s8v9npt71qJNu02xurTM8tVsvAjK7qlkYs8udzOmtrjJJdjMYYmj&#10;VXLHglbC1vdW7fy/w9eB1Z/1UHRfsfj6vLV9DiqCIz12TrYsfRQL9XlmkWONB/izsB/sfba5PV+h&#10;m+QlbSxb6pNlYuVJcL1jtyi2NRPHwHlpYg9bK4/46vWSyK5+pKC/09us2aDqq8K+ueld8TMTSP2R&#10;kd6Zf0YjrzatduWrlYatLGJqdePpqWGSWRb/AEMdxyARqMUNT1WThT1x0WzP5ur3JnsxnaziqzmW&#10;qMvV2N/3KiV5pOTa/qc+2ya9ODHRpOy2baXxd6c2oAIaveuZqt7V1vq8SB2g4/CmGupzzySgsbXH&#10;uzCijqoNSflQdcfhXiDWdrZLMmB5023tCrrYggBJnmkgpo4wzEKjSRSS2JPNiPpcjcIqetSmi09S&#10;B1K23snrPZe+8BR7/wAlTdkdn7j3bS0a7K25J/uJxlVW1iJqytb9KmWnkku1Og06lMcqtG3k9+Cg&#10;HOT6eX59OFiRjA9fP8v9npNfLnembzXbW4dtzZasn2/tr7OmxmK1kU8cr0NPNUSCIBVMzSzOpdtT&#10;WGkNo0qNStU9VgWgH7enD5igUe7Ot8TaQtj+p8cl34JvU1sfI/Dfs8/6/vcvl9g6tCfi/wBMelL8&#10;jposf3j0XHqdaHG7O206R3J0qmXrNVr/AFYpGB/jYe/SYI+wdagyG/0x6MxscJVfIr5J7bdVips/&#10;t3ATSKUQowTFQwM5U2LXNY9x9GJOrm3t1R3EH06TthFb0P8An/zdVAlPBLJE6t5YmKSBvwwNiP8A&#10;XB9pel5NOo4JZgSbm9/fuvNw6xjmb/kI/wC8e9EdXI7Py66Vh5X/ACRf/e/dQprXqhqFr9nQmbB6&#10;j3f2FS1OSo46PBbUxt3zO9tzSijxVIisNeupkFpZBcDxxB3uRqCrdhtU1r/lPDrzOI29cYAyT0IB&#10;7A646gU0vUNAN472jBSftnddOPHTP/qsFipQyQFeCs9QHkBDDSyMNOtQThx9f83VtDSfFgfwj/Ke&#10;i653O5jcuVq81n8pXZnK10nlq8hkZWllc2sLu5J0qOFA4UAKoAAHts1PHp4CnDpo96631hY3Nv6e&#10;/daAp11b8nge9060W9OumYAEDjj/AGPvXWgtePUf37q/WMv+B/t/fuvdYySfr7917pX7K2HursHL&#10;fwfamJmyNRHEamuqSVjpqSBbl6msqZCsFLToASXkZRxYXYgGyqW4dVZguT0MB3D150l+zsxsT2b2&#10;lAxE2+a2HzYHDygWthqSYacnVxvcrWTr4VZVeGJgxPu1QnDJ9fLqlDJxwPTzP2+n+r7OvpRfAOpm&#10;r/gt8M8pVuJchmfir19m8rVaVVqisrNpYipq6mXSAGmqKiV5JGtdnZmNyT7i/cWLXEhOf1H/AOPH&#10;qbNoQR2sIUADwkNAKZKgno2/tH0Y9e9+691737r3Xvfuvde9+691737r3XvfuvdBLvzs9dv10G0d&#10;pY7+93YmUT/cft6mb9ulQj/gXk5lIWlpY7gkMyu4I06VOtVttaeKNbnSg4t6/Iep6J9w3X6ZhDCv&#10;iTN8KDgo/ic+S/zP8+uGwesGwWQn3nvLJf3t7HykOiuzky2go4z/AMoeLhsFpqZBwWADyepjpDlB&#10;u5vPFHhxjSg4DzPzPqetbdtX07GedvEnYZc8FH8KDyH8z+dOhd9oejnr3v3Xuve/de697917r3v3&#10;Xuve/de697917otu4clX9356r2LtiqnpessLU+Df+7aFiBk5UILYSglFrxEf8CZkJGn030lROaxI&#10;NvXxH/tD8Cn8P9I/5B/qAWuJm36Q28RIgU0mkH4z/vtT6fxEf8WYbHY6hxNBR4vGUsNDjsfTJR0V&#10;HTKFjiijUIiIo+iqoAHssZi5JJqTknoTRRrCoRAAqgAAcAB1M916v1737r3Xvfuvde9+691737r3&#10;QUds7rymHxWP2vtV1/v3vyrO39rg3/ycFQa3JyW5WHG0xMpNj6/GNLXI9rbKEOS7/Agq3z9B+Z6J&#10;95vHhQQw/wBrKdEf9H+J/sUZ+2nSy2dtXF7I2xhdq4dGWgw1EtLG7/rlckvNPJ+DLUTM0j241MbA&#10;Cw9p55jcOXbiT/qH5dLbGzSwiWFOCinzJ8yfmTk9KX210r697917r3v3Xuve/de6CjtQnKps7Y8Y&#10;Mjbz3hSpkIhwf4bjG/iuQLG4tHIlIlO39fuAoBJ9rLPs1Sfwqaf6Zu0f4a/l0T7v+t4dv/v2Ra/6&#10;RP1G/bpC/wC26Ff2j6OOve/de697917r3v3Xug+61CnC5yoRiVqewtzGxFipiz+RpmH1N7tASD/Q&#10;jj2qu/iA9Ej/AJoD/l6LNqzG59Zp/wCUzr/k6EH2l6M+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56Zf+n+395IdYdhPXrH9eT791YkL1737pstXrGX/p/t/fuq9Y/furBa9d&#10;EgfX37pwKB1wL/0/2/v3VusfupanXuuiQPr7bJLde6xl7/Tj3cJTj17rh78Wp17rokD6n3TLde6x&#10;lyfpx7uEp17rh78Xp17rokD6+6Zbr3WMuT9OB7uEp17rCXA+nJ93691wszH+v+Pv3XusgUDn6/4n&#10;37r3XEv+B/t/dC/p17rGST9fdAC3Xuve3AoXr3WMv/T/AG/upf0691j+vJ91ALde697cChevdYy/&#10;9P8Ab+6l/Tr3WP3UKW6910SB9fbgAXr3WMv+B/t/dS/p17rEzgf4n2317rEST9ffuvdde/de697u&#10;Er17rokD6n24BTr3WMuT9OPe+vdcPdGWp6urUHWBiST/AK/veF6p117oXr17rGzj6Dn/AB9062OP&#10;WIkD6+/dP9Y9RJH4F/fuvdc2Nhx/re/de6wkk/X37r3Xr29+691GY2BI911VNOnn4dYPdumevfTk&#10;+/de6xl/6f7f37r3WP37qwUnrokD6+25OnQtOsZf8D/b+2+t9Yma3+J9+691iJJ+vv3Xuuvfuvdc&#10;C4H05Pv3XusTN+T7917rEXJ+nHv3XuuHv3VlFeuiQPr7906BTrEXJ/wHvx631x90L04dXVa9dFgP&#10;r/tvbZNenAKdYixP+A/p711vrj7917riWA/4p7sFJ6qWA6xlif8AW/p7cChemyxbrEzWNh/t/bbG&#10;p63q046xe69aCluvfTk+/dOABesZf+n+39+60Gqesfv3V+uiQPr7917rEzarf4e/de6xlwP8T791&#10;7rEST9ffuvdYmYg2HHv3Xusfv3Xuve/de6j+/dKOve2Dx690uKKCm2lRU2cykMVRnq+n+523hqhQ&#10;ywIwPjyVZG4KsD+qlgYESm08o8AjSp11vpD1VXUVk89VVzy1FTUytUVNROxeSR3JZ3d2JZmZiSST&#10;ck3Pv3Wuohe3059+691iJ+pPPv3XuhDoguw6GlzlUkb7yyVOtTtvHyBXGNhcApk6lDe1XIpvRRsP&#10;QLVTj/gPr91vh0jMTistuXMUmIxNNUZTMZaq8MEMd2kkka7MSx+gAuzuxsqhmYhQT73w610b/PZb&#10;C/GnZZ2nt2elyXa+56QTZ3MxgMKGNgNOm4DKq3P26MLs2qokAGiNtdbHRLo48hmchHBClVkcnk6w&#10;RxRpqlmnnmewH5eSWSRv8SzH+p9+6sGqejp7C6027s3addn98VlNTbXp9M26a9WDHLzxSXjw9Jp5&#10;fGU86AS6PVX1S6RelhRpPdbLdFz7d7ey3Z2XQsjYzbOLJh2/t+EgRwxgaRLIF9DzuosSPSi+hPTc&#10;t7qhPQPC7n+ij6+/da6HLp7qWfsKtmy+YnXCdfYB/NuLPVLCFXEY1tTQSPZNZWxkkJ0wodbeoxo/&#10;urA0z0qe5++I9w0x2D1vF/AthUMa0NRUU6+KSvWELGqj+3FRKqKEQ2eRQPJZbRr7rxPRYTaMAn6j&#10;9C/8Sf8AH37qvThhsJk9x5ahwuJppK7KZSpWkoqaL+07H8k2CoouzMbKqgsxABPv3Hp0JTj0PVNs&#10;3Lb7qaTqXrQR1G19sVX328N4yEpR1mSIMc1dLKAQaaBQ0NDCoZ2jEkwB8kjLX7OrVp095vsTZ3TG&#10;MqtndNyRZbc9RH9tubs2pRHYsP1w48epFQN9Ct40sCDPJ+6uwemydWOirSSV+Xri7tVZHJZGr1M7&#10;l5p555n+pJ1PLLI7fU3ZmP5J90avV1WnQub5qYevttRdVYyWN83WSxZjs+vp3DBqtRrpMOrr6Whx&#10;gbVMAWDVTHkGK3upNMdW6BC9zyeP999PegK9aJp1NxuMyOcyVFicTST1+SyNSlJQ0VMup5JHNlRR&#10;/ifqfoBckgC/v1OtVpjz6PPufbvWHTG0dsbd33WR7inxaHcMmwcQ5D5bMyqFNbk5P910FIn7NMjB&#10;Q0YkdlnZ2hDh7f8AV59e6Kd2P2zunsqri/i08WPwVAQuF2viwYqGkjUaE0RCweRU48jc2JVAiWQN&#10;kk9b4dcOqdoUO7tztUZ+T7TZm06CTdG8Kz/U0NLZmhXlS01ZJphRVOv1FlDFbHwz1YHpN9g71rd+&#10;7tzG5qtBAK6fRQUKWCUtJEBHS00YAChYYVVeAAWu1rsffia9XCdIsDUeSf8AE+9dbZgg6MLn5F6y&#10;6ix+1E/Z3j2r4Nz7lH0elwkLMcZRt9GVqyUGoYXBCjQ62I974DpsGv8Aq/b/AKvt6BXa+0tzb4y8&#10;OE2viK3NZOfkQUi3CJcAySyG0cESki7uyqLi5uR71x6dwg6OdsXr3YfR+G3P2XuPNUG9d87ChWOD&#10;E4p2ONocpVa4aakM4H+VVuo3k4/yVbyNEHEMhthRXpskvjgD+2nRR+wuzd5dl5IZLdeWkqliYihx&#10;lPeOjpVItpp6cEonAALHVI1hrdiL+2g5Y56dAC8OlP0Lt+hym+4s/nFH92ev8dPvvcDNazR48CSC&#10;EBvS7z1XjXR9XXUAD72Dq4daY0HQY7p3DW7o3DmtxZJ/JX5rJz5SqtyA88jSFV4ACJfSoAACgAAA&#10;W90brainQsfHmgpU3rXb6y0avhOr9uVm+KxZOFknp4zHQwKx4Ez1ciNGPqTGQPe41qequcU9cdAl&#10;lMnU5Ovr8rWzGpyGVrZchW1DfV5ZpGkle3+1OxP+x97Pbnq3RpNnudhfFnsDc7M8OU7T3DDs7GuO&#10;A1JAJFm5BBs8f3yEfTgfgke/AkKT69UOWHyBP+ToqeMx9TlcjQYujQyVmUrosbRxqCS0s0ixooAu&#10;SSzAWAvz7oB051Yd8hti7Ojzu0Z+wd4wbY2BsjZlLgsLgcToqM3lZY2cS/aU3K00BjSKMzyalV0O&#10;qysHDj54+Q6ajYkY4kkn0HULZ3YmIi6B7wzey9n0GxNr4qii2vt96Z3kyM9TVoaaWqrq4nVNUA10&#10;BjA/zJJVXYaSLBu00HWyvctfmeiq/G/G/wAW7v67prA+DNNlDf8A6Yqeesv9R9PB/t/wfoWoxVh0&#10;omNFP2f7HTZ27UtuXuzeyozyCv39VYyFoyLsiVhpIipPAuiC1/8AC/urcevRigH2DoTvmZWLV921&#10;MAKn+HbYoKU6Wva6yT8j+yf3xx/Sx/Puz8eqQDsH5/4elJ8qZYqTunqx6slGodjYIVcRB1RFMpXs&#10;yuo9SsFNytr/AOHu0vEfYOvQcD9p6MjtuvEXzL7Ho3ZUWv61pfGtiSzxJhnAuOAPHrPNhwOb2BdH&#10;xn7P83SY5jHyP+fqrbdtEMduzdVAAgFBuGuogIySv7VTKnpLWJHp4vz/AF9pTjpcxrT7ek2pAYe/&#10;defh0/7U2fuffGahwe08JX53KVDXFPQoWCKfq8shtHDEPy8jKg/J91WrGg6s70Gehtj211N0/K0u&#10;+ayn7V39EWC7F25OUw1DKOQMpk0GqrkjYeqCAaQytHISp1e3MKaHJ9OqEtIKDAxnz/If5/2dBfv3&#10;tfePYwjjztdDSYTHm2F2ng4xSYqhQD0pS0cf7a6QSA765LcFyLD3QsXFP+K6uihDj9vmegsLE/63&#10;9PegoXpR1x9tsanr3Xv95t9f+N+9AV60TTrEWVbkcn/VH6D/AFh73gdNElsdYGkJ+n+3PuvTiinW&#10;FmA+vJ9+6t1iLE/X/be/de68AWIVQSSbAD6k/wBB7917ofcT1BjNrYyj3Z3fl6vZeGq4hV4fZdCq&#10;PuTLJc28NHJZcbSvpI+5qwovbRG4ZT7vopk4+Xn02X1YXPz8h/q+XSc3t3Dks/iTs3aOJo+vuuIp&#10;dcW0sCzF6si2mbMVzWqMrVcD1SnxrYaI1sD78z1wMD0/z9bVKZOT6/5vT/VWvQOe6dX6+pl/L3/7&#10;IH+EH/ioPWn/ALxmF9xlf/28n/NR/wDjx6mnav8AcWH/AJpR/wDHB0b72k6X9e9+691737r3Xvfu&#10;vde9+6914kAEk2A5JPv3XugCzHYW4N+5Ks2h080DxUshpNx9l1C+TH48/wBqKgB9GQrtPI0lokup&#10;YkHUpilstsA8/nlY/wAR+30HQem3KTcGMNlTBo85yifJf4m/kP8AAIWxOvMBsCgmp8Wk9ZlMjJ91&#10;ntx5NvLXV85uWlqZ2ux9RJVBZFuSBqZmZNcXLXJzgDgowAPkOjHb9tj25SEqWY1d2yzn1J/ycB0u&#10;/afow697917r3v3Xuve/de697917r3v3Xuve/de6LxuTc2W7WzuR632BXzY/bmNY0vYm/qPnQDw+&#10;Jxclij1sqkiWXkQJe124JnFEtmollFWOUQ/8ePy9B59Bq6un3eRrW3JCLiaYf8cQ8NR8z5dDZtzb&#10;mF2lhaDb23qCDG4nGwiClpYBwPyzsxuzySMSzuxLOxLMSST7QSytMxZjUno+tbWOzjEcYCqooAP9&#10;XH1Pn09+2+n+ve/de697917r3v3Xuve/de6gZTKUGExtfl8rVRUWNxlJJXV1XObJHFEpd3J/wUf6&#10;5+g592RDIQoySaDpuaVYELuaKoJJPkBnoHer8ZX7py+R7j3LSy0tduOjGN2TiKoAPjcErmSEsPot&#10;Vkm/yiU82Uoga11C67cQqIE4Kauf4n/zDgOiPaYWu3a+lFC40xKeKRcR+bfEfyHQ4+y/oQde9+69&#10;1737r3Xvfuvde9+690EuE/383au6M9ZZMbsPFR7FxMn6lNdWeHI5h0P0UxxCigNudSSqSLEe1sn6&#10;UKr5udZ+wVVf8p/Z0Twf41eSSfhiURL/AKdqO/7BoH7R0LXtF0cde9+691737r3XvfuvdB71YfJs&#10;nG1lyRlcjk84rH+0K/KVtaGv/a1Ce+r+3fVxf2qvMSEegUfsUD/J0W7RmBW/iZ3/AN7kZv8AL+fQ&#10;he0vRl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fPP95IdYdF68OuBcD/E&#10;+/dU6xkk/X37rYFeuvfunAlOuBcD6c+/dX6xkk/U+9E069117bLk9e64F7fTn34JXj17rGST9fd6&#10;hevdde2yxPXusZf8D/b+7BPXr3WMkn6+7Ehevde9tli3XusZf+n+392CevXusLMB9eT7c691jJLG&#10;3+8e/de65BP6/wC29+691yLBeP8AeB7qWp17rEWJ+v8AtvbZJbr3XXu4T1691xLAf4n3ssB17rES&#10;T9fbdS3XuuvdwlOPXuuBcD6cn34vTr3WMkn6+6Zbr3XXu4SnXuuBcD6c+/F6de6xM35J9tk1691h&#10;Lk/4D3rr3XH37r3Xvewtevde9uhade6xl/6f7f3br3WMkn6+/de697917rGX/p/t/dGanXusLMB/&#10;ifbXXusZYn/W/p7917rgfof9b37rY49YgpP+H+J9+6f6yABR/wASffuvdcGa/FuPfuvdYiwH+J9+&#10;6sFr1iJJ+vv3TlAvXB/0n3RVp1Rmr1GLgfTk+79U6xkk/X37rYFeuvfunAlOuDNbgfX37q/HrGST&#10;9T7ZY1PXuuvdevdYXIJ4/p7917rj7917rCWJ/wAB/T37r3XH37q6pXj1wcixF+ffurNQCnWL37pr&#10;rGX/AKf7f37p1Vp1j9+6v176cn3V89e6xl/6f7f3UJ69WDU6x+/Fanqwag66JA+vvTLQ0HW1aoqe&#10;sZe/0492CU49VL14dcPfi1OvBa9dEgfU+2ya9XwvWEm5J9660AGz1jLgfTk+/deL06xkk/X37qmW&#10;669+6uq064FwPpyffur9YySfr7917rE5PH+Pv3Xusfv3XuuiwH1/23v3XusJNzf37r3XXv3XuuJY&#10;D/X/AKe6lqdWC16w+2yxbp7pZ42ko9vUNLuXN00VXU1YaXbGAqVDLOVJX76sRhY0EcgIRD/wKkVk&#10;4iSQnRFOvdI2vr6zI1dTkMhUzVlbVzGepqZ2LO7sblmJ/wB8BwOPeuvdN5Yn6/7b37r3XXv3Xul7&#10;iKOi2zjqfdmepoqurqgX2jt6qB01LKxX+I1S8Xx9PIpCJcfdTKU5ijm9+62MdI2oqMpn8q89RJWZ&#10;fNZitGt21SzzzzMAFAF2eSRyAABckhQPx79w610cPF0eH+M2yzn8xFSZLtrdNG0WKxjkOtDGw+jW&#10;sRHExBnZSPNIFhibQrS+/db6Jjmcxks7kq7M5ermr8nkqlqqsq5zdndjck/gKBwqgBVUBVAAAHuv&#10;EHj0cvqHqjF7H25Vdj9kzDDR/ZM7io1JLS0z+k00Sj9xa6tB8chUeWKNhBD/AJRLK1N7qwx0AHb/&#10;AG5kOzMrBFT0/wDB9pYQGm25gIbKsUYAQSyqn7ZnZAAAvoiT9uP+0z+6sO7J6BcjWwC8+/dUc9GH&#10;6g6Ql3hDJu/eFS23eucQr1ldk6g+JqxIdRlWnZuEhTQRJNyBykepwxT3WhkdN/bfcR3bFBsvZdL/&#10;AHc60wlqTGYilHjNWImJSoqRYNpJGtY2Jsx8kheU3X3Xia9AN6Y1ueSTcD+p9+63SnHqK73JLHk/&#10;j37qvR1eueon23sqq3Lu7Jx7Ngz+PvntwVRCVFBh5ACaGhVgbZHLAhZH0s0MBEKI80rxivHp8noL&#10;ew+5aeqw52F1pjjtDrum1RPDANFXkiQA0tZJcyaZQvKFizj/ADzNwiVrXA6pxOP2+nRdSSfr7sSF&#10;6uBToadlRQ9e7bPaWTjhfOV0k2K6zx1Qoa9Sg0VOZdG9Jhx2rRDcMGqmBsPFf3Wvn+zrfQIzTTVM&#10;0tRPJJPPPK0000pLM7sSzMzG5ZmY3JPJPtvrxPQkdd9U7p7Hqpf4VBFQ4Sgu+Z3LlD4qKkjVS7s8&#10;p/W6oL6FubWZtCXcOBemq16MzVZvr3obrqoyvXZTN7z3HNJgsFvfJQqWqBD6a6uoo31LHj6Z28cZ&#10;UlZ6i2rzxR6zstTq4HRG8llchl66qyeTrarI5GtmNRWV9a7Syyufqzu5LMT/AFJ9tdW6g2PCgEux&#10;tYcn/Ae/daGeh53+/wDo02Hiup6Y+Lcu4vt93dnyLcPGxXyYvDvexH2kTieZCCBM6lWtce7HGOnE&#10;9ei+hfyeB7r1ppPIdCt1BtCi3Zu6J83eLaO16STdW8KhhdRRUgDmD6jU9XJphCg6yHYrcr78OqBS&#10;c/s6FbM7Aq925rLdvd5Zk9dbVzNaanF4WYasvWU8YCU1HQ0ZBeJY6dUTyOhIFpDHoYyDeOJx/h6d&#10;rTC56Ru5u7ZVxkmx+ocKevdnTN4J2oSWy+TJ9IetrFLSguDbxxsSATGZHjIQNl64GOvaaZOeufcs&#10;67H2xsrpakkX7rBU43fvzxMSHzeQjDLDJY6WahoyqKw4ZXH0IPuzjFPz62grn/VT/V/k6Lgzfkn2&#10;yBXq/RhKj/fg9CUlOAYdx9zZj+IT2JEiYPFSFYFYfVBVVzGRSDaSIWIIHDwGkfb02e4/Z0XYhY+Z&#10;DdvroH/E+/EA9WrXh0P85/ub8e6WC7QZruTdP3UsfAP8EwbERhl/UvlyMmtWNhIg4BAudk6R1qmf&#10;s/wn/V/PovJvI4VFLEkIiryT+AAPrc+2WavV+rCe2Oo85U7Q6r2I9fidnbJ6/wBrjJbx3jn5lSkX&#10;I1dhLFClxJVVIkjmZEj4JqFUupK3dda0HoOJ6aVsk+p8vljps6IyvWlD2jt/ZfVW3pM9NGlRW7k7&#10;R3XHeqeGCndnTF0dlWghnn0R+RgJtEjK4YhX96BAwP29eeukk/s/1ceihdt7pk3n2XvXcbTPPDXb&#10;hqFoGdtVqSGQw0ig3IstPGgsOP6e2ianpSiaQOh5zzHafw72rjxpjquxOwJsrNELgmCnMya2+mo3&#10;oKcj6jSy/ke7E0XpqtW1egp01/DWijm7cqcxUnTS7Z2dkMzPMwNlBMFMbED9WioY2/IDW+nvcXHq&#10;spJX7aD/AC/5OgV2Mr7o7a2gakWbP9hY8zqRqt9zkYjISBpuqhyT9OP6e6jJ/PpQx0gn5dCD8o61&#10;sr35viOmQnxVGPxdOraQS0eOo42F725m1WJP0PNvoNynJ6bhqFA/1celr8v5Y5O+8aiNqaDA4uKU&#10;c8MZ53A/5IdT/sffpD163+Afn0YySdKP5w+JLxnI7EEEugfrZceJfWf8Fpxz/tIHt0/2n5dM/wCh&#10;f6vXqv8A7axlZP3L2Ri8bST11bV9iZVKKioI2kkkaavmeOKKKNSzv6woVQbngD2ywyft6fQ4X7P8&#10;nSzoen9v7FggzXem4X2+8sK1VF1xt1oqjcFWpCsn3C3NPi4ZFb9UzeThl0I4Hv2mnH9nn1tm1fDn&#10;PHy/2fy/b0n9z945avxku0Ng4mi6x2E/pmwe3Wb7qtADLrymSa1VWuysQykrGVspRrA+9E+nTpjC&#10;irGp9fT7B0BwP7hI/wBUf+J9sjj14mnXEH0yC/0X/iD7snVhx6igE/T3Spbp0mnXRZV/Oo/0H/En&#10;36gHHqtS3WJmLfX6D6AfT3omvVgKdYZCAvP9feuvcOoxcn6cD37rfXD37r3QjbF6t3Vv4VVbjoaX&#10;FbaxZvnd57hkFJiaFfTqM9XINJcBgRFGHma40ob+7Khb/P5dUZwv2+g4noQ337191IPtepaSPeO9&#10;Yhoqe2N00y+GmkF7nb2KlDJB+AKqqEkv6tEaKwItqCcM/Pqukv8AFgeg/wAp/wA38+gAzGZy24Ml&#10;V5nO5Kuy+Wr5fPW5HJSvNNK/0u8khZmsAALngAAWAHuhNenAKcOm33rrfXvfuvdfUy/l7/8AZA3w&#10;f/8AFQetP/eMwvuMr/8At5P+aj/8ePU07V/uLD/zSj/44Ojfe0nS/r3v3Xuve/de697917pg3Lun&#10;AbPxM+b3JlKbE42n4aeoPLMQSscSKDJNK1jpRAzH8Dj25FC07aUFT0muruOyQySsFUeZ/wAAHEn5&#10;DoFzj96d0nXm48nsLqyU6o8CpMOZzcX4++dTfH0Mo/3Sh8kilgx0tG6r9cdh8NHk9eKp9nqfn0Se&#10;HPvn9pqit/4OEso/pH8Kn0GT+w9DriMPi8BjaTD4WgpcZjKGIQ0lDRIEjRfrwo/JJJYm5ZiWYkkn&#10;2Xu5kJZiSTxJ6P4YUt1CRgKowABQDpy906d697917r3v3Xuve/de697917r3v3Xuve/de6L3ndzZ&#10;ntjK1uxuvKyqxu1KGoai312PSiykCwkxmGl5WWrkB0yzi6QKbjUWTUZxwrZASSirHKJ/lb5eg8+g&#10;3cXb7w5t7YlYwaSzD+aIfNj5twA/LoZ9tbZwe0MNRbf25jqfF4qgj8cFNAPqf7Tuxu0ksh5d2JZj&#10;yST7QSytOxZjUno8tbWOyQRxKFUcAP8AVk+p6ffbfSjr3v3Xuve/de697917r3v3Xuve/de6L5n2&#10;buLecmyqUmTrfY+QSfflXGToymUiOuDCIwIV6ekbTLWW1esJCQjWYmcX+Ix+If7Rx2D+Ff4vtPAf&#10;t6Ddz/u7n8Af2ERBlPlJIMiP7Bxb50GOjBABQFUBVUWVRwAB9AB7LOhJ137917r3v3Xuve/de697&#10;917pNbx3LS7P2vm9y1aNNHiKB6iKlT9U8xslPTR/1kqZ2SJB+XcD27BEZ3CDzPH0Hmfy49Jb26Fl&#10;E0rZ0itPU8AB8yaAfb029dbcqdrbRxeOyTpNnKny5rctUnPmydfK9XXyajyy/czOqE/SNVHAAAvd&#10;SiZyRw4KPRRgfyHTW2WptIVVvjNWc+rudTfzOPl0t/afpf1737r3XvfuvdNecySYXCZjMSafHicX&#10;UZJ9X0tBC8pvyOLJ/Uf6/u8aeIwX1IH7T0zcS+BGz/wqW/YCemXr/GPhtibLxMmozY3amPop2f8A&#10;U0kdJEsjsbC7u4LMbXLEk8n25cv4kjt6sx/n0xtsXgW8SH8MaA/aFFeld7Y6W9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zySxP8AgP6e8kOsN+uPv3TgT166LAfX/be/dXAp&#10;1iLE/wCt/T37rfXH22X9OvdcSwH+v/T3UKW691jLE/639PbgAXr3XH3Uv6de64lgP8T/AE91Ck9e&#10;6xFifr/tvbgAXr3XXupf0691xLAf4n3UKT17rCzfknj26BTr3WIuT9OB7317rwQn68D37r3XPhR7&#10;0TTr3XAuT9OB7bL1691w9+CV6910SB9fd8L17rEXJ/wHuhavXuuPvwSvHr3XRYD6/wC293JC9e6x&#10;Fif8B/T22WJ691x92CevXuuJYD/X/p7sSF691jZifrwPbZavXusJf+n+391691j9+691737j17r3&#10;twJ69e64lgP8T/T2517rEWJ+v+29+69117917rgXA/xPv3XusZJP19+69117afj17rC36j7p17rj&#10;791sCvXvfunFSnXAuB9OT791frGST9ffuvdde/de6jn37pwv10WA+v8AtvfuqgFusEjEqfwP6e2w&#10;1T1YrQdR/bnXgnr1737qxIXr3v3TZYt1hYgm49tl/TpxRQdYywX231brEWJ/4p7917rr37r3XEsB&#10;/if6e/de6wEgfX37r3WMvf6ce/dX19cPfuq0PHro/Q/63v3Xhx6we/dP9cWbT/sffuvdYiSfqffu&#10;vdde/de64M1uB9ffuvdYySfr7917rr3R+HV049Yy/wCB/t/bXWy/p1jJJ+vv3VQC3WJybkfj37rx&#10;9OuHv3Vgnr1xLAf6/wDT37pzh1jLE/639PfuvdcffuvdcSwH+v8A09+691iZr8k+/de6wl/wP9v7&#10;917rh7917rokD6+/E062BXrGXv8ATj20Xrw6cCU49cPdOvFwOlbiMbQ4uig3TuOFamlkdv7v4FyQ&#10;chLG2lpJtJDR46GQWkcENMwMEJBEssDtQuOnB0mcnk67MV1RkslUNU1lSwaSRgFACgKiIihUjijR&#10;QqIoCIgVEUKAA2etdNjMLWHPvXXusRIH19+690s8DiKKjoP727nhZsLHK8OFxLalbLVcdrwgqyOl&#10;DAxBqplIIB8MZ8r3T3W+k1mcxkM7kanKZGUS1dRZQsahI40RQkUEMagJFDDGqpHGgCxoqqoAAA3w&#10;61WvRsOvdqYTo/an+lrsamE266yEx7L2rNYTI7j0uyOLx1DKdTtb/J4SbgzOIxrrfRWN37uzm+Nw&#10;V+5NwVRqchXPfStxHFGvEcEKEnxwxLwouT9WYszMx91dM9GO6P6vw2Kxb9xdmtDj9sYdPvcDR14/&#10;4ESKRoq3jN2dNfpp4gC00hDgaAnl915m8ugq7j7jy3aGWCgS43a2OkP8DwYI4+qipqNJ0vUuv0+q&#10;xKSiXu7v7qtegSJZuB+fwPfuvFq9Gm6l6TpZqGj332PHUUu2pZ412/tyIH73NVDt+zBFDdZDFMws&#10;iizSrd9UcIMp91QKWOesXyA7lbcfi6/20Kah2zh2WHIQ4rStPLLCQIqOHx2jakotIF1GiWYF0Hij&#10;gt7qx6K9cRrqb9R+gH+9e/dWU6eot5Z5VjiR5JZHEccaAlmYmwVVFySTwB9Sffuqk6ujV7Q6vwHV&#10;OKoezO60ZajyCXanXqgNVVVQoDI1XGxAUR3DNG1lS6+c6iIH11sY/wBX+rPQU9n9t7n7Rygq83OK&#10;PFUzlsVt6kYmnpl+gY8Az1BH6pWFySQgRLIGySfs62PT9vQSyPrb/AfT3qtOHTgFOlx1/tGHdWVq&#10;psrUvjdp7cozmt3ZlbfsUiEDxx34erq5CIYIxdmdr6SqtbYWvHrfUHfG7arfO4TXRUYoMbTwx4bb&#10;OApbslFQQeikpIhyWYKbu31eVnaw1WFmGOvdDDt7p7A7KxVLvbvOvlwWNmUzYfYVIf8AcvkioBCu&#10;gZWpoiSAwJVxe0j0/BbQGnj03XX1zbfGZ7mylPtGlWm686e2vRvmM1icOfHDTYulIeaaqkVQauql&#10;JCRJpKNO6HQW1SGpOrq4FOgO7B3gd6bilyFPTDG4Ogp0w218Kn6KLHU90poB9bvpu8jf2pXdvoQB&#10;dsDrZ6RI49R/2A9tdVOcdDT1Ficbjf4z2ruWnjqdvbBCS42gn4XI5uW5x1Ev01JE4+4mtfQiLqUo&#10;x97Hr1bh0EeazGQz2WyOczFS9blMrWyV9bUP/aklYuxA+irc2AHCiwAsPeutCr8Olj1/1dvDsiqm&#10;GAoETGUALZTcGSbwY+kUDUzT1DArdV9RRA0mn1adIJHurlQmOjOZ7c23vi5t5dlbTSj3nv3dNPBu&#10;LNbiySL9pTopJoClMrMXMRDSwI73Vm87sQ0cQ3w68AXycAeXRM9zbq3FvHKz5vc+Xrczk6g2eprG&#10;vpW5IjjQWSKJb+lECov4A9sNx6dApw6FLorC4/8AjuU7C3HGrbW6xxv96cij2tPVglMXRre48tTW&#10;AFQRpPjKm2r26i6eqOa46B3cGdyO585l9w5abz5LNZCXJVsg4BkmcuwUf2UW9lUcKoAHA90L9ODH&#10;TnsbaNdvvd23tpY/UtRncnHRmUAnxxX1zzEAE6YIFeRuD6VPvyKSeqlgvSq7x3lR7o39kYsEBFtj&#10;bFPFs7asKNqRKDHL4EMR/wBRNIryj82k5559uk16qqev+o9BhgsNXbjzeIwGOTy5DN5ODFUSH6GW&#10;olWJLn8LqYXP4Fz7qx9OnOHRl+x9n7k7N7Il2Z17iqiv231liabr+jyU2iGjpkxyaayerqSFgR3q&#10;jMSbmSQKCobgDzZ4fZ02MDP2/n0u+l9h9Q4nsXb+2I6yPtjfKzSZDIZOhLJt7ELSRtMzwsRqyk+t&#10;VSNiDAWdWIjZOdKoB9f8HWnJpXh/h/2Oi8d39lZXsbsDcVbLlqqt27jsvUUm2aMu328VLE5hikhi&#10;uER6lIxI7W1MTYkgC1HbUa9XVdIp0KXxukG0Nk94dryMYZ8FtH+7mFqB+autJZVDf2SKlKUG3Nn/&#10;AMOfLwJ604qQPnX9nRQUOpwT9F9Vh/h/xv3Tp0sT0b/5Tn+AYXpLrUJ9u+0+v48hkYubmoqhFBIX&#10;B+j+Whla348h4At7u/l1WIhqn5/4Osfxv0YTrj5Fb1a6SY3Yf8Cx81r3mrIa3gMCCAsyQXt+GvcW&#10;92jwCfl1WUksq+pr+zoJfjnQNle8OuabSZPFnv4jpAJt9nBNV3sCP0+G9/oLXNx7ovHp+TCn7Kdd&#10;dm1CZvv3dx1/tVPZ0+PEiaf0RV/2wZbFgRpjBB/IsT9ffnFfzr1WPNPkB0IfysnM/wAiayLRb7aH&#10;D04tzqvTwS3/AOslv9h7vJlv2dagwg/1efRv8tsbLR/LXD9iVuUwWHwBxZw+MpcjVRpWZSf+EVMM&#10;kNBSjVJIKdpFeR20LZCFLNx7dI769MqQYqf4Ptr0V3vTt+o2D2Dv7Adb7axmzc7WZeQ7k33YVGYq&#10;nqEEsgpJ3BTG0zrIPTCPISBIXWS/tp2oSBj5+fT0EYfjkU4eXl0S6esqq2oqq2tqaitrKpzNU1VW&#10;7SSSOxJZ5JHJd2Y/Ukkn8n2xWvT8hBpT16ipbUOef6e6pk9VarDrgrEyf0Fzf3pcnpwqAK9eU21j&#10;g6vx/t/9793Ap1Rn4U/b1EaQkWHpX+g9tlvTp4L1j916t1jL/wBP9v7917rBJyLn+vv3VB8XTztv&#10;a+4t4ZamwW18NkM7l6s2hocbG0j2H6nawtHGg5Z2Kog5ZgBf3sAnh1ZmCipx0Ng2p1f1OVm7ByNP&#10;2VveHlevNp1NsXRSgAhczmIwRO6MSslNR3KuhV5tJ5vQJxz8um9Rk4YHqeP5D/P+zoMt99pbu7CN&#10;JTZiqpqDb+LuuC2hgYhSYmgQ39NLRxnQG5N5HLytc6pD7qzluP8AsdXVAnD8z5noOvderde9+691&#10;4c3t+PqfwP8AXPv3XuuJZR9PW39T9B/rD37rVK9fU0/l7m/wG+D5P1PxA60J/wDQLwvuMr/+3k/5&#10;qP8A8ePU1bV/uLD/AM0o/wDjg6N97SdL+ve/de697917oKd3doU2KyTbT2jjZt7b9kS64DGMBFRg&#10;2AnylX/mqKFbg2Y+RrqAoDhwshtC41udKep4n7B59FF5uohbwYVMsv8AAvBfm54KP5/tr1B231fU&#10;1GXg3l2bk4N47vh9WNpVQricSDY+PHUjizSKQL1Mg8raVaysCTaW7AGiIaV8/wCJvtP+Tpu12os4&#10;numEkn4RT9OP/Sg+f9I56GT2h6O+ve/de697917r3v3Xuve/de697917r3v3XusU88NNDNU1M0VP&#10;T08TTzzzsEREQFnd3YhVVVBJJIAAufewK4HWmYICSaAZJPADovNXl853hVT4falVW4DqmmqDTZ7e&#10;UF4qrNtG+mWixDXDRUJsVmqiPWbpGCocOZiNdvGp6NJxC+S/Nvn6DoNPNJv5KQkpbg0eUYaWhyqe&#10;i+Rbz4DzqO2DweI21iaHBYKgp8ZicbAKeioqYEKijk8klmdmJZmYlnYlmJYkkukkaVizGpPE9CC3&#10;t0tUEcYCqooAPL/V6+fTr7p091737r3Xvfuvde9+691737r3XvfuvdA32RuzLz19H1lsOoRN77jp&#10;jNW5RfUmDxl9E2SmsRacg6KVLgvKQbgAal1rCoBlk+BeA/jb0/z/AC6JN0vHZha25/VcZb/fSebH&#10;5/wj16EDaO1MRsnbuN21g4WioMbBoEkh1SzSMdU1RO/GueeQl3b8sTYAWATTzNcMXbif5fLoxsrN&#10;LCNYoxhR+ZPmT8ycnpSe2ulXXvfuvde9+691737r3XvfuvdBHuJl3j2FgdnRMZMRssQ773Zp5Rqr&#10;U6YOic8i/mSStZTyPt4DazghbF+hEz+bVRfs/Ef8n5nomuv8duUgHwxUlk9NWfDX9oL/AO1Hr0Ln&#10;tF0c9e9+691737r3XvfuvdB52oPuNj5bEAnVuiej2dYfUrmK2nxsv9eFhqnY/wBFUn6D2qs8SBv4&#10;at/vILf5Oizd+63ZP9+FY/8AnIwQ/wAmPQh+0vRn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88YkD6+8kOsPgtOsZe/049+631w91L06910SB9T7by3XusZcn6cD3cJ&#10;Tj17rh78Xp17rokD6+6Zbr3WMuT9OB7uEp17rh78Xpw6910SB9fdKFuvdYi5P+A9uBKde6xF/wCn&#10;P+Pu3XuuABY/8SffuvdZAoH+P+J9+691xL/0/wBv7bL+nXusf15PuoBbr3XvbgUL17rGX/p/t/dS&#10;/p17rH7qFLde66JA+vtwAL17rgX/AKf7f3Uv6de6x+6hSevddEgfX24AF691jL3+nHuhevDr3WJn&#10;Av8Ak+6de6xEk/X37r3XXv3Xuve7hK9e66JA+vtwCnXusZcn6cD3vr3XD37r3XRIH19+691iLE/4&#10;D37r3XH37r3XRYD6/wC296LU62Fr1iLE/wCA/p7ZJr06FA64+9daK1PXEsB/r/09+6vw6xlif9b+&#10;nv3XuuPv3XuuJYD/AF/6e/de6xFifr/tvfuvdYmc8gcfi/v3Tip1j9+6sWA66b9J/wBb3oCnTerP&#10;WD3vrZevDrgXA/xPurNTrwWvWMkn6+28t1fC9de9MKdbU16xOQbW/HvXW+sZIH19+691iLk/4D37&#10;r3XH37q4SvHrAST9ffuqdde/dOqBx69791pmrjrixABH5I9+6qor1h9+6e6xyfj37r3WP37r3Xvp&#10;yffuvdYGNySPfuvdcCwH+J/p7917rEWJ+v8AtvdH4deAr117a6cCevXEsB/iffurFgOsLN+Sffuv&#10;Ka9Yi5P04Hv3VuuHv3XuuiQPr7917rGXJ+nHv3XuuHv3XuuD/T/Y+/de6xe/de697917rE/6v9h7&#10;q/DpxWAHXD2z1UsT0q8Ni6Klo13LuKNmxCu8eLxl2STJ1Cf7qQqVdKOJ7fcTgiw/aiPmYFLherrH&#10;5npO5jM1uarpMhkJVeZ1WKOOJQkcUSALFDDEtkihiQBURQFVQAB7qer9NBYn/W/p7117rgxsCR79&#10;17pUbcwFJUwVG4dxPU0m1sbKIZ5YABNW1NtSY+jLenzSL6pJCCtPFeRwzGKOT3WwOm3cGeqs/X/e&#10;1MVNSRQwrSY3GUS6Kejpkv46eBCSQi3JJJLu7NJIzyOzH3VSdXRjuoOvMLtbBN3P2copsFjl+52v&#10;hqlVMlZN6vFN4ZLeTUwvTJca2HmbTEoZvdWGOgN7J7FzfZe4585lnMVOl4MRi0YmKlgvcIoP1kfg&#10;yPwXb8BQqr7rx6Erpzqagy1LP2P2JKuI66wN6otV3X+IPE1jGgsWamDjQxUFppCIIQz6zH7ramnS&#10;a7l7lyHZNfFQ0ML4nZmIk0YHBrZb6QUWpqFT0GUpcIgukKHQlyXd/dVr0BXLH8kk+/de6NlsnrDb&#10;fWeAp+z+6YtBkvJtPYUovUVkygPG1TETwv0PicBFBBqCARE2+vA1/wBX+r/V/Jr7S7R3IWlqszLJ&#10;Sb4zlC8VHhoGIi2ziapFH28YIDDL5KGxqJSBJFAQgCNIUi1Tq3RXltGNR5Y/Qf09+6r077e27nd3&#10;5mlwe38dUZTK1raYaanH0Ufqd2NljiQG7OxCqOSffuvdHQ2NtHYfS89VVZSpx+5t/YSiOU3RmgPJ&#10;j9uU59Kxxg28uUqnIhp4+J5ZGsBBDrZ/dXA6Kl2d2NleyN01W4Mi0ix2+0wuNZtSUlKpOiMHgM7X&#10;LyPYa3ZiAq6VWjZ60c9Bw7/1a9+Sf6/8a90OcdXGOpGNx+QzeRocRi6WWsyOSqkoqKkhF2klkYKi&#10;j8ck/U2AHJNvbgUDq/Rh5tnZzcP2vSfWNOmWpsNVLk+wt1RsUoqnKBCrmWqK2GPxoLRU62LTOJJU&#10;jdipPq+nWiadO0m4+tug0kpNmrQ9idpJF4avd1YofGYyUg61oIw1pZo/prBP5DSj10/upNM9UI1Y&#10;PRZ87n9w7yzU2WzuQr87m8jKEM05aSRiTZIokHCoCdKRoAq8Kqgce6E16cA6EzfVRF19tem6rx0s&#10;Zz1dJFm+z62na4NSBrosOHU2aLGo2uYepWqmNj+3YeOOvdAb/vX59+49aJp05YTDZPc2ZxmBxFO1&#10;TkctWx4+hp141PIwVbk8KovdmPCqCTwD78BXrQx0MfZU4q63b3S/XkFXm8XstnpJWxcbSvls3J/x&#10;ca4JECXRHBhgvq8cSMVbQ1/eya4HVwlct0+03WGxurIYMt3Zk/4ln3iFVQ9VbbmV6prgFDk6uN9F&#10;LCb3IRrsvMckhDR+/Upx6tr9P29P23d/5Xs7K1NXnKej2p0l1dQDcuQ2XglEVDIIXH2GPlKqv3lR&#10;X1YVQJLI1pCiIxsdE169Sn2nose8N05Peu583urMSGTIZuvetlW5ZY1PEUKE8+KCILGg/CKB7bdq&#10;dOAUFOk2CLn/AA5Puiip68TTowfZDjr/AK52n1RAviz+aEe/uxOAHjmnj/3G46T+0v2tMQ8iEkeQ&#10;q621Ee3Gzjqq9F0Lqn+1t/vHvwWnW8n5dGA60k/uH1xv7tidjFmMhEet9gsRYirrU15GrjvyrUdE&#10;PQ4DKXZkax97Qnj+Q60RkD8z0BOA27nd1ZODDbcxNfmspUm0VFj42kcj8s1hZEW/qdiFUcsQPe+r&#10;8OjndY9X4LpcZ/tLfeexma3N11QCobZGAljmFHWVuukpIq6rGuIVcruwWJFbxcTFnAUH3DPVCdWP&#10;Xou3YPd27d8U74OD7Ta2zkkLU+0NtL9vSm5BL1TLaWumdgHdpSVMl3VEJ9tM9ceXVgtM+fqehQ6L&#10;Z9idU9yduuRBXfwtdh7WqPo4qqsxmZo78nxyTU0nH4je/APuyCgJ/Z1VhqIX8/2dFJclY7Di/qP/&#10;ABHtrp2nRt90p/cf4n7E28A0OS7R3TPuzIpe2qlpiPH/AMGBjShf+gJP14Ptwmi09TXqigFifQU/&#10;b0AXWG313P2HsnbxTyRZXc1JT1aqL2pxMj1LAfnTArnnjjmw91UVI6uTQE+gr0u/lLuM7j7t3i6S&#10;aqbDzw7eplvfT9nBHHMvH/TV5Tb8Xsfe5DU9bhXSo/b+3pe4Mf3Z+G28Kpk8dTv3sKDHQzFbFoKd&#10;qSQKDfmzUU4vyPUwsDz73wX7T00xrJ9gP8zTpi+HGO+97wxFTpB/hGDyORJIBtqpzSXF/of8qtcf&#10;gkfQn3pBU9Oynt/Z1j676r3lvjsLFdgVcNNtradX2DT5SLcG5JBTJWSTZBZ44KCOQJNXVFSx0R+N&#10;BGX9LOnNvAEnPVS4QH/B8uhV7p7X25s7uncbbT2VQ1HYMmQoKTKb63RasFJpo6OJFxFA4NPTyJCi&#10;3nkDOXMgCaCvuztQn19eqRpVQCceg+fTtvXJIPnFtFJHmcUgoaBUPIVp8bMyhQTYJqqAT9OSxsfz&#10;pv7T9nW0/svyP+Xos3yop3pO+ewIHZWJq6KpBT6WmxlFMBzY3AkAP+P09tT8erwcP5fs6L8P0sf9&#10;h7ovA9O06xxgoSzfUr9Pz7v1d3HAdYkkDOFAsP8AeT79SnWpENM564xEkyc/X8+6rxPW3HDqKWA/&#10;xPtrp7rEWJ+v+29+691mpaWpramCjoqeerq6qVYKalpUaSSSRyFVI0QFndibAAEk8D37r3Q7QdQY&#10;TZdPBl+8Nwy7VWSNamk69wHiqdyVaMupPLCxNPiInBBElUdfDL4Q1vbmjT8X7PPpP4lT25+fl/s/&#10;l+3pm3J3TkZcVV7R65w9J1hsapXxVeKwDu1fkFGoBstlntWVrMrEGMNHBpOjxEC50X8hgdXRK5OT&#10;6ny+weX+H59An7p071H9+6917/Acn+nv3XuuiVX9Ruf9Sv8AxJ9+61x6xM7NweB+FH09+69TrgSB&#10;9ffut9fU6/l68/AX4PH+vw/60/8AeLwvuMr/APt5P+aj/wDHj1NO1f7iw/8ANKP/AI4Ojf8AtJ0v&#10;6Z89uDC7YxlRmdwZOkxOMpV1TVlYwVb2JCqOWeRrelFBdjwoJ493jjaU6VBJ9B0xcXMdoheRgqji&#10;T/q4/Lj0DrZLf3a58W3/AOI9ddey8SblqU8ebycR/OOgcf7jqeReVnkHlIKPGo9S+12iOz+Kjv8A&#10;w/gX7fU/Lh0S+LcbxiPVDD/GRSVx/RH4Qf4jngR0KW09m7c2RjBitt42Ggp2by1U3Lz1EvN5qmd7&#10;yTysSfUxNr2WygAJJp2uDqc1/wAA+zo2s7GKwTREtB5niSfUniT0qPbPSvr3v3Xuve/de697917r&#10;3v3Xuve/de697917pnz+4MNtfE1md3BkabF4qgj8tTWVTWUfgKo5Z5HPCooLMxCqCSB7vHG0zBVF&#10;SfIdMXFylohkkYKo4k/6v5dAlHidx91zxV25qfI7W6rjlWfG7SkLQ1+cAIZJ8qVOqmoDa8dMp1SX&#10;1yEARkmBdLDCUaTzbiqf6X1Pz6IhDLvp1Sgx2/FY+Dy/N/RfReJ4ny6H6lpaahpqeioqeGko6SFa&#10;alpaZVSOONFCoiIoCqiqAAAAABYey0ksanoRIgjAVQAAKADAAHWf3rq3Xvfuvde9+691737r3Xvf&#10;uvde9+690HHYu/Ds+jocfiKE57e25Zmx20NtxmzVE4ALzTN9IqOlQ+SaRiqhRp1KTcKrW38cksaI&#10;uWb0H+c+XRXue4/RKFQa5XNI09T6n0UcSeuXXWw/7mUFfVZOuOd3luWqGV3huSUWaqqbELFECAYq&#10;KlUmOniAVUS5CqWI9+urjxyABRVwq+g/znzPW9s276FSXOuVzqkf+JvQeijgo8uhF9pejPr3v3Xu&#10;ve/de697917r3v3XumDdO48ftLb2W3HlGYUWJo2qXjj5eV7hYoIh/amqJmWONfqzuoH19uwxGdgg&#10;4k/6j+XSa7ulsomlfgor8yeAA+ZNAPmek91xt2vwmDmyGfSMbu3XXPuXdbodQSqnChKRHubwY6mW&#10;OlisSNMWocsSXLqUSNRfhUaV+wef5nPSbbLZoIy0n9pIS8nyY8F+xRRR9nQge03Rl1737r3Xvfuv&#10;de9+690Hm6b5LeXXmCU3Slra7elcg+jRY+l+yiVv6f5bloJV/JaG44VvaqHsjdvkEH+2Nf8AAp/b&#10;0W3f6s8MfoWlP2Iukf8AGpAfy6EP2l6M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ngEk/X3keTTrD/AK69tFievdYy/wCB/t/dgnr17rGST9fdiQvXuve2yxbr3WMv&#10;/T/b+7BPXr3WP68n3YkL17r3tssW691jL/0/2/uwT1691hZgPryfbnXusZLN/wAUHv3XuuQT8n/b&#10;e/de65FgOPr/AID3UtTr3WIsT9f9t7bJLde6693CU49e64FwP8T78Wp17rGST9fdMt17rr3cJTr3&#10;XAuB9Offi9OvdYySfqfdMt17rr3cIB17rgXA+nJ9+L04de6ws35J59tk1691iLE/4D3rr3XH37r3&#10;Xvewtevde9uhade6xl/6f7f3br3WP37r3XvpyffuvdYy/wDT/b+/de6x+/de66JA+vvxNOvAV6xl&#10;/wAD/b+2y/p04E9euHtvpzrokD6+/de6xlyfpwPfuvdcPfuvddEgfU+/de6xlyfpx7917rh7917r&#10;okD6+/de6wnkk/4+/dWLeXXXv3VeuLsApv8A0+nv3XhnqGWJ/wAB/T37p4KB1x91K1PVS/p1xLAf&#10;8U92Ap1UAt1jLE/639PeqdOAaesTMRa359snj1brF7117r305Pv3V06xl/6f7f37rZf06x+/dN9d&#10;EgfX37reTjrGX/px/j7904E9euHv3WywHXRIH19+6t1iZtX+sPfuvdYi4H05Pv3XusZJP19+691i&#10;Zjew49+691j91Zqde66JA+vtvLdWU06xFyf8B7uFp1stXrj7bPHrwSvHrE/1/wBh7104BTrh791v&#10;rGX/AKf7f37r3WP68n37r3Xvfuvde9+691jci1vzf37r3WP6cn37r3WMv/T/AG/v3XusRNgT9fdT&#10;nHWwK9KTC4ikNJNuLcJlhwFJL4IaeEhJshUgK32dKxB0hVYNPNZlgjI4aWSGOTwoMDp4LTplzecq&#10;87W/d1KwwpHCtJRUdKuiGmp4xaKngS5Kxxg/klmYs7s0jMzW4db6Zvbb9e697b60TTpSbf2+mW+6&#10;r8nUvi9uYoLJmcsE1ldV/HTU6EqJq2pKlYY7gcNI5SGOR12OtAlvs6j7i3Ac3UU6U9LHjMNjITSY&#10;PCwEtHTQ3uSzGxmqZm9c8xGqR+fSoRE2cdVd646GTpTqnH5uKq7G7Akjx/X23dVU33nC10kJ5S36&#10;mpkawawJme0CBmL6ddODpH9wdr1/ZucBhR8dtXEM1Pt3DD0hYwSoqJkU6PuJUAuBdY1tGhNmd9de&#10;6UnUfUdFm6Ko7C7CqP4J1vgwamaaoLRtkGja3iiI9fgL+hmT1yOfDDeQs0fut9J3t3t+t7FrIMZj&#10;Kf8AgmxsIRDt/b8AWNSsa+OOedI7J5AnCIPRCnoS5Lu/utULdAxHBUVc0NNSwzVNVUzLBT09OrPJ&#10;I7nSqIigszMSAAASTwPfurlNI6Nvt3Z+1egcNSb67Lhp812BWRCp2lsRXRhTkj01FVdWAkja93IK&#10;REERiSaxj91QH0/b0HuW3fmayoHbvYUseT3HktS9dbcmUfbx+JyoyLUzFgmOopAfAhv91UqS5dEl&#10;L+63w6ASsrKqvq6nI19RNVVtZO9VVVNQxeSSSRi8kkjtcs7sSSTySeeffutdL/rbqzc3Z2RkjxiJ&#10;jsHQ/uZvc+RBWkpIlGp7sSolmC8rGpB/tOUj1SL7rdOhrm3titrmLqj470zVmczEooM52NJp+5q3&#10;F/J9pKQFhpolDMZuI4kDvEL/AOUNqvXiP9Xl0Cm/dx4+io4NgbWrDX4XF1hr87nQTrzWWI0zVrk+&#10;o0sBLR0iHnx6pWJeViPHrZPQUMdII+rt+o/0/wAPdGanWuHWL3QHragnPR0uqOuMP15suu7N7My8&#10;mz6nMUr4/AqVAyMVHKhE70MLq0i5GuiJjiYKWggZ5bDXqjc+Z6cJ/PoJN+d3z5TFPsfrnFJsLrqK&#10;8ZxtEbVlcPo0uQqQWkcygeqPW2r6SyTWBGi1fs6rSnHJ6AEm590Jr1cCnQy7Agp9j7eq+28xFG+Q&#10;iqHw/WWOqFDLPlFH72SZG/XTYlGDA2KtUtGupWT3sYz1voF6moqKyonq6qaWpqqqdqipqJmLPJI7&#10;Fnd2NyzOxJJPJJv7r17rGwCr6v6fQe74HVAC56OR0n10drbKznam7M3SbCkylI+G2vmsuGE1HSzL&#10;pq8hSU9hJNXVEJaGjC2axklCujIsmq9XNFwM+Z6DzK9yYHZlBU7a6Nwsu3KeeL7fKb+y4SXOV4/t&#10;aJLFaOFjyAgDXsyrC1wdVpw62TXj/sdF3qKirrqmSWaWora+unMk00rNLLLJIbkszFneR2NyTckn&#10;+vvXVkWpqehv7Mli692bgOnqKRf4u7x7v7LmisdWRmjBo8cWHq046mYF1uUaVw4swIGzjqy5z+z7&#10;Oi+Fyfpx7rSvV+hs6P2vjMluSq3VuYW2b11jzvDclwCJmgN6KiAPpaSqqVAEZ/zipIg5I92AHH8+&#10;miSTj7B/n6C7eW7clvTc2c3Tln/y7OZB66ZFJIRWNo4UJ58cEQWNL/RVAPvxNenAKdMWNx9fmsjR&#10;YnGUs1ZkMjUpR0dJTKXeSSRgqoqjkkk+9deJp0eXtLr3Zm1MbsTbfYO8oMDs3Ym3x9ttrblqjM5v&#10;J1TLNkquOIhY6Wnll/bimnvbQ6+lWVj5jTptTXI8/wBnQB5/vKsp8XNtTqvC0/WO0pBoqf4S5fK1&#10;9gV11+TNp2LA/oQjSCULulgGi9eHVwvrnqZvx22N03sHYYJjzW9Z37Q3Wp/WIpVNNiImP6tJp1aV&#10;ka2mSxtc397+Fft68Mk/s6Lj7oOrjo2ndbNsTqPp7qJCYshPj27A3XD+lxPVGX7eOUfUmN5p4zfj&#10;9lDY2FnHNBTqqmpY/kOiu4jFVWezWKwlEplr8zk4MVRQJ+ZaiVIowf63Zx7bAr1avRjvlnmaf+/2&#10;E2Ni204jrjaFDtulgUgqshiWZiLcA/btAhH4Mf8AsBeTBp1qEUGo+dT174jYqnm7Tqdz15EeN2Lt&#10;Sv3BVVLi6qTGKUfg+oRVEjj6cITe4F/R4NevS/DTzJA6LTnsrUbgzmWzlYxarzWVqMtVsxuTJUzN&#10;NISfySznn22c9OMKU6PZurrPcWe+PHR+2KCow2DwMMM29tz7j3DVx0lDRLVB56V55HOt5JEycgRE&#10;Vm9JWwFj7cIwOmEYaj58KeZ4Z6m/H5er9kU/amb2LW5fd+4dm9d1dbm955KP7bHOoD1IpaCgJMzQ&#10;PJQhnlmu58YCaUcj3aPGR5dblqaVwCaU8+i5dZbv3f2b3913k92ZzIZuvXdMNVF5mVYoUp71BSng&#10;UJBTxARXKRoo+ptqPui9zD7R06yhEIHof8HTX2XVis+Re55hp9PZ/wBn6Tq5p61IDz/X9vkfg3H4&#10;96fiftPXoxXSPkP8HQ8b6mjj+ce32d1AGbwkJ5/tPjqdUX/AksLf6493Y9/5j/J03H/Zfkf8vQK/&#10;LdSPkDv139KOuKZGP5H8FxwuP68gj/XB/p7anFWr5Y6tb/APz/w9FuZ7L6bgE8H3StBjp2uadYka&#10;+o3vYfX35ajJ62y8Pt6wxGz3/wAPekNT08/Dr0ZIJ/xHPvaGteqM2rqIAWIVQSSbAD6k/wBB7a6e&#10;6HDFdK1eOx8G4u185TdX7cnh+5o6fKp5s1Xr+BQYZXSqZWIt5ZvFEtwxZhx7cEdMtj/D+zpoy1wu&#10;T/Ifn/qPUmr7lxWz6eow/SG3Ds2KaL7ar33mClVuWrWxDaakXgxUcgPqjpFBuAfKT78XA+EU+fn1&#10;7w9XxZ+Xl/s/n0AlTVVNbUT1dZUT1dXUytPU1VS7SSSOxuzu7ks7MTckkkn6+2+tNx6jlgPr/tvf&#10;urK1B1iLFuP94Hv3VSxbrolV/Uef9SPr/wAa97pTp0GvWJpCRYelf6D/AIk+/V69TrH9OT711vrG&#10;X/p/t/fuvdY/fuvdfVA/l6/9kCfB3/xT/rT/AN4vC+4yv/7eT/mo/wDx49TTtX+4sP8AzSj/AOOD&#10;oZM32j9zX1O2ut8X/fnc8DeGtmgfRiscxuNWQyABjDIQT4Ii0zaWX0MPdo7Sg1ynQvl/E32D/Lw6&#10;Sz7tqYxWq+LIMGhpGn+mbh+Qz5Y66wfV33GTp909jZT++26YG8tDDKhTE40k3046gJKBlPHnl1zN&#10;pVro1/fpLug0RDQvn/E32n/IMdet9p1OJrpvFkHAHEaf6Vf8pqfs6F32i6Oeve/de697917r3v3X&#10;uve/de697917r3v3Xuve/de6Qe9+w8JsiKlgqUqsvuHLMYsBtTDr5q+tk5Fo4h+iFSPXM9o0APJa&#10;ylTb2zXGRhR8THAH+r06L7/co7AAGrO3wRrl2PyHp6k4HSQwPX2a3LlaTefbEtNX5Skl+625smkb&#10;yYvDk/pdv7NfkVH6p2GhWuIhYIwekuViBSGoB4sfib/MPl0jt9ukunE95QsMpEMxx/8AQTfM49PL&#10;oa/aDo8697917r3v3Xuve/de697917r3v3Xuve/de6Q+/d9UGxcRHVy00+WzWSqBjttbaoLGqyNY&#10;5ASCFbEhFuGlksRGlyQWKqym2tjctTgBlmPBR/q4dF+47gu3pqILMx0og+J2PkP8p8h0xdf7Fr8X&#10;W5De+9KiHK9hbjhRK+eLmnxtKvqjxWODFjHTQk/uMDeeQeRyePd7m4DgRx4ReHqx9T8/8HTG27e0&#10;LGechpnAqR8KL5IvoB5+pyehV9o+jfr3v3Xuve/de697917r3v3Xuve/de6B2pt2Hv8AioVvLs/r&#10;LIJXZBx/m63cIXVT04YcPFh4nE0gB/4FSQqwvCw9rh/isVfxSCg+SeZ/23D7AfXokf8A3ZXOn/Q4&#10;DVvR5qYH2IDU/wBIj0PQxe0PR31737r3Xvfuvde9+691737r3Qd7c/3L753vnyC1Pilo9jYxyPTe&#10;lRq+vkjP1tJU16QSfjXR2H0JKqXsjRfWrn88D+Qr+fRZa/rXEsnkumJf9qNbEfm9D816ET2l6M+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nelgP9f+nvIoKW6w/wCs&#10;RYn6/wC29uABevdde6l/Tr3XEsB/ifdQpPXusRJP19uUC9e6690L14de64FwPpyffghPXusTN+Sf&#10;bgFOvdYi5P04976914IT9ePfuvdc/So/p70TTr3WMuT/AID22Wr17rj78Erx6910WA+v+293JC9e&#10;6xFif8B/T22WJ691x92CevXuuiwH1/23uxIXr3WIsT/rf09tli3XuuPuwT1691xLAf6/9PdiwXr3&#10;WJmJ+psPbZavXusRf+n+391691j9+69173sCvXuve3Anr17riWA/xPu/XusRJP19+69117917rgX&#10;A+nJ9+691jJJ+vv3XuuvfuvdcC4H0590L06uEr1jJJ+p9tk16cAp11711vrgXt9OffuvdYiSfr79&#10;17r3v3XusZf+n+39+691j+vJ9+691737r3WMv/T/AG/v3Xusfv3XuvfTk+/de6xl/wCn+39+691g&#10;ZhYj6k+6lqdWA8+sXu3Wi1euLcKffutrk9YffurlqddEgfU+9E06plusTNq/1h7ZOenRjrEXA+nJ&#10;96631jJJ+vv3XuuvfuvdcC4H05Pv3XusZJP19+6dUgDrr37qhYnrgX/pz/j791sJ69YiSfr79071&#10;jcnj/H37r3WP37r3XEsB/r/09+691iJuSTx7917rEX/p/t/dStevdY/eydPWwK9dEgfX20WJ6dCg&#10;dcC/9P8Ab+69W6ws1v8AE+/de6xFifr/ALb37r3XXv3Xuve/de66JA+p9+691jLk/Tj37r3WJjYX&#10;9+691iJJ+p96Jp17rr22Xr17pRYbD009PLnM3JLSbcoZhFNJFYTVkwAYUVGG4aZlIMkhBSnjIkfU&#10;xiil8FI6ug8+mjPZ2pz1Ys8scVJR0sX2mKxdLcQUlOpJSCFTc2BYs7td5ZGeWRmkdmLgFOnemT3v&#10;r3XvbTmvTZf06ftv4GXO1UytVQY3GY+D77M5irv4qWnDKpdgPVJI7MEiiW7yyMqKOSRTqoGrrJuT&#10;cUOSWmxWIp5cZtjElhi8dK+qR3ewlrKtlsslbU6RrYAKiqkMYEcaj3bh14muB0IPTXU83YWSny2Y&#10;c4zYuAJqc9lpj41kEa+R6aKQlQreP1SyXtDH6iQzIG11ZU9epPdfbkO8JqbaW00GN6+25ppsXR04&#10;KLVNCCiVDoQGWJV4hjbkD1uNbaU1071M6l6dpMxjZuxuxqr+A9dYcfdsKjUj5AI1tKFf3BTl7JqQ&#10;GSZz4oBrOpfde4dJrt7t6r7ErIMZi4GwmxMIRBt/AQhYwRGvjSedI/R5NHCILpAh0Jcl3f3VSfId&#10;BJisVks7kaTE4iiqMjkq+cU9JR0qlndz9AB+ABySbBQCWIAJ9+6djFOjZ01HtL41YuPJZZcfuvuT&#10;IUmugxlw9LiFkW2qQqQwZkfluHl/RF44i8rb6qzajToDaR6nd9bmOzeya6syOHo6sJMsrlJcpW6d&#10;cOKo2FhDGqENMYwFpae2kBmiVtdap+zoP9ybgyG5stU5rKtD9xUaY4KSlURwU0EYCQU1PEPTFT08&#10;YCRoPoo5JYkn3Xia9C7sDpuCuxS9gdnZI7Q68pyskbzkpV5Em7JFSRkF9EoHDhS8gv4lIvIvuvAd&#10;Qexu5KndNFDsjY+N/uh11Q2pqLBUPpmqwG9MlYyEl2dvV49TXc6pHlezhssW4der02ZWZOrNuz7b&#10;pSB2FuihA3XWJ+rE4+UB0xMTDla2rWz1h/3XHophyZvd6de4dAt+kazy7cqD+P8AH/inuuf83WwK&#10;9KLamz9yb4zEOD2xiqnK5CY6mWEWSNLgGWeVrRwxAnlnIF7AXJAPglOrhaZPRw9r7N6u6Qw+Y3hu&#10;ippN97v20Vp3FNZsdS5SRS1PjaUvxUV4I1yOVZqeJTKyQtoWX1AM9eJr8uifb331uXsPPVG4Nz5C&#10;StrJmK08AuIKaK91gporkRRIPwOWN2dmcsxbJLdbAC9JA8cX4B/3x9+J68B5npZbC2k+88+lBLUj&#10;G4TH00mY3PnHF0ocdTgNUVDcWL2ska/25XRfoSR4CvVusnYe8I945uNsZSHFbWwdIuE2lhr8U1DC&#10;ToL8kGpqGJlne5LSOfUQq+/HPWi1OuGx+ud3dhV/2G1sTLWCNh97kpv26SlU8l6iob9uMBQSF5dg&#10;DoRzx72Pl1WlcnozXXW1epNo7iXHpU0PZe58PSS5vde6agX25gaSlXXPMi8/f1AYiOInUpkZCDAy&#10;sD5adX/l/h/2Oi39udnZTtDeFfnqyaoTFxytTbfxcjErTUqmyAJfSJZQNcrD9Tki+lVA0c9bVa4H&#10;QXA8F2/SDwP6n/jXvXV6Ux0NvT+MoMKmd7d3HBHPhOv1R8JRVH6chnpR/uOpRyCywN/lEpW5RURi&#10;NJPv3Xq1wOgYymRyGdyeQzWVqXqshlKyTIV9XN9ZJZXLu3+xY/QcD6Dj37qxamOoYZEVmX8cam+p&#10;P+Hv3VSCePRgewnbrjrTbHVVPePcu6jFvrsQKP3EMgH8Lxkg+oMEY8skZ/TKFdeH91kxjra5NfLg&#10;P8vSf290bkExsG6uz81SdY7QkAlhnzSl8lWrwdFBjF/ymRipHLKLAhwkig+7063q9M9GA6x35sXZ&#10;WD31uvr/AGZFi9sbLwZik3Xum0+ZzOTq2MOOpA6FY6Kmd7vNHAD6UjZggLX1WnTbDUaH+XDoiuTy&#10;eQzOQrMrlayoyGSyFQ1XW1tUxeSWRzqZ3Y8kkn/iBx7T8enulr1Ps5d+9g7b21MwTHVFb95nKhmC&#10;rFQUwM9Y7OSFj/YjZQxNgzL7sq6jTrROkV6x9tb0/v8A9g7k3JCCuOqK77TCU4UII6GmAp6NBGoC&#10;ofBGpYAW1Fj9ST78x1HrSig6cekNkjf3aO0tu1EZkx75EZLLoBcfaUimonVj9FEyxiIH/VOvvarn&#10;PW2bSK9Ze+N7jffaW7s7TzCXHDInEYZkN1NJRAU8ciG59M5jMv8AryE8fQac1PWkGgAdKv4rbcgz&#10;XbWPy1foTE7KxdTu3IzSmyJ4EEULE/1jnmSS39IyfoD73Hxr1pzQY88ft6Bjee5J937u3Nuqo1rJ&#10;nc1U5NY3NyiTSs0UX+tFGVQf4KPdSamvT5FAFHRu/j9tHKDojuPO0U+Mw9ZvBI9qUeZ3BMKSkhoo&#10;18dbUvUOpCQJHXS3Zblnh0KC6ge3FWoJ6alYalHpU/5ugmxtZ1B19VU1Ht/Gp3TvuWpSlpstnopa&#10;bblNUSMiIIKC4qcnpkJUmbRE40vGo/OhRfmf5deNXx/xf+b/AFceld8ztxT1fYmG2slU7Y/a21aW&#10;OSlQ6IRVTmWWSUQKfFEzU7QiwFwoAvpsB6UUNOrW4otfUk9Ruoy2A+M/yF3NbQM1UY/asUtv1Esk&#10;ToCVINkytyByAb+nhve0wpPWpCC6j7T0jfibRCs742a7IJI6GHI10isLgWxtXGjf7TplkUg/1A/P&#10;usfxdXm+E9I+Gqkz3fdPVgGaTM9wLVaLKS7VGa1W0qNJLF7WHH4HHvXE/n14dv5CnQ673qYaj5w0&#10;LQHWq7727C7kEeqKgxkbgA2+jqRf6G1xcWPu34vzHTagiP8AI/5eg4+YBv31us/9MGM/911N7Znw&#10;x/L/AAdOwiiD/V5nosrcKv4H191bgOrDiesKGyv/AIi3+9+7VqD1d2qRTrqPlrDk2+g/2HuicetH&#10;16Gfb3SubbHwbl7CyuP6u2jUL5KfJboD/e1aCxP8NxEf+X1raWDA6UjKm4kt7uiEZOOtOwGFyf8A&#10;V/q9epsnauz+v0FH0vtfw5iO6zdn73igq8szf6rHUZElDiVBvpdRLOUIDOrA31rCfCPzPVxGX+I4&#10;9Bw/PzP+D5dAVmMzl9wZKqzGdydfmMrXSeWryOSleaaRrAAvJIWY2AAHNgAALAD22STx6dApgdNh&#10;IH196631wLE8KD790y3HrogJzI1j/qRyf+Ne/deC16xNKeQg0L/h9T/rn37pwLTrD791brgXA+nJ&#10;9+691jJJ+vv3XuuvfuvdCHsfq/du/Uq67F01LjdtYs3zm89wyrRYihX03NRWy2QyeoWijEkzXGmM&#10;+7Khb/P5dVZwvH9nn19K74QbF3Pur4WfD/E53dcMHXOM+LmwMXh6DZ7TQS52ip9qYmKnrq6scR1N&#10;NT18CCUUkQR1jlCSv5FPuPr2ZLeaTQNTa37mGAdR4D/KepQ2+yn3CCITNoiEaARxnucBRl2HAEfh&#10;X1yej94bCYjb2Op8Tg8bR4rG0q6YKOhRY0X+pso5ZjyzG7MeSSfZTJI0p1MST6noSwQJbKEjUKo4&#10;ACg6dPdOneve/de697917r3v3Xuve/de697917r3v3Xuve/de6BnNdjZTcGSqtp9UUlLnMvTSGmz&#10;W7qy5w2JI4YPKl/vq1fotPETZuZGCo6+10dqIxrmNB5KPib/ADD5nokn3N7hjDZgOww0h/s4/wA/&#10;xN/RH58D0o9l9c4vaMtVl6mrq9y7wyqj+NbvzVmqp/z4oRylJSKf0QRWVVCgltIPtqe6M3aO1RwU&#10;cB/nPz6U2O2JZEuSXkb4pG+I/Iei+gHDoQ/aboy697917r3v3Xuve/de697917r3v3Xuve/de6Q+&#10;+d+4jYtBTy1cc+SzOVm+x23trHDXWZGqNgsMCAEhQWHkkI0RqbkklVZRbWzXJoMAZZjwUfPpBuG4&#10;pt6gmrMxoiL8Tt6D/KeA6YNj7HycWTm39v6anyW/slTmCGGA6qTC0jcjH48G4vY/vz/qma/Om5d2&#10;4uAR4UWEH7XPqf8AIPLpNt+3uHNzckNMwoAPhiX+Ff8AKfP/AAiv7RdHHXvfuvde9+691737r3Xv&#10;fuvde9+690H2/wDc9fh6XHYHbixz7z3dUPi9uRSDUkGldVVkqhb3+0x0R8j/AOrcxQj1Sj2ptog5&#10;LN8K5b5+gHzP+z0W7jdtCBHFmWQlUHpjLH5KM/M0Hn0/7U2zj9n4DH7fxplkgooyZqupOqapnkYy&#10;VFVUP9ZKipmZpJGP1Zj+LD23NKZ2LHz8vIDyA+Q6UWdotlGI0rQeZ4sTkk+pJNT0ovbXSrr3v3Xu&#10;ve/de697917pn3DmqbbmCy+erFd6bEY6bISxR8vJ4kLCNAAS0kjAKgAJLEAAk29uRRmVgo8zTpi5&#10;nFrG0jcFUn7aDh9p4dNmx8NVYLa2KociUbLyxvlM9JGbq+QrZXrK9lP5RqueTT/RbD6D3a4cSOSO&#10;HAf6UYH8h01YQG3hVW+LLP8A6diWb/jRPSr9s9LO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nb+8jS9OsP+uiQPr7pluvdYi5P+A93C0691x9+L04de66LAfX/be6AF&#10;uvdYmYn/AAHtwLTr3WEv/T/b+7de64gFjf8A3n37r3WQKF5/3k+/de64l/6f7f22X9OvdY/dQpbr&#10;3XvpyfbgAXr3WMv/AE/2/upf0691j91Ck9e66JA+vtwAL17rGXv9OPdC9eHXuuHvwUnr3XRIH193&#10;oF691jLk/Tge6F68OvdYS4H05PunXusZJP19+69117917r3u4SvHr3XRIH19uAU691iLk/4D3vr3&#10;XH37r3XRYD6/7b37r3WIsT/gP6e/de64+/de64lgP9f+nupanVgtesZYn/W/p7bLV6cC064+69W6&#10;4lgP9f8Ap7917rEWJ/4p7917rr37r3XEsB/if6e/de6xFifr/tvewK9e669uBKcevde90bj1QvTr&#10;AST9fder9de/de64FwPpz7917rGST9ffuvdde/de6wH6n/X9thc16cLYp1xJA+vtzpvrEzE/4D37&#10;r3WEv+B/t/dC/p1cJ69YySfr7oAW6uSF6xuTx/j72y6etK2rrH7p1friWA/1/wCnv3XusZYn/W/p&#10;7917rj7917riWA/1/wCnv3XusRYn6/7b37qy8euvfunuuJYD/E+/de6ws35J9+691iL3+nHv3Xus&#10;TNb/ABJ96rXr3WIkn6+99e669+691wLgfTn3R+HV049YySfqfbXTvXXv3XusLkE8f09+691x9+69&#10;1737r3XR+h/1vfuvdYCSfr7917r3v3XusTMDwP8Ab+/de6xFgP8AX/p7oy1PXun/AAmGir46rLZa&#10;eWg27i2UZCsiAMkkj3MdHSq3pkqpwptf0xoGlf0rZt009WC16hZ/Py5uWnRII6DF46H7PD4mAkx0&#10;0OouVBPqklkdi8sreqSQljYWVdgU6cA/4rpP+9FgOvFgOuiQPr7bJLdNFq9O+CwtbuGv+yozHDFD&#10;C1ZkcjU3EFJTR2M1VUOAxSKIH8As7FY41aR0RvFadeC16cdx7go2pYdtbd88W2KCf7gPUKqT5CpC&#10;lWrqwKT6rMywRamWniOgFpHmlk8MdWA1cOnvqrrHLdobhTHU5ejwtCVqM/lyPTBCT+hCQVaolAIj&#10;U3+hdvQjH3Xj04FA6EjubtDEpjoeqOthHRbJwYFLka2jI/y+aMnUokU/u0/k9byHmeW73KBS/uqu&#10;3p1h6S6Sg3HCd+79IxmxMYrVccVW3i++8N2dmYlfHQx6T5JLjXYqpADuvunOHSf7s7hl7DyEWEwY&#10;OO2JgXEOIx8K+NahowY1qXjAXSoT0wxkDxx/hWZgPdaNTgcegn2rtTPb2zdLgdu0EtdkKprkKCI4&#10;YwQGmnexEUMeoamP9QBdioPuPTioF49GZyWe2l8dsXUbe2jJR7l7XraY0+f3Oyq8GN1Aa6eEH+3G&#10;6grERcsA9R9Eg924dVZq9FzwWKr985rJZXP5aeDGUatmt3bnr2MrQwluTdjqnrKmS0VPELtLKyjh&#10;QzLXrQHWPcufqd3ZHG4vCY6ppcJjUGJ2jtmmvM8cbvckhFvPXVcp8k8mnVI5Cj0Iir7rxz0NmJ2J&#10;s3pvGUe8O3UizO66mL7rbXWsDI9iOUlyH6l0hhyGvEtiCJ5P2091vh0B/YHZG6OzMv8AxPcNXamp&#10;yyYvEU11paSM29EMdz6iANTtd3sLmwVRRlJ610/bZp6bYWDg7By8MMucri69dYWpUMDIjFJM1Uoe&#10;PtaNwVp1a/nqRqt44mLWFB1sCmegkq6uorquor62eWrqquZqipqKhizySOxZ3djcszMSST9T7qX6&#10;1X16GnY3S9XmMZ/fXf2TXYvXsKiaTMV4tU1ikXWOgp2BaQygWRypBveJJiCvuwPToIUdLmPf8u4J&#10;06q6Px0Ww9oSxPLuDc9SwWtmpIEZqvIZGrvqp6eOO5Kh9ZFo1dFkEArqrw61WvQIdhbsoc1Pj9u7&#10;aSam2TtSN6HAQy8SVLsR9zk6oCwNVXSDWeB400RKAF90Zq9VJqeg4Zggt/aP1t/vXv3Dpzj11DFP&#10;Vzw01PFJPUVEqwU9PCCzu7kKiKouWZmIAA5J+nuvW+h13NRVG0sPS9Obap5spu3NVEGQ7DfEq08s&#10;tWBrpMJD4Qxkix+rXNp1BqliLgR29uU09VJrw6eKTqzZ/XNLDm+78w0dc0S1OO6y25IkuQqL8r97&#10;Mj6KSFrc2YXF9MokHjb1PX9nWhjhn59Ire/dG5N20KbVwFHS7K2PF/k9HtDbQMaSKTb/ACuVQslX&#10;JIT6rhUdrMYy92NS1ergU6c97yr1lsem6uomCbq3GKfcXZ1VEfXENIkx2EJB/TTI/mnWxvMy6WK3&#10;A0cdXX/V/q/1fz6L8Bc/72feurM4XpzxGJyG4MtjcJiad6vIZSsjx9BTR/VpJXCKP8Bc8k8Acnge&#10;98emuPHoWu4sxjcQuE6o25Ux1WC6/V48pWQfors3L/xcasmwLLE94Igb6FVgDpI97wOrqCegKMjS&#10;MBe5P+2HupPV8IOjK9I9R1ddlqLsTf1GcB1jtdf45U5PPfsRVjxEGnjiSQa5oXnKl2ClJFBhUmRw&#10;vvY6brT7T/Lpw3X3Xs/BbizGf66w395N7ZSulqqzs7ecIkeJm9KDD45/26SGGMBIWlXyrGBHIrgX&#10;90Z6HHH16sFrx4en+z0WbObgz+7crLl9x5bIZvJ1BAlq6+RpHsD6US5siC9lRQFX6KAPe9VerHtG&#10;Ohr7df8AuNtLZnTlPpjyFBCN67/8RHqy1dEPt6aQD+1j6Iqn+pYOrDkEmshpQfn1pM5/Z0XIsW4H&#10;+2Htrq/Ritlf8Y96Y3vvqUinz3Ycv+jjaTG3kWi4lzNSgsSUdFWAMCCkgH9Rd1RpBJ+zqnxEAeWe&#10;i5vJpUhPTf8A2590r6dOlacejWdI32B1T2z2/L+zlKqhGwNnTMdLfc1Wg1Ekd7ljEXhk4/EEov8A&#10;W21FBXppu4gfmfy4dFMY3PH0HA/1vdOr9Hj6J2Tl4ug+0dwY+TG4vJb7kXa1JmM9OlJSU2NiIhra&#10;uWpfmOC1VOp0hmaSJFC/kOKMHptiNQ+WadBA9d0r1gFTG0n+mneMPqNflUkpdt00osR46S4qcpoN&#10;1PkZIJBZ0t9PejRfn1c1c+n8z0KnyR3jm5unemdu5uemGY3JSnemYpaCJKaKGIRD7GnWCJVSOGKK&#10;uMarY8wanJcajeQ4AP29aiUFmP5f5+i/dB4L+8XcXXmMMflSPcMeZqEYAr48er17B78aWFNax+tw&#10;tje3uiCpHV3NAT+XTZ31uE7m7h7CyayeWEbkmxdO6m4aKg00MTD+qslMCP8AA+9Oak9aUUAA6GfK&#10;j+7nw023ThhFLvvsmWukQggtFT/cxl7A+oB8bF9fwwsLAN7scL+fWlzIT6LTqN8MooIu0M9m5gPt&#10;9ubAr8q8klvr5qSIjUWAS8cjnUbiwINr3Go+PVpgSKepp0CvT+uv7l61eaT9yTsLF1cj2HLJXwzN&#10;wLAaiv4+l+B+PdRx6ucKfsPQ1ZepNV804pmCgr2rQU40f0ieniH5PJCC/wDjf6e7V7vz6p+D7Qf8&#10;HST+YDBe+d1AfX7DGf8AuupvbM2W6vF8I/1eZ6LG5LFRyfwB70/Vl/y9DRguk8y+Lg3H2Bl8b1bt&#10;KoIeDKbqDitqk9Jb+HYlP8urG0sGB0pGV5EhHu6pQZx1ot3YFaf6v9Xn08Rdo7C661QdN7TFXnIl&#10;0Hszf8cNVXq/H7mNx1mocfZlJR2EspRtL2I97Rgvwj8z16RWPxefkOgOym4c5unL1eb3Hlq/NZar&#10;9VRX5GVpZG54XUxOlFHCqLKo4AA9tqanPTzDSAB0xaRck83PtvpwY6wyN6rKLk+/db64lAOZWsf9&#10;QvJ/4oPdqU49VrXh1jkl0raNQgv9fqf9v70T17T69Rfeurde9+691hLE/wCA/p7917rj7917pT7T&#10;2XunfWUGH2lhK7N14TyzLSqBHBGL3lqZ3KwUsK25kldEH5b3sCvDrTMFyehW/g/U3V4D7orqbtze&#10;0PI2rtueSPb1FKACFyGUTRNk5I2/VFR6YCQUaoYXBthfn/g6pUvwwPnx/Z5fn+zoO989n7w7Beli&#10;zlfFT4XGAx4TauFiWjxNAhP6KOgh0wxf0LkNK3GuRiL+6lq9WVQvDz4nzPX1Bv5ef/ZAfwc/8U+6&#10;z/8AeLwnuMb/APt5P+aj/wDHj1Ne1f7iw/8ANKP/AI4Ojg+0nS/r3v3Xuve/de697917r3v3Xuve&#10;/de697917pObn3bt7ZuMfLbjycGOpA3ihD3aWaQ/php4UDSzzN+ERWY/W1gT7dihac6VFT/g+3pN&#10;d3kdkmuVgo8vUn0A4k/IdBY2M3v2wdWfTI9fddyrxtyJ/Hm8rGef9yEyE/w2lkWwNPGfOwLrK6gr&#10;ZXrjs/ho7/xcUX7PU/Ph0U+FPu/9pqhh/g4SyD+kR8I/ojPGp6GPDYXE7extLh8HjqTF4yijEVNR&#10;USBEUfk2H1ZjyzG7MbsxJJPtE8jSnUxJJ8z0dQQJbKEjAVRwAFB05+6dO9e9+691737r3Xvfuvde&#10;9+691737r3XvfuvdB9vnsCj2iKLF0VHNuLeWdJh21tLHsgqKl7N+9KzELTUMWkmWoeyIoa2php9q&#10;be2M1WJ0qPiY8B8vmfQdFt/uK2VEUF5Xwka0qx9T6KPNjgdN+x9hVmMr6nee9K+LcHYOWphT1VfG&#10;tqXHU/6hjsXG3MNMjH1uf3J2u8hube7XFwGHhxiiA8PNj6n5/wCDpuw29omM851zMKE/hRf4UHkP&#10;nxPE9Cj7SdG3Xvfuvde9+691737r3Xvfuvde9+690zbhz+K2thchn81UikxuMpzUVEtrseQqRxqO&#10;ZJZXISNB6ndlUAkj25FE0zBVyT0xc3KWiGSQ0VRU/wCYepPADzPSK2FgMpNV1/YG7aY0+69ywJBT&#10;YuQ6v4Ri0YvTY1D/AMdiW81WwtrqGKi6RR+37mUACNPhXz/ibzP+QfLpBt1u7E3MwpI4AC/77QcF&#10;+3zb1b5AdCd7SdG3Xvfuvde9+691737r3XvfuvdB3u3/AHPbh2vs1LtTfdLvHcYtdftMdLG1HA39&#10;DVZQwsByHipqhCCCbKof01aT/ar9rcf2Cv5kdFl5/jEkcHlXxH/0qEaR+b0+0Kw6ET2l6M+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dmX/p/t/eRgT16w/6x&#10;+7FgvXuvfTk+2yS3XusZf+n+392CevXusLMB/ifbnXusZJY/8QPfuvdcwlvrz7917rxYDgfX3UvT&#10;r3WMkn6+28t17rr3cJTr3XAuB9Offi9OvdYySfr7pluvdde7hKde64FwPpyffi9OHXusZJP190oW&#10;69117cCgde6xl/wP9v70X9OvdYma31Nz7bJr17rEWJ/wH9Peuvdcffuvde92C1691724Fp17rGX/&#10;AKf7f3br3WP37r3XRIH19+691jL/AIH+39+691w9+6910SB9ffiadeAr1jL3+nHtovXh06Epx64e&#10;6dX66JA+p9+691jLk/Tj37r3XD37r3XRIH19+691jLk/Tge/de64e/de697dUgDrRNOve6Fq9NFi&#10;esZf8D/b+69bCevWIsB9f9t79071iLE/639PfuvdcffuvdcSwH+v/T37r3WMsT/rf09+691hZ/wP&#10;9v791cLivWP37qnXTfQ/63uj56umOsHvwT168X9OuJYD/E+9lgOtBSesLN+SePbRNenQKdYi5P04&#10;HvXW+uJBH1H197Ip1oGvXXvwFevE0697cCU6bL16wt+o+6Nx6ejQ0z1wJA+vuvT2F6xFyf8AAe/d&#10;b64+/de6xv8Aj/evfuvdY/dW4de6xOQbW/HvSCnXusZYD6/7b3fr3WIsT/rf09+691x90fh1dOPX&#10;EsB/r/09tdO9YySxt/vHv3XuuiCPr/r+/de669+6910SB9ffuvdYy9+B7917rEWA/wAT7917rCzf&#10;knj37r3WIuT9OB7917p9wOETJmorshUNjtv4zS+WymkMV1BjHTwKSomrKgqVijB/DSOVijkddE9X&#10;CV6j57PPmHp6enp1xuExqtFh8PExZYVYjXJI9lM9VOVBmmIBcgABI0jjTwHV8L0n/em4dUL164Fw&#10;PpyfdAlePVOnDDYfIbgyMOMx0Sy1EoaRnlZY4oo0UvLPNK5CQwQxqXkkYhUUEk8e74XrYFelBnsz&#10;QUdB/dTbLucPHKs2ayx1K+Wqo7hZWU2MdDTkt9rCQGAYzS/uvpjbJr1smmB1h2HsTN9ibjptv4SL&#10;lyJq+vcExUtOCA88pFuBeyrcF2IUcm/vQGrq6GvQ/dqb7wnXe3D011nL41gVoN55+E/uzTsNFRBr&#10;A5ml02nZTaNQKdbBWVfHrbtTh0zdNdJw5unp9779jmpdqLMhxGIHpmykl/QoBIZaZyLcWMguQyRg&#10;yHXWkSvUXvTuht1uNmbXeOj2njNEFW1AdMdU8XCwxFAqtQwFRoAAWV1EltCxad9PU/aegk69653H&#10;2VmlxWDp9FNAVfKZacEU9JETy8jcBpCLlIwdb2NrKrMuurCidDRunsbbfVWGquvOoJI58nKvg3Z2&#10;CNJmmlClJI6SQXtpN9LoxjhF/FqkZphZR1QmvRcMHhMru3MxYyg0yVVUz1FTV1j6YoYkBkqKuqmb&#10;iOCGMM8jt9AD9WIB0TXqvHoRv4fkN7VeO6x6xoqvIYXHzfd1VYy+L76qH7c2Xr2IAp6ZA3jpo3J8&#10;UVgA08r6tdb+XQjVma2T8e6afGbXah3p2zJC1PktxyqHosSzLZ4qZeQ0y30lb6idXmZQPtzUtTr3&#10;RWctl8tuLJVeZzlfU5PI1snlqq2sbU7n6AXPAVQLBRZVACqAAB7t16telbsvbuNqoa/du6RLFsrb&#10;kirWJE3jkyNYwLU+JpW+vlqLapXUHwQB5WsdF9E062B59QaqTd3bG7SaHGTZPLVwSmx+GxEdoaWl&#10;hURwU0Ed9FPSUsQCgsQqqNcjXLMWx3HrXHobE25110ai1u82oOwuy0jD0mzqRg+NxshF1evkKlZZ&#10;U4Ogj6n0xWKTrcCnW+HQI717A3j2dnI6nNVlRkamacU2LxNGrCCHyMFSCkpluASSFv6pHNtTM3Pu&#10;jHPXq+XSj3XUQdc7em65xc0T7myojn7KytOwbQyEPDgoXW48dI3qqypIkqLISUisdHGP29erQdAx&#10;q0rf6Mf0A/73/wAU9+4deA6xKrOf9jyx96Ar06TTo3PSfWse3cPW9s71yVDs6mpoDBs6v3BHfRNK&#10;pBycVK9mqZYUJ+zjt+5L+6ARGmu4AH+fquSc/s6S+Z7mwm0Yq/E9NYqbH1Fc0gzXZO4QJ81Xs7Xk&#10;eNnBFLG7er6XJIcRxSAsdV9OtnHHot1bW1eQqp6yuqqitq6mVp6mrq3aSWV2N2eSRyzOzHkkkk/k&#10;+6k162Ohj6vx9BtfF5PuDcVPFUUW2akUGzMVU/TIZ1l1wG1wWgxwtUSkEchACSCp8MZ63T/V/q/1&#10;fs6BrKZSvzWQrcrk6mWsyGSq3ra2qmN3kllYu7sf6liT/T+nvXXuoR0ovqNifqB9f9b3elOPXgpY&#10;9D3sNh1rsTKdsVKiHcef+42l1hA3DpIyGPJZhQfqlHGxhjYBh5mKutire9V6sQBx6Q+zepN5b6p5&#10;czDFS4Ta9OxbJbx3NMKTHxAGzt55eZmBPIjD2NgxW9/egK9W104/kOl5/eHqTq0Cm2TiV7V3sHEf&#10;97N0wFcTTv8AS+PxgbXUNr/S8xNmAaN2U297rTrWX44/1evT93/vrc1Lt3b3W24s1U5XddRo3h2N&#10;OxAWOqqE10GKijQKkMFBTuHaJR4mldZh6yx96PW0A4j7B0UksT/rf09sPx6c6G/o/A0Em4MhvjcM&#10;Al2r1njTu7MI9gJ6mO/8MoQWBXy1NYFKqw0uEZD+r24gp+WT02xr/gHQU7jzuQ3RnsxuTMSh8hm8&#10;jLk6txwNcrlyqLfhEvpUfhQAOB7oQWNT1atMDqDiMbW5vK43CYmBqjI5auixtFEv6nmmkEcaj+l2&#10;Ye/DJoOt09ehi+QGYoqfcOG62wU4l2/1Thl2rFIgCrNkLiTK1RUE2kmqzpk/2qMn83O5Dmnp16M0&#10;FfX/AAeXQBIjyuscatJJIwREQEszE2AAHJJP0HtvrfR++yOqt2jYHWnVWHhocNt/auJ/vRv7d2fn&#10;SkxUGRqy4YSVUlvLJTNLP6UWSQRzQ+lVt7UFDQDpkGpJ/wBWOgBbI9NdcOseCoZO5t3RkKuTzsT0&#10;u3oJeP8AM0Ab7rJ2a6nzMkLizoPx7bwvz6dyfl/h/wBX7ft6FH5abpysdH1p1xkKiE1+F23HuHdM&#10;NAqQ033k6CGKJIIbRxpSiKYRLYkRyr6iSWNnHAft6bSmT6nopuzsBLu7d+2tsxErJuDO0uKLjnQs&#10;8yRu/wDrRoSx/wAB7aAr0r+AdDV8rdxx5zuHI4qjZBjdn4yk2rQxw8Ighj88yAD6GOeoeM/n0AXs&#10;B7vI2o9NxDQvzOf29KL4lU0OP3Pv7sKsiVqDr/r+syWt72WVxrUm3NjTU1QOP6/XjnceDX06bkNV&#10;C+pFeilT1T1VVPUzM0tRVTtUVEz/AFZ3Yu7f65Yk+2unyKD/ADdGy+RbJgur/jvslP25aXZsm5Ml&#10;CV0kS1kdKw4/qszVAJ+pPJA+hcfFB1SIZJ/L9nXXxl/3GbH+RW676Diet3x1PIdQvLVQV7oqkKf9&#10;2UyAm406lNje48nmetTGlAPX/B0FHxxp2re8euowSCudNVcDVxDTzzEWuOCI7E/j682t7qnHq8mF&#10;P2dLTHSPkPl67wqrf8ZyqLaGFilPlZNThjYEGOItb/YC/wCfef59VGB9i/5OhC+RnWD5fubde7t6&#10;bv2/sTZdQmPXG12RcVOQrI4MbRRTDHYqmJq6opUq6FpPFGCD+5Ye6ulWqetRv24zx/1f6s9AhJ2l&#10;srYZMPT+zliy8J0L2NvsQ1+UuLfu0NCVONxjBgdLBZpNBsz6hf3ppNPAfn1dVNMn8h/qz/qx0Cef&#10;z2c3NWT5jcOWyGaylY2qevycrzytb6DXIWYKo4VR6VHAAHHuhJIz04oo3TPCnpkJ/wBT9P8Ab+9L&#10;wPTjitPt65wW1ED8L/xI9+Trb9YGFv8AOMB/tC8n/Y/ge9aacet6q8OsDykelBoBHJH1/wBv78T6&#10;daAr1g916v1icm9vwPfutE064e/daDV64lgP8T791bp12/tvcG7MnBhds4bJZ3K1J/ZoMXC80hH5&#10;YqgOlFvdmayqOWIHPvYBPDrRNOPQvf3H6766Pl7U3BJuPclOdX+jPYU0UhRxyI8vnFMlJSC/pkip&#10;BUzj/VRNyL6QvH9g/wA/VNRbh+0/5v8Aivz6Su7e4Ny7jxZ2viKfHbG2Mr6k2Xs9XpqSU8ASV0hd&#10;6nJTkKuqSpkk9QBVU+gqWrjgPTrYQA14n1P+rH5dBOSB9T7r1frGXJ+nHv3Xuvql/wAvL/sgL4N/&#10;+Ke9Z/8AvFYT3GV//byf81H/AOPHqadq/wBxYf8AmlH/AMcHRwvaTpf1737r3Xvfuvde9+691737&#10;r3XiQASTYDkk+/de6CLKdlVWYr6rbfV+Ng3Zm6aQ02Sz1QzJhMY9j/wKq0BNTMh/5R6bU55DMhB9&#10;rUtAg1zHSPIfjb7B5faeiaXdDMxitFEjDDOcRIfmRxP9Fan7OnDbXWtLjsom6t1ZKfem9tBCZzJq&#10;qw0Yb9UWLoxeGhi/F1vK3OqQ6iPdZbosNCDSvoOJ+0+f+Dpy12sRP40zGWX+NuC/JF4KP5/PoTfa&#10;To1697917r3v3Xuve/de697917r3v3Xuve/de697917oLN27/q4codlbEoYtxb5miD1CuT9hiIn4&#10;Wry06/5sWBaOnX96YrpAUMrFZDbAjxJDpT+bH0H+fgOii83Eq/gW41ynj/BGD+Jz/gUZP59OeyNg&#10;0u0/vMrX10+495ZsB9xbryAHmnN9QggQemloYm4ip47IoAvqYX90uLkzUUDSo+FRwHzPqfU9PWG3&#10;Czq7EvK3xyHifkPRR5KMdCB7TdGPXvfuvde9+691737r3Xvfuvde9+691wkkjhjkllkSKKJDJLLI&#10;Qqqqi7MzGwCgC5J4A9+Ar1okKKnoGsKknaWeot4VayLsDbtWZ9j46ZSv8TrEuv8AHJ0a3+TQ8rQI&#10;wuSWqiFJhsvk/wATXQPjYd5/hH8P2+v7PXojgB3eQTt/YoaxKf8ARG4eIR6D8A/23p0NHtB0e9e9&#10;+691737r3Xvfuvde9+691immhpoZaioljgggiaaeaUhVRFBZmZjYBVUEkngD3sCuB1pmCAk4AyT8&#10;ukFsCOXJwZPfFZC8NXvSeOroIZgQ8OIgDpiYWU8ozwyPVuh5SarlQ/pHtTcnRSMcF4/Nj8X+b7AO&#10;i7bgZQ1w3GUggHyjFdA/YSxHkWI6EL2l6M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df7yLL16w/64FwPpz78Er17rEzfkn24BTr3WIuT9OPe+vdeCE/Xge/&#10;de653VR/T/D3omnXusZYn/Ae2ixPXuuPuwT16910WA+v+292JC9e6xFif9b+ntssW691x92CevXu&#10;uJYD/X/p7sWC9e6xlif9b+ntssW691x92CevXuuJYD/X/p7sWC9e6xM1/qbD20Wr17rCX/A/2/vX&#10;XuuHv3Xuve9gV691724Epx691wLgfTk+79e6xkk/X37r3XXv3XuuBcD6c+/de6xkk/U+/de669+6&#10;91wL2+nPuhenDq4SvHrEST9fbZNenAKde96631jL/wBP9v7917rGST9ffuvde9+691jL/wBP9v79&#10;17rH7917r3v3XuHXvfumy/p1xLAf4n+nv3VQurrEWJ+v+29+6cAC9de/dUL+nUf37p3rokD6+/de&#10;6xlyfpwPfuvdcPfuvddEgfX37r3WE8kn/H37qxby6xlwPpz791XrESfqebe/HHXhnrCXJ/wHtotX&#10;p0LTrEzW4tz7qRTqwNeuABY/8SffgtevFqdZAoH+P+J9uhadNFq9cHINrfj3srXrQanWIsB/r/09&#10;6JC9bALdYyxP+t/T22Wr0pRAuesTNY2H+39162X9OsXv3VVBOevfTk+/dPcOsZf+n+39+691iY2F&#10;/rz7917rCWJ+v+29+691jckWt+ffuvdYvfuvddEgfU+/de6xlyfpwPdH4dXTj14IT9eB7a6d658K&#10;PfuvdY2Nzf37r3WIuB9OT7917rGST9ffuvdcW+h/1vfuvdRS/wDTn/H37r3WIkn6+/de6fMLg2yz&#10;VFRUVK43C45Vly+XlUssKNcJHGl1M1VOVKwwgguQSSkaSSJ7q6DrrcGeTKNBQ46nbG7dxhZMPitQ&#10;YqGtrnqHAUT1lRpBllIF7LGgSGOONPdbL+nSaLAf6/8AT37pvj1jLE/639PfuvdTcXi6/NZClxeM&#10;pnq66sl8VPAlhc2JJZmIVERQWd2IVFBZiFBIbL+nWwK9KjN5PH4PHzbU29NBV+UqNy7jpyf8vkRt&#10;YpqZmAKYynkAtxepkUTv6RDHFXqxNMD8z0wbZ23md4Zyg29gqU1WRyEvjiT6Iijl5ZWsdEUagszH&#10;6AcAmwPmHDqoFejU703JhOhNqP1rsSqWp3xlYFl3ZuaMASwiRCLKynVFNZv2EuTBGxkJ8sgdtVp0&#10;6ToFB0j+q+oaJqCn7H7MMlLtbzo2Fwbo71WWqJGAp1WBQZZY53/zcagvP9bCG7N6nWkTzPXPunuC&#10;vyb1O28dNHSN4TQZCOgdTDQ0rKFbFxNHeOWpYKBWTodPH2cJ8KSvUe6cY06Djq/qTLdhyzZStqF2&#10;5sjFEy5vdFdpSNVQFnjp2kKxySgD1MToiBDP/ZR9dbB6VnYPbeKpsO3W/UdO2A2TTgx5PMx6o6vK&#10;MVCyvI50yiKW1nLfuSqAp0RDxH3VWanRe6GircrW0mMxlLPW11dULS0dHTKWklkchVRVHJJJ/wCJ&#10;Pv3XujO7W6yrshjshtfCZGixeApzr7S7NnYClcwkO2Kx8jGNZqOjZdUrhgk8wDyOsSQK3uvHOB0x&#10;7v7dwm1sPUbA6WhlxOEceLNbycFchknAKs6SaUkijIJs1lYAlYlhS+qrYHTipTotRsAWc8Hnn6n3&#10;VVpk9eJAwOn/AGntqr3hlvsYp48bjKKnbJ53M1IPhoaGG3mqZbcnSCFRB6pJGWNeWHtzqgFehupN&#10;i13ZkNLXJKnXnSGzYXgxmYz5VDLGWH3FWEui1eSr5FvIwtGpCQI7mJEarLq6sTXqHn+4cHtDE1Oz&#10;+k8fNt7FTKIctvWsA/i2RIBBZXKh6aMkkqRpcA3RKc3B3w61WnRbJ6iSd3kkdnaRzJI7klmJNyWY&#10;8kk8n20Wr1omvQv7eWPrLbcG/K6ONt57ip5I+u8fOATRwHVHNnpYzfkeqOiDcNIGnAZY1Pv1KdWH&#10;aK9AwzSTyPUTyPLJJIZJJJSWZ2JuSxNySSbkn6+9AdaUVPS62T1vu3sKtkp9u4uSohgua/K1J8VH&#10;TKBcmeoYeNLLyFGqRgCVVufdwtePVifToy+wNv8AUOyMjWzGopuw8rtWhOZ3ZuydAcDiI0OlYqON&#10;jbI5Cea0VNywdyHQxmN097qOthfPotXZ/ZWa7N3PWZ3KzTJSCVosJiNRMdHTX9EagWUyMADK9gZH&#10;ueAFVWya9WAp0HDN+P8Ab/8AFPfuHWhnPSj2XtTI743NjdtY1khkrZS1XXT8RUtNGC9RVTN9Figi&#10;UsSSL2Cjkj34CvVulL2juzH57JY/b22A9PsTZNK2D2tC/wBZxqvU5GXhbz5GYGVjZbLoUqGDX2f5&#10;daJp9vQXFlRSQP8AAX/Pvwxnrwyc9CT1n1PujsvK04o6OopNtw1IOe3RUgJS0sCnVMwkkKpLMsd9&#10;Makm5BfQmp10BXpwvT/Vx6HnsfsDpfB5ykkw2KTs2u2xjIcBtbG1R8e3MbBTrZToW7ZWokk1PK5J&#10;hl1CzAoD7saD59VBPn0Wze3ZO8uwJ4p90ZmapoqM/wCQYenAgoaYAaUWnpIgsKaUsuoguVADO3up&#10;Netg9LHpTE46lq872ruenWbbHWtMuShpJbWrstKSuNolLcXE1pWIDadKa10sffh1c4wPPoGs7m8l&#10;uTM5TP5eoaqyeYrpMhXTn+1JIxZrD+yovZVHCqABwPdGfq4x03IoHreyqORf8+6gVNT1Rj5DowfY&#10;7f6N+ttqdWQMY9xbkKdgdiD6PG8qgYvHv+VNPCDJJGfpKVcGze7O2kUH2nrSjV/g6LgSSbkkn/H2&#10;0fn0+qdGC6LpodsU28u5MnEj03X2HMO3opwNM+brwaahQAgiRYQzSSAeqP8AbktYe3FGnPTLZOn9&#10;vSR271JvfeNPNuvLNSbX2xUTNVV2996TCipHaQl2eNpf3quSU6tIhRwz+ksD7qEJ6sWp0YjovbvS&#10;67/gxeBpa7sGp29j5txZ/f241+zxVClJbTLQY4hmlYzslnqnGgBpYwdPu6AV9fU9Ucmnp/h/1f6q&#10;9Fl7b7Qz/Z+7MrlMhlK+fCrkpjt3ETSN4KSm1FYVjhFo1kMQXyOF1O1yxPujtqPVlXSKdPfx22cN&#10;69ubToJ4w+OxVWdyZXVYqIaC0yq4P1SWoEUTf4P70oqevOdIJ6TXcG8zvvsbd26ElMtLksu8GKa9&#10;x9lTWp6UgDgaoIlY24LFjc3JO2/w/wCDrailB6dCt8S8LSydkV+8suVjxPX21q7clVM4uFYxGnX0&#10;mw1LDLLIt7WMdxYgEbRc1PVpXqKDicdFz3BmqncOdzm4a0k1mby1RlqlmP8AuypmeZ/9gGf3QmvV&#10;iM06M3s4jaHxR7M3ES0WQ7C3RTbToW+munpzGX54LXjesWwuBb83YCwwK9aPxgDyH+Hoq2Dxs2Zy&#10;+LxFP/wIyuSgxkH/AAeolSJf+TmHunV2Pl0Y75i5WKq7f/glMvipNpbVx2Bgp1N1UMj1osPrfRWK&#10;ObkhRza3tyXBp1WH4ftr0oOrqCrpfip3DW4+jq63Lbu3bQ7UxtFRxPLNOUkx5KxxpG7OSlZLbTck&#10;qQNJFz4DtJ6q+XA9AT0+/Gjp7O7T7X2xnt41+F29lqOhrazHbKqalHzEyTUFRT+aWji1mjp0jnZt&#10;U7RsWAVUJPHkTPXppBpNM/Py4/6uHWHr7s7bj964PC9fbGxuJjz29J/43u3NA1+Yq0llnknMLyAQ&#10;YuCUE6o4E1aANUv1961ZAA4nrzx4NfTy4cOgX+UdZ9537v8AcKyrFUUNKAxv/mcXQxEj+gZkJH+v&#10;/X22w7z1uIaUA/1cei7MbsT/AFPtk8elCpXrM4OiMAH6X93OQOtqQvXEHQr3PBFiB/rfT/effgKD&#10;qrOWIp1xhlsWAQKoW4A/4k/X3tT1tvt6hkgfX2117LdYmNzf37pxRTrEXA+nPv3VusLN+SffuqsK&#10;jp2wG3dwbtycGF2zhslnMpUm0NBi4XmkI4uxCA6UX+0xsqjliBz72BXrQGgZ6FaXr/YvX7eTtLda&#10;ZXNxDU3XXXk0NVVLIP8AdWSy5EmOx+kizpD93MASNKEX92oF4/sHXtRbh+0/5uP+Dpk3B3NuGtxU&#10;219oUWP642ZKojm2/tLXHJVqAQDk8i5NfkpCps3lk8Z/ESjj34uTgYHy60IxWpyfn/k9Ogf906c6&#10;xl/6f7f37r3XEKzngE/1J+g9+691y/bT6/uN/QfT/b/U+/da6+qX/Lz5+AXwbP0v8Pes+B/4ZeE9&#10;xlf/ANvJ/wA1H/48epq2r/cWH/mlH/xwdHB9pOl/Xvfuvde9+691737r3SK3Xv7b+0Wp6Orkqcln&#10;q/jE7XwkZqcjVHn/ADVMnKxixJlkKRLY3cHgqIbZp8jAHFjhR+f+Tj0gvNxjs6K1Wc/DGo1O32Af&#10;4TQfPpGf3V3n2EfL2DVHbO1pOU6/29UN5aheOMvk4ijyKwuGp6bRHa2qRyDd/wAaO1/su5v42GB/&#10;pR/lPSL6Ofcs3J0R/wC+UOT/AKdxx+xaD59CzjMXjcLQ02LxFBSYzHUcfjpaGhjWKKNb3sqIAouS&#10;SeOSSTyfaJ3MhqxJJ8z0cRRLAoRAFUcABQD9nU/3Xpzr3v3Xuve/de697917r3v3Xuve/de69791&#10;7ri7rGrO7KiIpd3cgAAC5JJ4AA9+60TToFKvdu4Ox6mownWdR/DdtwyNS5vs6RNUZKtpkpsHG401&#10;lRwVNUf8ni5KGR9FzAQrajVLlvKP/K3oPlxPRE97JuhMdqdKDDT0x8xGPxH+l8I+Zp0I209oYLZe&#10;LGKwVK0MbytVV1ZUMZamrqH5kqauoe8lRPIeWZj/AEVQqgKEk0zTmrH7PQD0A6NLOyjsU0Rimakn&#10;LMTxJJySelP7a6Vde9+691737r3Xvfuvde9+691737r3XvfuvdApkJZO3clPgqCR16xxVUYdx5en&#10;YgZ2piYrJiqWRSp/hsEg/wArnQkTuPto20iZiYKBZDUf7Q/CP4B6n5+g8uPRDIx3lzGv9gpo7D/R&#10;SOKA/wAIPxEcfhHn0NEcccMccUUaRRRII4oowFVVUWVVUWAUAWAHAHsvJr0egBRQdc/fut9e9+69&#10;1737r3Xvfuvde9+690HW9f8AfxVmO6+hDPDm4jkd2Oht4sPC4WSFjfhspNalC/VoTVOvMJsqt/0g&#10;ZfTC/wCmP+bj9tPXosv/APGWW2HBu6T5Rg5H+3Pb9mo+XQiABQFUBVUWVRwAB9AB7S9GfXf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dSzE/Xge8jgtOs&#10;P+sJf+n+392691xClv8Aip9+691kACi/+8+/cOvdcS/9P9v7bL+nXusfuoUt17rokD6+3AAvXusZ&#10;f8D/AG/upf0691w91Ck9e66JA+vtygXr3WMuT9OB7oXrw691w9+CV6910SB9fd8L17rGXJ+nHuhe&#10;vXusJcD6c+6de6xkk/U+/de669+69173cJXj17rosB9f9t7dAp17rEWJ/wAB/T37r3XH37r3XEsB&#10;/r/09+691jLE/wCt/T37r3XH37r3XEsB/r/091LU6sFr1jLE/wCt/T22Wr04Fp1x916t1xLAf4n+&#10;nv3XusRYn6/7b37r3XXv3XuuJcD/ABPv3XusRJP19+69117917r3v3VC9Ove/dNk169791rrAxBJ&#10;INx7905q0inXEkD6+/dVoW6xFyf8B7904Ep1iL/05/x9+6t1iJJ+vv3Xuve/de6xl/6f7f37r3WP&#10;68n37r3WFmJJH4Bt7906AAOuPv3TXXFmABH5t70T5dWA8+sPvwUDrRYnriVBNz/tveitethqdeLA&#10;f4/4D3uvl1qnn1iLE/X/AG3vfWusbki1vz7o5p1dBXrF7a6d66JA+p9+62TXrCTck+/dXVfPrGXA&#10;+nPv3Wy9OsZJP19+6pluuvfunusbsDwP6+/de6xEgfX37r3WJmv/AIAe/de6wl/wP9v7917riAzf&#10;8VPvRanWwtesgULz/vJ9tFq9OhadcS/9P9v7r1brH9eT7917rE5N7fi3v3XuuHv3XuuJYD/X/p79&#10;17rC7Eg3P4+nv3Xuo/v3XunvCYWXMSzu88dBisfGKnMZeoBMVNETYXA5kmlPpihX1yvwLAMy6Jp1&#10;ZV1dctw56LILTYzFwSY/bmLuMbQyEF5HICy1lUV4krKkqCx5Ea6YY7RxqPfgOvMa8OHSVL3+nHvf&#10;VeuHv3XupVFRVeSrKXH0FPNV11bOtLSUsClnkkchVRVHJJJ91fh14CvSyylfSbUx9XtnCz0lblK6&#10;Pwbp3FSNrVl4LYyhlHH2qMP35k/4EuNCMadQZWgPM9XJ0ig/PpF4vF5HOZKjxOKpJ6/JZCdaakpK&#10;ddTu7fQAD6ADkk2CqCSQAT71x6qBXo4FfVYX417QbEYyWkynbW5qQHIVy2kShiN9JVWXiGMn9tWA&#10;M8g8sg8aLGtm6dwg6R/X/W2Po6Ju3u5amSPBSzmvxmGrdUlXlqmUmSN5Y29cqztdki+s/MkmmnBM&#10;muvKtcnj1h7W7UzMla0tRag3S9O0GKw0LHTtiikFiPTZWztbCR5ZAA1JEfEgSViIPDq5NP8AV/q/&#10;1fzTfW/T9LX4tuwuza07a68oQKlROzJU5Ig+mOFQPIsUpBUMv7khIWAG5kT1etAdM/Z/cFZvaODa&#10;+26T+7HXuJtDi9v0to/KsZOiWrEfpLfRhGCURubu/wC4ddeLU6BRmLFYIFZ2ZggCC5ZjwAAOSSeP&#10;ez1UDzPR09kda7b6k2f/AH37Tr2xOVzdM0KYuG4r46dxc0NGEcPHWVicVEq6XhhZoQ8OqWUe6v0A&#10;XZfcOY32kODx9NDtjY+N0xYnauMskWmM/tvUaAiyyD6qthGn9ldWp211ZDnoHzZBdvqf0j340HVT&#10;JqwOpuGwuW3NlqHB4WinyOVyU4pqOkgF2Zjckk/RURQWd2IVEBZiFBIaqXPXqdHHyuH6y6O2vRbe&#10;3VUJunOytFmcltHGOB/Ea1F1QSZOQjVHjKMsRTQP6XOuoeKZ28cTvVuHRYOwe0dz9g1cUmbqY4cd&#10;RenE7fxy+KipUA0qI4gTqYLxrcs9vSCEAUVJpx6rXoM2ZnN2Nz7pQv1roRth7XxtVFkN6btSUbI2&#10;u6/dwI3jfJ1zAtTYmmf665yNU7LcwwBnJUshNwKdWVa9M2Urtzdmbslq1oZ8lmctKIqHEYeFmWGK&#10;NdMNLSwIGKU9NCoVVHCqt2J9Te6ldR6sR5noYIetNkdZ08WV7ly/3maMQmoesttSrJVMSAV/iFVG&#10;+imjN+QjKSPVHK5UxnZIHWvLpL7h7P3r2XNjtibXx8G3Nt1dSuOw+yNrr4opDI4CiqkUI1S17M7P&#10;piBBkKKbt7tXpwdN3YuYx23cXSdVbWq4qrHYWp+93jm6U+nKZgLok0P9WoceLxU44VmDy2JYMWT6&#10;db6BsHTz+T9Pe+HVTnH7euPvQFetk06HnLlOpdgf3aiJi7E7GoUrd1SKbSY3CPZ6bGHjVHUZA2lq&#10;FuGEQSN1sVPu2F68c9Brs3rzeXYFW1PtjDVNbBCf8tyktoqKmUDUWnqpNMKaV503LkA6VY8e9fF1&#10;74ehMNF051e5bLVa9w7yprqMVi2aDb9LKLi01SR5ciUaxARfE4ujqp59+NB14Y6WvaPZu68T1tj9&#10;qZippaDcm/aSPK1+38NElLSYXA8mjx0VPGNUc9cbyTa2MghtDJ6SvvxPWyP9X+r/AFceieFrkBRc&#10;nj3XrY6zU9HWZStocVjoJKytr6qOio6WAXeWaVwkaKPyXdgB7904g8+hy7iq6XauJ270tgqmKWh2&#10;f/uW3pW05/brNwVEYFQ17nUlDEfAn6Sp1o41ID704PD9vWg3n6/4Oi/XVeEGpv8AVN/xA90BA4dW&#10;pXj0MfSm28dl90Ve6tyqTszrfHnd+42YArM0JJo6MA+lpKupAAQ8SIjoOSPdhk/Z1oCgxxP8ugz3&#10;dufJb03Pm905Z9eQzmQeumUEkIGNo4UJ58cEQWNB+FUD3sevShFCjoQ9vdI7nr6GPP7tqsf1ztVx&#10;rXN7wLQSTr6SRQ0ABrKyQqwKhUVHuNL391KVNfLqjy04dDp2HvfbfQ2EwvU21NvY3deZxqruzK5v&#10;eEIdafIVcR8UjY0WiNZDSspi8jMIEMY/ccu3uxamOmFGrP8Ag/z9FA3bvnd2+q4ZHdmfyObqEuIF&#10;q3/ahDG5SCBQsMCX/sxoq/4e/H1PTgFOjE7dI6u+NW4txk+Dc/cuT/uzh2HEiYqm8i1Ugv6gko86&#10;NYi/lgY3AHuo7F+3qp7mp6Z/M9FKvzYDUf6D211fo2vUMLdf9Idr9pzn7fK7iiXrrarWIcefT91L&#10;GfobGUSAn6NSt9fp7dVadNscj9vRSnlvwihQBpDfm3/Ef7D3Ut6dPrH5no2O0m/uF8WN+7nbXDle&#10;0txxbPxknI10kGtZeeCQyCuQ24va9+R7sMKT6460csPkK9FFlJAVPyBc/wCv7a6uuc9Gz71b+6fT&#10;XQ3W6DxTPhpN7ZmnPBWeqGuPUPqWElZUqb/TTYEj6OOKAD8+m4+5mPzp+zoO/jdtyfcnc2xII6eS&#10;WnxWW/vDWzhSyQrQxvVRM5AITXPCiKT/AG2UXHuqcR1tjxP5dL/tvbewYey987r7O32lRNXbiqJM&#10;fsbYfjrcm9PE3hpkrayT/IMW4hjj1IxmkVSbIGFvdmoSSerLwAA8vPoRN7b+/uZ8X9j1nWdFP1x/&#10;fLddTHHS46qeerFJEa+KaaStkAmNTUNTws7xiPQrCNdCgKbMaKKYqemUXU5JzQU4dBr8O5nbtHdO&#10;5chLJUthev8AI5ioqapi7PIaijVjJI2p7ujOS3J4N/rzWLjX5dOTiq09SB0gPjKk9b35sE6jJL/E&#10;auqkeQ8kRY6slkJJ+rFUJ/xP+v7rH8Q625ohJ6bfkNM1V3d2XO6qpXOmnW30tFDFEDz+SEBP+Pur&#10;fEerqBpH2A9AdZF+vrP9B9P+N+2qAfPp0ufLrHO7XABIFr8e7saDqkdKVPXAG0Lf4tb/AHr3QfD1&#10;5jqI66hYESEfhf8AivvaZr1bTTqEzAfU3Ptvp7h1iLE/639PfuvdKXauy9173yK4raeByWdrTzIl&#10;DGSkS/8AHSeZtMNPEPy8rog/LD3sKW4daLBePQkHZvWOw2WbsLdR3nnYmOvYnXE0bwow+iZDPur0&#10;sXqBV0pI6lx/x0Q8i4UA5/l1Spbhj5n/ADf8V0w7i7l3JW46p25tOkxnXGzqkaJtt7MVoPuEHA/i&#10;Fe7PkMi5XhvPM0Z/sxqDb35zTh1sJTjn7ege9t9X64lgP8T/AE9+691xCu/NrL/U8D37rVeu/wBt&#10;P6yH/bD/AIqffuvceuDOzcE8D6KOB/tvfut9cffuvdfVO/l5f9kBfBv/AMU96z/94rCe4yv/AO3k&#10;/wCaj/8AHj1NO1f7iw/80o/+ODo4XtJ0v697917pj3BuXAbVx75TcWVo8TRJwJaprF2tfxxRi8k0&#10;p/CRqzt9ApPtyKJpjRQSfl0nubqO0XXIwUfPz+wcSfkM9B1/Fewd++jb9HUdebVk4bcWciVsxVRn&#10;UCaHHPdKFWt6Zaq8lmDrT8e1OiO3+Lvb+EHtH2nz+wft6LPGudx/swYY/wCNx+ow/oqfh+1s+enp&#10;ZbV2LtzZ6VD4mkklyVcdWUz+TkapyFY3F2qauUtLJcqCFBEan9KL7YmuGm48BwAwo+wdLrPb4rKu&#10;gdx+J2Op2+1jk/Zw9B0r/bPS3r3v3Xuve/de697917r3v3Xuve/de697917r3v3Xuk5ufdmB2fjT&#10;lM/XpRwNIIKWFQ0k9RM36IKaBA0tRO5+iIpP5NlBIdihaY0UV/wAepPl0muryOyXXIaDgBxJPoAM&#10;k/IdBsu390dostVveGq2tsVj5aPYEMhStr1/sSZ2eJgYoyPV9jE1gSBUSMyaParxEtMR9z+b+Q/0&#10;v/QR/Lor+ml3XM9Y4vKEHuf/AJqEcB/QH+2OKdDLS0tNQ01PRUVPBSUlLCtPTUtMqpHHGgCqiIoC&#10;qqgWAAsB7QkljU5PR2iCMBVAAGABgAdZ/eurde9+691737r3Xvfuvde9+691737r3XvfuvdA3kMx&#10;W9l5Wv2pterqaLZ+Lmaj3nvCgYo1TKptJh8XMCCJLcVdSl/Cv7UZEza41yxi0UO4qxyqnyH8R/yD&#10;z48OJJJO26OYYiRGppLIPxHzRD6/xMOHAZNQK+NxtBh6CjxWKo6fH47H060tFRUqhI440FlVVHAA&#10;H/FTz7Ru5ckk1J4no3iiWBQiABQKADAAHU33Xpzr3v3Xuve/de697917r3v3XumzM5ehwGKr8zkp&#10;GiocdTNVVDRqXchRwkcagtJLI1lRFBZ3KqoLED3dEMhCjiemp51tkLvwUVPmfy9SfIeZ6T+zMRX0&#10;lNXZzOxrHuXc9QuSy0KtrFLGoK0eORwSDHQwEIxX0yTtPOoHmI9uTuGIVfhXA+fqfz/wUHl0msYG&#10;QGST45DqYcdI/Cv+1GPQmp8+ln7Y6X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zobsx/r/h7yQ6w/65hAPryffuvdeLgfTk+6F6de6xkk/X3TLde669&#10;3CU691wLgfTk+/F6cOvdYySfr7pQt17rr24FA691wL2+nPvRenDr3WIkn6+6AFuvde9uBQOvdYy/&#10;9P8Ab+6l/Tr3WJmA+pufbfHr3WIsT/rf09+691x9+69173YLXr3XvpyfbgWnXusZf+n+392691j9&#10;+6910SB9ffuvdYy9/px7917rh7917rokD6n3omnWwK9Yy5P049tl69OBKdcPdOr9dEgfX37r3WMu&#10;T9OB7917rh7917rokD6+/de6xFif8B7917rj7917r3v3Wi1Ove/dNFieve/dV64PIqfU3P8AQf77&#10;j37qwWvUV5Gf/Af0Hv3TgWnXQYgWH9fr7914rU9Y2YD68n37q3WIsT9f9t7917rr37r3XEsB/iff&#10;uvdYixP1/wBt7917rr37r3XAuB/iffuvdYifqT/r+/db49Yi5P049+6cCU64e6NxHVjw66JA+vu/&#10;THWMuT9OB7o5p1dBXrh70i0627V66JA+vtzpvrEzX/wHuj8Orpx6wl/wP9v7a6d6xM1vqbn37r3W&#10;IsT/AK39Pfut1Jx1x9+6uE9euJYD/X/p791YsF6xMxP14Hv3VusRf+n+39+691j96Jp17rg4JAtf&#10;6+6K9ePXgK9dBPyf9t78X9OnAnr1yLAcfX/Ae2+nOsRJP19+69117917rgXA+nJ9+691iZvyT791&#10;7rEXJ+nHv3XusJcD6c+/de6xkk/U+/de6dMJhanOVEypLFRY+ii+6y2VqriGlguFMkhALMzMQsca&#10;gvK5EaKzED37rYFepefzlPVwUuFwsMtHt3GOXpoZbCaqmPD11ZpJVqiQcKoJWGLTEhazO+gOtlq4&#10;8uko/wBP9j731XrF7917rnTw1FZUQUlHBNVVVVKtPTU8Cl3kdyFRERQWZmY2AAuT7oX9OvAV6Xdd&#10;NBsejq8JRPT1W6q6FqTcOZgYSLRRONMmMonW6+ZgStXUKTwTTREIJWnoc56uTowOPSAggqKyogpa&#10;WGWoqqqZaempoFLO7uwVERVuzMzEAAXJJsOfeia9UGejk4agw3xs2iu5M3DR5TtTclG0eIxUhLLR&#10;RsF1qxUmyxEgzutjI37ETaA0h107TQOmDa+zaLH0k3d3etZUVCVlSK7D4CsAeoyMzDVC0kDFQYyA&#10;PDB6U8ahpNFOult8evUpk/8AFdJzsDsTNV+Rg3Tn4kj3LUQH+4WzWu8WCpJgpiylTGRaTJVC2anV&#10;1B/TUMgjFNH72M9XJp1N211zt/YGKTsnu13lqat3q8BsWpOusrqg2fyVqOdTEs2p439KalNQ1z4j&#10;onrwHmePQOdk9o7i7Ny4q8o60uMpGKYbA0pP29LHwP8Ap5Myga5CLseFCIFRddeLU6R2FwmY3JlK&#10;TA7fx9TlMrXSaIaWlW7H+rEmyoijlmYhUFySBc+/dUA1ZPRoYsHsz44U1HltyLSbz7bqacVeHwUR&#10;Jo8Ze4WeVrAs6sDpcjWzC0KoAZvfurHotG8N67i31mZ83uTIy5GvmJWNPpFBHe4hp4h6Yok/oOSb&#10;sxZiWPut8OkqSI/qdUn4H4HvfDqoq/2dCX171NubsJ5a2Ew4XbNGS2T3Vl7pSxKv6xGSV88qj+yp&#10;Cg28jxgg+6sK9OhQvQz723Ztno2jk2P1TEr7wq6UJuve1eqyVcCtZhTRBhphnbhmQKFgUKGRqgl4&#10;vAU62T69FFrK2oq6ierqqmesraqVp6qrqWZ5HdjdmZ2JZmY8kkk/1v7303XqBe/J5PvRFevdKnZ2&#10;1K3eOaixVLLFR00cL5DMZaq4goaKEa6mrnbgLHCn4uCzFUX1MB71qrw62BXoxOT6/bclBja/OV6d&#10;W9J7Wian23LnVb+IZHXZ5q6Oh4mnrciRr1FQEj8aRJIsZvsV6uW0/wCr/V/n+XSQy/c2H2nQVO2u&#10;ksI+1aCaM02Q3pktMuarl4u3lsVpI2IuFTlTZkELcChf06px6L1UVFRVzy1NVPNU1NRIZp6ioZnd&#10;3Y3ZndiWZmPJJJJ9t9WCV49DXRN/ol2hHmXPi7G33jGXBR/SXD4aYFJK7mzRVuTW6QEepINbhlZw&#10;vtwA9O0p0BAH1J+g90Ar1Uny64s1uT9fdgtetA+n7ejCdC9b5DclbXb3kwUudxm1HH8Iw5KpHkct&#10;YNTQTSyFYo6SmJWapdmsE0ppcvpNyOtgBcn9vUzcMPW2183ks/2RnpO3+wsjVvX123NsTGHEQzub&#10;+OryIGuVY7BVjgUCMKInj0Ae28Djnqx/1f6v9X2dBpvfuDeG86ZcO9RS7f2rAAlJtHbCfaY+NB9F&#10;aKMgz2PN5CwDElAg4GietD16mdS7cxUlTluwN2wmTZfX8KZOupjYff1xb/cfjEuCGNTMAZOCojBD&#10;6VcH34db6Dbde58rvHcOX3Nm5zPkcxWNV1DXOlQbBIowSSIoYwqRrc6UVR+PeuvDPTIqto1CwLDh&#10;m+gH9f8AY+/dbA6Hvqenoth7cz3dOWhinqcQ77e68pKsArU5meMhqkRsCJIsfAxkJ+hfgMHQe910&#10;iv7Pt6satj/VTov9ZW1NfU1FbXVEtTVVU71NTUTEszySMXd2J5LMxJJ+pPtPlunAKdcIIZ6mSKCl&#10;gmqKqpkENNTwKXd2Y2ARFBZmJ4AFyfd6aetHPR1Mp1xQbJ6f21tHd28MRsCLctWN49gS1IeoylTI&#10;oH2GKpMdD+9KlKvqmZyscVQFYFruBegC0rT168DU9A03aWzNijwdR7NhhyaJoPYG+lirspqH0lo6&#10;T1UGPYH6MFkYqbNyL+6l6cP59WNTx6mdTtXb233Wdi9iZXJZvC9eY1t5bhrsnK0zv9tdqCiTyFlv&#10;PVAaIRZGRHQAXA92U+Z+3pts8PsH2/7HQE7q3JX7t3Dm9y5VxJkM7kZcjU6SdKmViwjS/wBI4lIR&#10;B+FUD8e2a5r04MddbT23X7w3Ngtr4xdVdncpDjYGsSE8rhWle3IjiS7ufwqk/j3vLHrRNOhy+Tu4&#10;8fVb1x+xcJJp2x1bhYdo4yniNx540j+8c/S0gZEgf+rQX/Ny45B+wdUStPtz0WxWd2WKniOuRgiJ&#10;GCzsSQABbkkn8D23q9Or0r0a/wCRUqbG2f1X0vTSKH21gRuPciRkENkq0yXvYmzRs1Qwvf0TJza3&#10;txu0U60O41/1UHRRVEkzpFEjPJI4jjjTksxNgAB9SSeB7Z6d11PRtPkxKu1cR1L1BTsirsraCZTN&#10;LEQQ1dWWWQtYlSweGSQW/E/1N/bjnAHp02raqt6nH2DoHOr+qN3dlbgxMOMwORqMA+XggzWcZPHS&#10;QQGZBOTUyFImkWLUVjVjIxAVELED3QCvTxYIOjI/IjP9PHtCvrtyTZ3fmVwNFBt2j2RhT/DcdSLT&#10;qzyRV2SIknkbzzSHx0sYCfoeQMCvtxyCa/y6ajBVfT5+tenv48dp53Jz9kZ5MZgNr7F692DU5am2&#10;ttilSlpfurGSCWplOuqrJ2gpJhqmlcFmZlVSfelbrzKKAepHVesjvPUvLK7SSSyGWR2+pY+pif8A&#10;En230+ejdfJVxhuvPjzstDpkx2xjm6+O/wDu2qholvpsLASxz2P1Nz9LG7kmKfZ01EKVPz/wdY/j&#10;JH/D9mfInc5vG2J6zkoYJeQfJVQV7xqNILjVJSryCAPq34I1GeP2damOVHzH8ukv8SIo5e+doyaX&#10;kakpMnU3H6RfGVcV2Fj6f3bfUckf7GkVA1c/6h1aUdv7Og47uqxU9tdny6nsN+5SnAkt/uqsmiNu&#10;TxdOP8LfT6e9OeP2n/D1ZOA+wf4OgmVruoH+q+vtlePVjjrhKfWx/p/xHvb8evKOA64sf8nW/wBW&#10;f/iv/FPez8PTgGeuMTFY5rf6nk/7A+/LwPW3yeldtDrPeu+I56vBYaT+D0V2yW5co8dFi6VVtqao&#10;yFU0VLHpBvp1lz/ZVjx7qFJ620gTj/s9LNsd07sIf7mMnUdu7kiuGxW3Hmx+34ZAbWlyUiJkMiv0&#10;P+TxU6MLgTfQm1Avz/wda7m+X+H/AFft+zpL7r7d3humgOBjmodr7RV9UOzdnwLj8avFryww/uVc&#10;h/MlS80hPJf3osT/ALHW1QL8z6noLWa3Fufe0Hn1frEST9T73J17rsIfqfSP6n/iP6+2+tV6xlo0&#10;J0rra/1f6f7Ae/de49Y2dnN2JP8AQe/depTrj791vr3v3XuuiwH1/wBt7917r6p/8vHn4A/Bo/1+&#10;HnWf/vFYT3GV/wD28n/NR/8Ajx6mnav9xYf+aUf/ABwdGyymVxmEopslmMhR4vH066p6yvkSKNf9&#10;d3IFz+B9SeBz7TIhkNFBJ9B0rlmSBSzkKBxJNB/PoNW3huveB8HXmG+wxMo537uuKSOmKn+3j8aT&#10;FV11wfRJIYIL86pF+qvwEg/tTU/wKc/mcgfzPRUb2a9xbLRT/o0gIX/argt9poPt6eMB1xh8VkE3&#10;BmKmt3duwL/x8e4SJXiJNytDTgCmx8d/osCKbcM7cktyXTONK0Vf4V/ynifz6ft9sSJvEcmST+N8&#10;kf6UcFH2D8+hC9pujLr3v3Xuve/de697917r3v3Xuve/de697917r3v3Xuve/de6C3OdiSz5Op2t&#10;17jY93bpp28ORnLlMViyeNWSrVDDyKeftodc7aWFktf2sjtaDXKdK+X8TfYP8px0Uz7kWYw2y+JI&#10;MMa0jj/0zev9EVb7OpW2evYsdkhujdOSl3fvV4ygzNeoWCiR+Wp8VSXMdDAPoWF5pOTJI1yPdZbk&#10;sNCDSvoOJ+bHzP8ALq9rtojbxZW8SX+I8F+SDgo/mfM9CR7S9GfXvfuvde9+691737r3Xvfuvde9&#10;+691737r3XiQASTYDkk+/de6BysyuR7PqqnBbXqp8fsOmnak3HvSik0SZBkOmbHYeReRET6KitU2&#10;WzxU5Ml5Y16otoNTir8VQ8B82/yD9vRI8zbqTHESIgaPKDl6cVQ+nkz/AGhc5Aq4zF47C4+kxWJo&#10;qbHY2ggFNR0VIgSONF+iqq2A/wAfyTcm5J9oncyEljUniT0bxRLAoRAFUCgAFAB1O916c697917r&#10;3v3Xuve/de697917r3v3Xug5Q/313KJQC+09m5E+Fv7FfmYTYsPxJTYhrgHkNXXI0vRAsqP6Cf0m&#10;H7FP+Vv8H29Fg/x6Wv8AocRx6PIP8if8f+adCN7S9Gf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zpSVX/ig95HlqdYf9YyxP8AgP6e2ixPXuuP&#10;uwT1691xLAf6/wDT3YkL17rGWJ/1v6e2yxbr3XH3YJ69e64lgP8AX/p7sWC9e6xFifr/ALb22SW6&#10;9117sE9evdcSwH+J/p7sWA691iZr8k2HtotXr3WEvf6ce9de64e/de6972BXr3XvbgSnXuuBcD6c&#10;+79e6xkk/U+/de669+691wLgfTk+/de6xkk/X37r3XXv3XusZf8AA/2/uhf06uE9esZJP19tk16c&#10;Ap173rrfWMv/AE/2/v3Xusfv3Xuve/de6xl/6f7f37r3WP37r3XvfutE0697902X9Ove/dU66LBR&#10;cmw9+62BXqM8xPC8D+v59+6cCU49Yffur9e9+60TTrG7EcD/AF/fuvKa9Y/fut9dEgfX37r3WIuT&#10;/gPfuvdcffuvddFgPr/tvfuvdYixP+A9+691x9+691737r3Uf37pR1jL/wBP9v70RXptn9OsfvfT&#10;fXvpyfej1sdYy/8AT/b+9BqnrZWg6wswH+J9268Fr1iZr/U2Huj8OnQtOsJf8D/b+2ut9cPfuvdd&#10;EgfX37pxMDrGXJ+nA9+60Xrw64e/deCV66P0P+t79WnTladYPfut9e96Ir17rokD6+6suMdWU06x&#10;Fyf8B7owp04pr1x916t10WA+v+29+691iLE/4D+nv3XuuPv3Xusb/j37r3UZybkfj37r3XD37r3T&#10;vhsNU5qqeGF4aampYTV5LJVZKwUsCkBpp2AYhQWCqqhnkdljiV5HVT7r3UrO5ymlpKfAYNJabbuP&#10;lMymYBZ62oIKtW1gQlfIQSsMV2WnjOhWd2lll91snpJF/wCn+39+611iJsCfr70TTr3XBVkmdI40&#10;aSSRgkccYJLMTYAAXJJJ4H19slq9e6EWYw9f0s1Eih991cRhyFWCCMNE62amgKkj+KSIbTyX/wAl&#10;UmFbTmTx+6vhR8/8HQbklj/j9AB/vQ97pq6p0cHY+1cH0ftVe0OwacTbtr4zFs/a8gXyRu6alZgb&#10;mOdlsZHI/wAnjOkgzOIx7SenVXT1lx+Ip6GOq7074Y1FbXyLNtPZsgIZ2Hrp0FO7emNB/m4WuqJe&#10;WouzW9+pXh14cf8AVjpB5rcu498ZnG7w3HjhmM5lHNN1j1tCjSxKjXC5GphIs1GjrcawDWSoS2ml&#10;iI966uM5/YOldJT7c6KR92b7qafe/c+XByFBh5JPLFQPIbionfn1qefJwxPopwFVp/fq9eHRV92b&#10;w3DvnNVOc3DXSVtdUtZF/THFGCSsMEY9MUSD6AfXlmLMSx1x68TTpW9d9Vbi7AqJHohFi8BRHXmd&#10;0ZL0UtMijU9mYqJZVXnQCAODIyKdXvZ6p8efLox6712J0ptKaTYdCtbUV4koaHcleCKrOVURCyzQ&#10;nRqjw9G55caFmkHhpxq81Qu+HVwa9Ery+Xym4MpXZfLVcldlMlUNVV1XL+pnb6/QBVAHAVQFVQFU&#10;AAD3rrRbz6h08E9TPFRUNPPWVlTIIYIKZGeR3Y2VI0UFmYngAAkn6e6FqcOtU1cf2dGExvWO1OuM&#10;fT7n7prf8umiFVhetcZIGraq99LVrI37ENx6gGUD6NJ5AYG8AeJ6dUdPW5e085S4XH5/I09HgGqq&#10;YP1d13jlVaPHUw1KmcrIQqrPOlrUCyLo8gaoWFUVNdwK9ePoOiqVFTNUSzTzySTVFRK0088rFnd3&#10;JZnZjcs7Ekkm5J+vPujvTA62q149N/vxanTfQhbB6u3n2TW/a7Zxby00UgjrMxV3io6e/P7kxBu1&#10;udCB5COQhFz7rl+t06Huo3zsDobDV+zNnUtHv7fU1Skm49yV6f7joamAnxRRxgk1S0chLJGG0rN+&#10;40hkUIm8Jjj1utOix7t3lube2TfL7ozNXl697qrTtaOJSb+KCFdMUEd+dKKoJ5NzcnRq3+XrwGrp&#10;KkgfX3RhQ9OABehU69wOKp6Sv7F3hTefaO2ahYKTGvwcvlGUvTY5Lg3iWwlqTY6YRptdxba+vXtX&#10;SB3HuDLbtzmT3HnKk1WTytSamqlPCjgKkca86IokUIijhUVVHA9uA460Hx1I2xtPc+9cimJ2pha7&#10;L1ZIEn2y/txBjYPNM2mKBL/2pGUf4+66fXr2nzPQ/wCz+pOv8buSgwG7M6u+93Syl6vau05SmNoI&#10;4hrqJsxl7DRFToG8qQgSI6hLPqANq0x1uvSP7b7gq9xVtTtPZU4291pib47FYXCKKWGqRWPkqJ1j&#10;CM6VEhLrG/pC6WZfKXZm2avWwKdF/JEYJJ9TE29169x6l4XEZLceXxuCw9M9Xk8tWR0NDTpwWkkY&#10;KtyeFUXuxPCgEk2B9+630LfbOWx+JpsT1JtSpWfbuyJXkzuSi4TJ51horaw/1jpzeCEc6UVrMylT&#10;79XqxFOgQUQrdiTJp/P4v/QD8+/dezw6fNp7ay++dzYfa+ITyV+YrVpYrg6I15aSZ7ciOGIM7n66&#10;VP1Pv3TmEHQo9n5GTd+4sJ1r1tj6/MbZ2HSNgNu0eLheWSsnBDZHJukQbU1VUAkvwvjVX9OpveiQ&#10;+OvDGT1ji6jwG0tNX3FvKm27IirK2y9rmLIZyRTY6ZArGjoCwN1aZ2vYgqD7sF09aL+nQw9Rb7wV&#10;Lk83nNn7MoNkdfbBwsmY3Nn6u1dmsg1mSjoWr5k0Uz183+6YVVbK6I4utvV/Z1orT7T0UHd26crv&#10;LcmY3PmpmnyWarXrJ2JJCA8RxJfkRQxhY0H9lFUfj2nJr050m15N2PA5P/FPe1FetE06MXvTV111&#10;Dtjr+O0e4+xHj7A3mUNnjoh6cRQSWa5U2M7IwBjlFhe59uEYp5nj1XA/wdFuKov1Os/0X6f7f3Sg&#10;HHrdSejTfHaCl2jiuwO78tBG1LsPCvjdtRSg6ZstXL4o1BFr6FkSN+bhakMAbcXU0FeqkVx+3oq1&#10;bW1OQq6qvrZnqKutqHq6uokPqkkkYu7sfyzMxJ/xPtnpzobPjZtGPd/bGBarVBh9rat35maXToWK&#10;hKvDr1+ko9W0QYH+wXJFgfd411HrTHSOkH2lvGbsLsLdG6f3Hjy2Wf8Ah0ZB1CmjtBSJa19S08ca&#10;njkgm3PvztqPWlFB0NnQvQW88vvjaOf3LhGwW26DIpnfHnitPUVi0ZWZVp6KS1TNE03jDuUWLQx9&#10;ZNlO0Spz14mg6ydo9sdXS753JurB7Tk7C3Lka/TFmt7tbEU6U8YpoVo8TAymriEMaeuqkGptT+Ea&#10;hbZIzT+fVkQ8PT06U3x23puvfvZVTu3fGeq6nbfWe1a3cMOLp1SDH0pMP2saU9DAIqWIpTySsrBN&#10;X7QuxPPuqmp6tJRRQeZA6JvnszU7gzeb3DXG9Zm8rUZaqJN/3amZ5n5PJ9Tn3TqzeQ6NBs1v7p/E&#10;zszPAmKu39uyl2tRED9UEBhL3P51RtVrYfSwN+SBcYU/s60T3D5A/wCborm3cTNms5h8REG82Yyt&#10;PioQttWqomSJbX4uWcWv7oOrlujJ/MfMR1fcLYmnVUh2ttegwsUSm4TWslaPT9FOisUf1IC82t73&#10;KTWg9Om4QaVPnnqd1oDh/ip3ruAsA+az2P2zFqIuxSSh1qAW+oiyDN+kcA8tay7QUU9abLqPSp6b&#10;fhZStVd0eVBIf4ftKvrGKC4AL00HqP4W84H/AAYgfn35OPV5wQnRduw6xshvjeFazSM1buvJVhMx&#10;u95ayZ7sbm7HVyfyefbUh6svSRhHrv8A0BPuqcerdYHbUzBRcsxAt/ifx/X3U8erqvmehZxXTm6q&#10;rF0me3PLjevNrzr5Is/veU0gnSwP+RUWl8hXlla6+CB0PF3UG/twpgVx9vVFfuPn5Y6c49xdR7Hi&#10;l/uvtyo7OzsVgu4t+xmmxKOLeumwcEvkqVIJH+WzstwCYPexQA0z9vW2BY5x9n+f/V9vQdbv7F3n&#10;vp4P7zZ6rrqSjUJjsRFop6ClVRpVaWhp1ipKcBQBdIwSANRPtssW49OqgXh0hX+v+w916t1w9+69&#10;1xdOfWQvH0/P+293B09V1enXHWF/Qtj/AKpuT/xQe6depXj1wJJNyST/AI+/dW4dRz9T/r+/de66&#10;9+6910SB9ffuvdYy/wCB/t/fuvdT8RhsvuDIU+KwWLyGZylW+imx+LhkqJ5D/RIolZ2/2A9+pXrR&#10;NOvqD/BHL75Hwf8AhttLbm05KDIbe+KnXm385uLeAenoaero9o4enqY6anjP3WTaKaJ01R+KnZlu&#10;tQym5j2+hSOaQyN+NzpXLfEeJ4D+Z+XUrbddzT28SW6cI0BkkqqAhQMD4m/Kg+fRt8f1rjHroM3u&#10;+uqt9bgpzrpqzOKgpKVv+mHGoPtKW1hZysk1xczE+0bXZppQaF9BxP2nif8AB8ul8e1IWEk5Mrjg&#10;XppX/SqO0fbk/PoSPaXo0697917r3v3Xuve/de697917r3v3Xuve/de697917r3v3Xuk5uXdmA2j&#10;RJW57IR0izyeCipUDS1FTKbAQ0tNGGmqJmJFljVjzc2HPt2GFpzRRX19APmfLpLdXkdkuqQ0rgDi&#10;zH0AGSfs6QBoN79jWbMtW9f7Kl5/gNI+nN5CI2OmuqYyRi4HHDQwMaggssksf6fanVHa/DR39fwD&#10;7B5/acfLou8O43P46wxfwA/quP6RHwD5Du9SOhNwuDw+3MdT4jBY2jxONpQRDR0SBEBPLMQOWdjy&#10;zNdmNyxJN/aSSRpTqYkn1PRrBbpbKEjUKo4ACg6dfdOnuve/de697917r3v3Xuve/de697917r3v&#10;3Xuo9VVUtDTVFbW1EFJR0kLVFVVVLKkccaAs7u7EKqqouSTYD3sAsaDJ6q7iMFmIAAqScAAdBGxy&#10;nbJ0J/EMF1iSRJL66eu3CnqUqlistHhpBYliFnq1NlEUJ1SLcWfoZP2hP87fyH29E1X3f1SD14NM&#10;P8Kp/NvkOIuUlJS0FLT0VDTQUdHSxLBTUtKixxxoosqIigKqqOAALD2iZixqcn1PRyiCMBVAAGAB&#10;gAdSPeurde9+691737r3Xvfuvde9+691737r3SD3TlK6vrItl7cqnps1kYBU5fKwWJxeOZij1INi&#10;BW1OloqNT/uzXOQ0dO6MphQKPEfgOA/ib0+wcT+zz6LruVpGEERozCrMP9DT1/0x4L86ngpHSuxm&#10;MocNjqLFYymjpMfj6ZaWkp472VEFgLm5Y/kkkljckkkn2w7mQljxOT0thiWBQiCgAoB8h1O916c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c/&#10;7yKCk9Yf9dEgfX25QL17rGXJ+nA90L14de64e/BCevddEgfU+74Xr3WMuT9OPdC9evdcPfglevdd&#10;EgfX3fC9e6xM5N/wPdC9evdYi9vpz7p17rEST9ffuvde9+691724E9evddFgPr/tvbgFOvdYixP+&#10;t/T37r3XH37r3XEsB/r/ANPfuvdYyxP+t/T37r3XH37r3XEsB/if6e6lgOrBSesRYn6/7b20Wr06&#10;Fp11711vriWA/wAT7917rEST9ffuvdde/de64FwPpyffuvdYySfr7917rr37r3XvfuqF6de9+6bJ&#10;r1737rXWB5gOF5P9fx/xv37q4SvHqOSWNyST7904BTrr37rfXvfumy/p1xLAf6/9PfuqgFusTNfk&#10;8e/dOgU6xF/6f7f37rfWP37r3XvpyffuvdYy/wDT/b+/de6x+/dWC169791Xr3v3XuuJcD/E+6l6&#10;dWCV6hEk/X3smnXqluuvdNdT1bRQdcC4H05PvZenWglesTN+Sf8AYe6ZbpwCnWIuT9OB7cVadeIr&#10;1w926qXpw64P9P8AY+6P1pMnrF7a6c64M9uByffuvdYiSfr791sLXr3v3ToUDr3v3VS/p1xYgAj8&#10;2+ntqhJ/PqoBJr1h9u9PdYy/9P8Ab+/de6x+6lqdWC166JA+vts1bpwUXrgX/p/t/fitOvBq9Y/d&#10;erddEgfX37r3WMvf6ce/de6xM4F/yffuvdYWb8k+/de6csNiKzO1ZpaUxQRQxGqr6+qJSCmgQjXP&#10;PIAdEa3A4BZ2Kxxq8jqre62BXpwzmZpDSRbewAmiwNJP9xNUTDRNkKgAr93UqCQqoCVghuwgRmF2&#10;kkld/dePSOJJ+vv3WuuvfuvdcWBIsASSbAD/AF/dW4de6ESNYuvqZJ/ITv6pivGi/wDLkidSLtcf&#10;8XeRT6R/yhqdR/yor9u2B1f4Pt/wdBu7l2LsSSTckm/+JuT+feia9U6Nb1TsHDbFwKdx9lRFKaAL&#10;Ns/AOqtNUzOD4ZhC365ZDzTqbaQDUNZVVh4HpxBT/Vw6XFbJDhJ37s7vCHNOunr3rpWBanUeuEGN&#10;v93qWDOzC0LEySDymOOPZPTlfIft9P8AZ6CvE0O8+7NyQ7w3NQvlqeeaSDam19bxUjCNvU8rfWnx&#10;FI1vuZr+WqlAp4dcrMYvV62BTpU7t3/genzk6HbVZTbw7by0fg3NvadEaCgIAX7SjiAMcaU6qEjp&#10;0tGmlPNq8awr7A6ozU6J3kq+vy+QqcjkaqoyGRrpjPVVdSxeSSRjcszEkkn/AI0PdevKa5PRhNo9&#10;PYrbuIh3z3LWSbd2+37uM2yDpyWSYAMIxECJYY2uLrxJpuzGBLS+7Up1r4vsHTlmewm3finq66gG&#10;0OnNuTijxmz8Qwhky9Un7kVCZEUFiwIkqHA8dPGb+udo2fxGnrY7vs/w9F23Fn8jufKzZbJNCkhj&#10;SlpaWlQR09JTRDRBS00Q9McMMYCqo5/tMSzMx114npT7C6w3R2HPL/CIIsfgqIlstuXKHxUdOii7&#10;lpD/AJyRV50Jci4L6EuwpUnh1tUrk9CXVb/2J1FTzYfqWnh3Lu54mpsl2Vlo1ZYyRpdMbCboE+tm&#10;/QRbU1SLEaBpgZPVuHQf4SmSWKt7V7HlmzdMa5o8PjMlIzS5zJIAfGxN3/h1INJqZOEtppozrey2&#10;C6ePHqyjV0HGfz2T3Ll67O5qqaqyOQm808p4AsAqIijhIokUJGg4RFVQAAPfiaZ63jqLicTltwZC&#10;nxODx1ZlMlVvop6OhjaSRv6nSoNlUcsxsqi5YgAn2zx60Wrw6HuLrrYXV0CZLt7KLm9x6BNSdabb&#10;mDSKSLr/ABOrQ6YEJIuiEG3qRphqUOBPXrXDpW737e3Ltna0FAsFHtTO7hx1sBszAoIKfb2ImF1n&#10;mVQpfL5BD6NQBpoi0irDJLoG2ag63w+3onlyLk/rPN/6f8bPtvh9vVOsJcD6c+/K2nqytp6Vex9o&#10;Vu+M/DiIJ46GjhhfJZzMVP8AmKCggGuqrJjwFSJPoCRqcqlwWB9+HcetVrx6XGfky3Z+cxuz+tcB&#10;k63a214Wxu18TTISRGz/AL2SrnISKKor5R5JZJCiLdY7+i5vTq9K/IdPbbH6363DTdm7hTdm5YeV&#10;692XNqWOQf7ryWTFkg0nh44rSL+pTIvvRIHWvh6SW5+5d0ZygO3MBBQ7G2j/AJuLbG0kNOkgI0/5&#10;VOtp6uRxbWWIVzyUv7qW6d6e88R1PsptmwkR7+3xRRVm+J1t5MdjH/dpsQG/Uk9UNM1ULj06ImDK&#10;Q3v3Ade6AQt/sR9L+9dVJ8uoxV5GJ5/pqP0sPeurDHRgdsBOpNgy7+qLpvvfVLNhuv4msHocebR1&#10;2ZtfUkkqkw0zek8mRdcbNa3Adep0Xl5XlOm99XtuhPTooor0p9rbG3bvms/h208DkMzJGwE8tMlo&#10;Ir/2p6hysEC/0MjqP6e7daGMnz6NJgMDtL47bZrM3vvIDP7t35ipMVhsZs6VWanoDp+7Za9gEhM7&#10;MsTzRqWUAimLnW6WHb1XUWNOgNzPd24DQTYHYmOxvWe2pbLJj9phkq5wuoKazJt/l1TJpbSW1oGH&#10;DJ7qD+XTmn16B4iWaURKJJ6iokGoC7O7seAPqzMWP+uSf6+6lqdeXuz+zof+0Xi672TtrpyjbTmJ&#10;DHvTsiVSL/xCohU0mPJHOmipyGZblGdkkFmv78/Cn5nrS9xr+Q6LmQWPA4/qfdNB62WA6FrpfaWO&#10;3VvanbP2TaO1qOXd28amUftrQ0S+Vo3/AKiokCRFR6tDMwvpPt1V6rU8fyHSQ7E3rXdg7z3BuysD&#10;RfxevaSlpCb+CmQCOmgH4/ZgRVNuCQTYX9+Y+Z6uBTpEIrzSrDGrM7sEVUFySeLAD6k/j2zTUevE&#10;06NN3rUJ1319110hRsiZCloxvXffjIua+qDeGB2U2PgDSCxvdFp2/AJdIrjrS+vRZ8BtvcW7MhHi&#10;9t4XJ5zIScrSYyF5mA/LNoBCILcs1lAFyQB7ZAr1bo7+zNn4rovpneeV7NyU2Gy3ZU67Whh2uaev&#10;rko0SQVFLC4f7WKqkU1CysZDFCREWZpQIvbqjQCT02asaDyyei5N3DjdqqabqbZeK2fIqGL+9mY0&#10;ZXOOCTd0qqiP7aiLr9Vp4VKmxWTUNXumqnD/AGenOhZ6pzWWwfU3c/dG48lkMpuLOUqdfbdyuUqJ&#10;JahpagL9wUeRmdhG1RFKObf5O4H0Pva+vWiaU+Wf2dEykbU3+A4HulenkFB0bbZKnY3xZ7H3Xfw5&#10;LsrcEOy8W1v10sQZZvV9bPG1cpH09A+tyBYYFeqPlh8s/wCToo7AWVTckeo2/r/r+6dWFTkdG57v&#10;cbU6P6D67jYRy1OKl31lacAgrLVL5Ydd/q6tX1CH+mkgcW93bgOtIKsT+X7Ogy+OuF/jvdXXlGVB&#10;SlzX8dkZhcD+Hwy1qnn8l4FA/oSPel49bfAJ+VOk53hnhuHt3sTKiXzRvumqoqeUf2oaR/tIWH09&#10;JigUi/NrX59+Y1PVlFAOhnzBOC+GW2Yr+N96dmy1hj/LxwfeRlj6zwr49ByB+Dp/tnZ+Efb00vc5&#10;Pyp06/BaGKLsHemWmZUioNivDLISfSstbSSsbC9xamufyLcfU+/Jx6duvhH29FApMXnd25pqLBYf&#10;I5vLV0zSpj8RDJUSksxZiEjDvpBbkngDkn2ww1HHXlwOhNj6sw21RJUdrb2xu254hdtnbZ8eXzjE&#10;cmKWOCQUGPc2t/lNQHU31RXsDZV05P8As9VY6qAf5v8AV/g6jntXDbUBh6o2VjdtTxqyJvHcvjy+&#10;cY2AEsUk8Qocc5H/ACrU6ut+JSeTTXTgP8/SgJXify4dBRuLOZncWRkymeyuQzWTnF6ivyc0k8zc&#10;ngySMzWH4F7D8e/P8+vR8OmkHTA3PBP/ABT378PVSatTqL6nvoU2/J/439B7p06TTriwROWbWfyE&#10;/wCK+9069UnrCZm5C2QH/U/X/b/X36vXqdYveuqO1Ove/dbQU66JA+vv3V+sJ5JP+Pv3XusZcD6c&#10;n37r3T1t3a+5N4ZKPEbYwuSzuSkGoUmNiaUqo/VJIVGmKJBy0jlUUXLMAL+9gV60TTJ6EsbJ2Bsm&#10;03Y+6xncxEfVsHrqWGolVxz48hnGWXG0YBBV1phXSg3UiM8i2kDj+wdaqTw/af8AN/xXTZlu4s4M&#10;fVbe2PQY/rfa1XH4KrF7V1rVVaf0yWWkLZGvLD9SNKtPydMCDj3rV17T656+n7/Lv/7d/wDwZ/8A&#10;FO+sv/eKwnuML/8At5P+aj/8ePU17V/uLD/zSj/44Ojie0nS/r3v3Xuve/de697917r3v3Xuve/d&#10;e697917r3v3XusFTU01FTzVdZUQUlLTxmaoqal1jjRFF2Z3YhVUD6kkAe9gFjQZ6q7hASxAAyScA&#10;dBY++M7vBno+ssfFLQFjFPv/AD0ciY1PwzY+D9ufKyKbhWXRTahzMw4KwW6wZlOf4B8X5+n+H5dF&#10;Bv5L3ttRjzmcEJ/tRguf2L8z0/bb6/xWDrWzuQqavc+7Z4ylTunOlZKgKeWipY1VYKCmuTaKBUFv&#10;1lzz7aluTINIoq/wjh+fmT8z0ptduS3bxGJkkPGR8n7B5KPkKfOvS89p+jDr3v3Xuve/de697917&#10;r3v3Xuve/de697917r3v3XumHcW5cNtXHHJZqr+3haVaalgiVpJ6mdzaOnpYEDS1FRKeFjRSx5PC&#10;gkORRNMaKP8AMB6k+Q6T3N0loutzTyAGSxPAADJJ9B0habbma33VQZjftMcdgKedarCdealdSUYN&#10;FVZt0LR1VQGAZKVSaeAgFzPKA0agyrbjTHk+b/5F9B8+J+Q6L1tX3AiS4GlAarDXHyMlOJ9F+Eed&#10;TwFgAAAAWA4AHtH0cde9+691737r3Xvfuvde9+691737r3XvfuvdJfc+4XwsFNSY6lXJ7kzDtS7f&#10;xBYqJZFC6553UMYaGlDq9RNY6FKqoeWSKN3oovENThRxP+rzPkP8lekl3c+AAFGp2wi+p9T6KOLH&#10;y4CpIBy7Z28mAo5hNUtkszkqj+IZ7NSqEerqWUKX0AsIoY0URwxAlYolVATYsfTS+KcYAwo9B/q4&#10;nzPW7S2+mXJ1Mx1O3As3+QDgB5AAdKP2z0q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5zhe30595Gl6cOsP+sRJP190ALde697cCgde6&#10;xl/6f7f3Uv6de6xkk/X3UAt17r3twKF691jL/wBP9v7qX9OvdYWYD68n2317rGWJ/wBb+nv3XuuP&#10;v3Xuve7Ba9e66JA+vt0LTr3WMv8A04/x97691w9+6910SB9ffuvdYy5P04Hv3XuuHv3XuuiQPr70&#10;TTrYFesZcn6cD22Xr04Ep1w906v10SB9ffuvdYi5P+A9+691x9+6910WA+v+29+691iLE/4D+nv3&#10;XuuPv3Xuve/dVLU697902Wr1737qvWN5FTj6n+g9+6sFr1GeRn+psP6D/fc+/dOBadcPfurde9+6&#10;qWp10SB9ffumyS3WMvf6ce/dXCU49cPfuvFqdYn+o/1vfutqa9cPfurde9+6oXp1gYkk/wCv791d&#10;Rq669+6dCU69791Y8OuiQPr790yBXrEWJ/wHv3ToUDrj7poz1Uv6dRiwH1/23ugBbq4FOsRYn/Af&#10;097Zadb64+9hPXpsv6dY3/Htzh1tOsfutc9efh1jL/0/2/upf060E9esftvpzrokD6+/de6wn6n/&#10;AF/fuvdde/dXVtI66JA+vv3WiS3WMvf6ce/dXCU49YyeCf8AY+/dX6wkk/X37r3XXvR4dbHHrgXA&#10;+nPtsJXpwvTrGST9T7vheqZbrr22zaunFXT1wLgfTk+69e1VNOsLN+SeffurdYixP+A9+691x9+6&#10;91OxWIrc3XCioljBWNqipqahtENPCgvJPPIeIoYxyzH/AAVQWKqdE062BXp3zWZo46GPbe3jIMLT&#10;y+eur3Uxy5KpW4FRMv1SCIErTQm/jUs7fuyP78OtkjgP+L6SXvfVeo/v3Xuve/de6EWCMdfQQ5Gs&#10;igk3pVwCfFY+ddf8JjcK0dbUxt6fv5FOqnhYHwgieRQ5iX3Qmv2dX+D7f8HQa1FTLUTSz1Esk880&#10;jTTSysWdnYlmZ2YkszE3JPJPJ9tk16p0ZLpnq7HNQv2j2Ii02z8OfucTj6gXOQnRgE/aIvNCZbJH&#10;GOaiWyWKXD+HTiL59Dfu7cNFtw0faXaVO75eMuOtOtNSXo1Ok/cVK2ZTXMArzSm6U3pRA0ojVdin&#10;Tn+r/V/q/wBkDtnbT3R39uqv33vmraj2pjizVFTITFThIiXFDSlmtHTxLdppLkgXLN5X1jwBbrw6&#10;dO0u9qGhgq9m9TlMfj2RaLK7ro18UkyRJ40pqDSF8FLEnpV1C/nwhVPkktSnHrZNeix7e23uDd+X&#10;hwm3MbU5TJVJuIoBwq3AaSWRiEiiUsNTuQouLm5HuhNeqaK9GRSl6++PkYmrTQ9gdvRpqgokOrG4&#10;iW11Mh4Zp0NjyBNwNIpw2ttjrRavQSGrzvZ2ZyW79+52qXCYhFlzWWYLphjbUYcfjoCUi+5qWUrD&#10;Eth+uaX0rI3vVevAa/s6TOfzlfvPKUFJjcbJS42jUYnae18aHl8EJclY0Uannqp3OuaQgvNKSxsN&#10;Kr4Y62WqaDoWcf1htbr6ip9x915A080kYqsR1xiZA9fVjnSat43HgiJHIDKPw0quDGa0r1ZVpx6Q&#10;G/8At/cO+IIsHRwU21tlUIEWN2lhf26dUU3XzlAn3Dg82IWMH1Kga7GwFerFuk/s3bFJljXZvPVE&#10;mN2bt7RLnslHbyys9/DQUYa+usqypVeCsaB5pPQhvqlOvBa5PTXu/dlVurJJWSU8OPxtFTrjsBg6&#10;UnwUVHHfxQRA/q+paRz6pZGaRuW491tnpgdCDtfpesnxse7OxstD1/s02eOqyY/y+tB9QShoreRi&#10;y8hmX6EOiSKDbRFeq0px6c8x3HjdsY+o2z0zhm2hi5U8NfuipKyZmute7vUc/aqSbhYzdDzGYrlB&#10;UkL1rVXpK7SoqPb+MftTeUS5JjVyR7IwOQJb+K5FGu9XUKx1yY6gf1Sn6TTaYSxtIp2Wpnqy4z0F&#10;2Yy+RzeTrs3mauWvyeTqnq6uqnN2kkc3JP4Cj6BQAqgBVAAA90+Z6qTXpnZi3+xPuvHr3T3gNtZ3&#10;c+SgxG38VW5jJVBHjo6BC7AXALyEemKNb+p3Koo5ZgBf3cJ69eHd0a3IYvq/qXZabO3XuGoye4cj&#10;KmR3xtzZ7K1TWTR+qmxtTWXCUWOpGN3S4nnkbyqFVQhsTTp0dv8Aq/1f5OgV3N3Tn8hiztnaVFR9&#10;e7QFwMDtkskkqsLE1tb6aiqkZeHPoVx+tWPPuhbqpNeHQL+6dbCevQ09dY7H7TxFT23ualhqqbFV&#10;RoNiYSrB05LMKNSzMoIZqLGm0krCwaQJGG1AqbDpzoH8pk8hnMlXZbKVMlbkclVvW11VL+p5ZGLu&#10;xtYC7E8CwH0AA496Ar1otTqCSo/x/wAPx72SOtAU6ETrHZ9Lu7OVVXn5notk7To2z+8sinGiliuV&#10;p4z+amsdfFEo9ZuzKGKWOhnq3DpVZTbfYPd2ert4Q4mn23s+CNKLF5TcEqUGIxmNg/apaeOolCo6&#10;QpbWIFcl2ZtA1e/HOet8esXj6W6+B8sld3BuVV/zUHkx2Bhe35f/AIG1/jf6adEMq/W1/fsDq1NX&#10;2Dp92rufdfcWcGEzmVpto9U7bpJM9unDbXjXHYukxlP+5JCIoLGZ6hgI4/K0zhmLqCEI9668Aegd&#10;7L3zP2Buyuzhh+yxcSJi9uYlbBKLHU90paZFX0rpT1Np4MjORYG3v3DpwDpBLwNX+wHuurz60c46&#10;HfpPC0GNlzvbO5YY3251tTrXUNPUXArs1JxjaRPoW0TWlci+i0ZcaGJGkXzPVWbyHQL5zOV+4cxl&#10;M9lZmq8pl6+XI1tRJ9DJK5dtK/RVBNlX6KAAOB7sSF63Qnpp1G2pje30v7rXz68R5DoxG4QOrels&#10;XtZQId4dvmLdO5PxJT4SBicdTN9Cv3Ul5T9CB5onFre9l6DrYyfs6LWWA+v+29tE16t0aD469SZX&#10;K7rxm+914qfEbB2wr7lq81mlFPSzGkXywhHn0rJCsgEkjgGIRxurMCQC4gp1Rj5f6q9Qd+7o6gm3&#10;juHd+ZqMx27uXMZN6sUNE0uJwVNGAEgpjUOv8SrlpYlSMMi06SKn1sbnxYDq1KdIo9l9h78q8XsL&#10;bT0O0cPnMnDi6HamyYBjqRpKiRYl+4aH/KaoEkF2nlkHGo2Nz7pUnHW+H+fpY/KTN0NLuLbHVeBl&#10;1bf6q23T4NdNgJK2WGKSpmbTwZDGsSvckiUS3Ny3vbny9Oqr6+uf83RWgCSAASSbAD3Tq3Rve/P9&#10;+B1t1D06jfb1dDhjvPdMJAB++qzIEV7eotDLJVL6udHj4AAHt5jpAHVPiP8Aq8v8/RQNWohUUuxN&#10;l/1/8APr7Z6eBLHo3/ySH90NodL9Qxnxy7a2qNx56FTwa2sJQkr/AGSs6VTW+tpRf8E3byHVV8yP&#10;Wg6LHtLBybq3ZtvbUJPkz2dpcQGH9kVE6RM5/oEViT/gPdBnp34Bny6HH5Z7gjzfceRxtOUWh2li&#10;KLbNJHFwiiOL7qVVX8eOWqdD/wAE/oB7u5qeqQ/DU+eelD8Q44KHd++99ViFqDY2wKuvf6cSOVf6&#10;n6Xp6acf7G97Ag+TrcuQB6kDooc881ZUzVVQ7Sz1U7VE8jfVndizsf8AEkk+6dXJoOj4do9fbiy3&#10;Sfx+wGMGNx2JoNvSbh3HnM/VwUFBRyVsNNPCs89SYw0rGon/AG4w8g0myMPV7cIwOmYzQn8v5Y6U&#10;Pxrw+ztkbS7rz+I3Uu+avDbSEufaggqKLHBYaXI1BgpKubx1s+rxEPOIYVUaTF5DyvkpQ9bnkLaR&#10;Smf9Xy6Jdm+5N45CgnwWDfHbE2xO37u3djQjHwygCw+6nRmra42+pqJ5bnmw9pi5PToWn+r/AFU/&#10;LoLbhYWJ/tH34YXrw+LqMGLMoHAJt7qOn2OK/LrlKPUSSqjjlv8AiB9fdmGem48DrpmVYBb13bjV&#10;/sfx/sPfjgdb4nqK0jN+o8D8fQe61r04BTrAzDkDn/H3sHFOt9Y/detFqde9+60vdnrGX/p/t/fu&#10;rdY/ryffuvdLLa3XW8t6pUVWCw7tiKFguS3DkZIqLGUoJ+tTkat4aOE250tJrb6KrHj3sKT1osB/&#10;qz0rP4Z1JsoXzWVq+1M/H/y6NrvLj8HG1vpPlJo1r64AnlaaCBTpOmpIIPu2B8/8HWqk/L/D/q/1&#10;U6Ydx9s7qzmNl29RvQbS2lIedobNhFBQuB9PuhGTUZBx/wAdKuWeQnnV7qWr1sLTPn6/6v8AJ0GB&#10;Yn6/7b3rrfXXv3Xuvqufy7/+3f8A8Gf/ABTvrL/3isJ7jK//ALeT/mo//Hj1NO1f7iw/80o/+ODo&#10;4ntJ0v697917r3v3Xuve/de697917r3v3Xuve/de6DXIdiw1NZUYXYuMl3vnKeX7erehcRYyie9j&#10;9/k2DQxsnJMMImqDpI8Q+vtWtrQapDoHlX4j9g/ymg+fRXLuYYlLdfFcYNDRFP8ASfh+Qqfl1Gp+&#10;vKnO1EOT7KyqbqqYZRUUm2qZGhwdIwJK6aMktXyR3NpasyH8rHHwB43IjxENP9L8Z/Py+wdUXbDc&#10;EPdN4hGQgxEv+1/Efm1fsHQoqqoqoiqiIoVEUWAA4AAHAAHtJ0bAU65e/db697917r3v3Xuve/de&#10;697917r3v3Xuve/de697917pCbh3slBXf3c25QtufeEkQkXD0zhIaRG/TUZOqs6UVP8AkAhppfpD&#10;FIb2URQahrY6V9fM/IDzP8h5novub7w28KIa5P4QaBR6ufwj+Z8geuG3tlvS5Ebn3VXruTeDxNFH&#10;XFDHSY+OS2qmxVKWcU0VgA8rFqie15ZCLIu5Z6jQg0r6ebfNj5/ZwHl1q2sdDeLMdcnrSioD5IPI&#10;ep+I+Z8ul97TdGPXvfuvde9+691737r3Xvfuvde9+691737r3Sf3HuGm27QrUSQzV9dVyijw+Go9&#10;JqK2qYEpTwKxAuQpZ3YhIo1eWVljRmDkURlNOA4kngB69Jrm5FstSCSTRVHFm9B/lPACpOB1A21t&#10;6qop6vP5+aGu3Vl0C1k8NzDR04sY8dQ6gGWlhPqZiA1RMWmkC3SOO8suoBVwo4epPqfn/gGOm7W2&#10;MZMkhrI3E+SjyVfkP2scnyAV/tjpb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fOX95GBPXrD/riWA/xP9PdiwHXusRYn6/7b22S&#10;W69117uEpx691wLgf4n34tTr3WJm/qf9h7bJr17rEXJ+nHvXXuuHv3Xuve9gV691724Ep17rgXA+&#10;nJ93691jJJ+vv3XuuvfuvdYy/wCB/t/fuvdYySfr7917r3v3XusZf+n+39tl/TpwJ69Y/ryfbfHp&#10;zh1737r3WMv/AE/2/v3Xusfv3XuuiQPr7917rgX/AKf7f37r3WP37r3XvfutE0697902Xrw69791&#10;TrizKvLG3v3WwK9R3mLcL6R/X8+/dOBKdYffur9e9+60TTr3v3TZcnrgXA+nJ9+68Erx6xkk/X37&#10;q9QvXXv3TZYnrGX/AAP9v791sJ69YySfr791ckL1737pssW6xl/6f7f37qwT16x+/dK14de9+631&#10;737ptnrw6wv+o+/deDUHXAkD6+/dVJLdYy/4H+39tl/TqwT16ie3OnOve6OK9aJp1iLk/Tge79VC&#10;U49cPdC9Or9cH+g/1/bZNevdYveuvdcC4H059+691jJJ+p9+69117917rgzW4tz791cJXj1iJJ+v&#10;v3TgFOve/db6xs45A/2/v3XusRYD6/7b37r3WIsT/rf09+691x9tl/TpwJ69cSwH+v8A09t9WLBe&#10;sZYn/W/p7902SW6xsbAke/dXVadYffur9e9+69044rFVuZrY6GhjV5XVpZJJWCRxRoC0k00jEJFD&#10;EgLO7EKqgkn37rYFenbN5aipaL+7e3pGbGK6yZfKaSj5OoQkrIytZ46OC9oIWt9PNIolfTHqnXif&#10;IdJD3vrXXvfuvdR/fuvdL+ip6LZ1DDmsrFHVbmrIRUbewk6hkpI3F4slWxsCGdgQ9LTsLP6Z5h4f&#10;Gk+uPVqaeg+rKuorJp6qpmmqKmplaeoqJ2LySO7amd3YlmZmJJJNyTcn3puHVeh26R6e/vtUtujc&#10;6vSbHxE37xbWrV8y8CmhKjUYw9hIy+okiKP9xiUbpTj04qdGo7D3xg+v6al3BuOGnlylFB4+u+v4&#10;WULTWQxLXVCoNKS6CU18pTx6oactI0jvvh1djTouOD2ZmOyaqq7Z7mzUmH2XEBOZqkmJ6qIEmOlo&#10;YgC8VJc6QUBeQkiLXIzSL4GvD8utDOT0j+z+5p91UcO0do0Z2v19jUFNR4imsj1KIbq1VoJGm41C&#10;IFhquztI9mHtVOt8embrzqHMb1ilzuTqYdrbIoAZcnunK6Ui0IfUtOJGQTNfgtcRobhm1WRq/F1Y&#10;DpY7j7bwe0sTPsvpaklw2MkHjy+9JwRkq9gCpeOQhXhQ3NmIVl1WiSAD1bp6dNs/kOgU25t+r3Rk&#10;ahTVx0OPooTk9xZ+u1NFR0wYB55CLtJI7MFijW7zSsqKCWuPEU60qasnoV8Zs3O9nJT0e34F2n1X&#10;th3aPNZ5lig1CwqMhVy2jWsyMwHqCnRAmiHXHGAzV6tWuBw6mVnZGyurqebEdQ0iZbcbxGmyXZWa&#10;iV3B5DrjqeRSkcZP0YqFIADCf0ye/dWAC9FzyeSyGZr6rK5iuqsjkKyUy1NZWu0ksjHi7OxJNgLA&#10;fgAAWA92A9evdPG1NsVe7cm1HFPDj8dRU7ZHOZmrv9vQ0cVvLUTFQSbXCog9UkjJGoLMPeia9bAr&#10;0J8W3dxdrzU239g4iXFdcbSDrT5DLv4KYPpBqMnk6jmOSuqANTLGGMUemONPGhY668anA6df431f&#10;1FcbXhpuyt+w8HdOVS2IoZB9fsabVepdCPTJe17Ok1tUfvx61XTgdAbureW4t45KXLbjy1Xla6S6&#10;iSoI0opN9EUagRQxg/RI1Vf8OfdCSetUrx6dtjbUo821fuDctTLjdk7aVKjO1sX+cndifBjqO/D1&#10;lYw0r+Ik1Sv6VsaKK8ergdM28N3Vm8cw2TqYYqGgpYEx2Dw1LxBRUUI009JAvACRr+prAu5Zzyx9&#10;uafXrRNemjC4DN7myEWNweLrspXzn9ukoY3ke35NlB0ov5Y2VRySB78y6uq16GqPrXZXX4Wr7d3M&#10;v8SRRInX+0HjqcixtcJWVKk09Et/qoYsym6SBh79herafX/Y6ETLds1WwNgKm3sDi9hV+8aQttTb&#10;GHW9RSY86k/jOUrZB9xVV1QCUowwRQl53DssdtE0HThwOiZtIzu80rNLLIxdnkJJZiblmJ5JJ/r9&#10;T7pw6oBqPWIm3J916cwvS26+2ZPvnPigapXF4PHUz5jdGdm/zdDj4LNUTsbEF9PpjX+1Iyj6XI2B&#10;XqurV1J7G3nBuzL00OKpmx209u0owu0MIOBT0iH/ADklj6qqqceWZySWc2LMFU+7Gg6v0H3rkdIY&#10;0aSWRxGkcQuzMTZVVRySTwB+T7qetAdDHtzordmVGPq9z1FBsDFZOoSmoJNyFlrat3ZVWOhxaf5b&#10;VTNqBVdCBx9G966t0Jm7N/bN6Vx1X1Psrb2P3hksfkhX7m3LulVlp2ySLbR9lFaOc0RsI1kcpBKn&#10;6ZJVaT3atOrqurPRbt1b93fvipFZuvP1+W8LXpaSVglPFf8AEFNGEghFhY6EBIAvf3omvW2IXA6R&#10;wSSZxHGjyyytojjjBLMzGwVQLkkk2AHvXWg3RgN/unV+xKDqOgdP7z7g8G5+0KqA3ZH066DDki11&#10;pUYSyryPIQVazsPe64p1fjn9nRedFv1ED/D8/wDGvejnqrSU6lUFFXZfIUGKxdK9VkMlWR4+gpYh&#10;d5JZWEcaLfi7MwH9Pfuqrnj0Nfc+So9s0G3+l8BUrPj9lA1u7a2AnRXZ+dB91IefUlGp8Md/Ul3j&#10;N9APurvTA6cUef8Aqp0X4ckKPqfbYUt1smnQwdHdfHsjsHGY2qp5Ztu4ZTnNyGJGfVS05DeABRqZ&#10;6uXTEFX1EMzKDpPu5FTTqowKnpedlbdp85vbO7v7c3tiNmGtqiKLZmHKZbNQUsNo6WkampH+zomW&#10;BVBaaZPXrYpquDojNT1YY6Qa9mbO2myxdZbCooK2Lld4798eVyVx9JIaUqMZROD/AKmOU/X1H8bX&#10;5D8z1pjToWuyt37m210bhsXubN5LK777lnXcOblyEjNJS4WAq9JSqhNqeOZijhEVBd6lCOD7s7Y+&#10;3/B14Cn5f4fPolvtjq3Ro/jHiaHF5PeHbudg8uF6t27NkKZHsBLkaiOSOniXUCGfxiQLx6JXha4N&#10;r3QefVHzj1/wdFpzWVq85l8pnMtUGoyWYyE2Tr5V/tTTyNLIeSbAux45t70fn1foVPj1s9t+dtbT&#10;xLU6yY3H1n94MuGXUv29FabRJ/tE8wjhP/LT3tMnrRxnpn7s3mewezt2bjjl8lBLk2ocSw+hpKUC&#10;mpmAuQDJFEHaxI1sx/PvTmp6tGmOpPRG0l3l2xsrCyQieiTLplsnG36WpqEGqlRz+FmEXi/13ABB&#10;I96AqenG7B1z753eN6drb2zkUglozl2xGMdTdTTUKikjkT6emYQmT+vrubH35jU9VRaUHp0sviZg&#10;4Mr25S5ms0LjtmYOt3PWzS/oXRH9tGxP9Y3qRIP+WZP0B97Tj1uX4aeuOggrI9y9ob33FlcLhsrn&#10;MtuHNVWX+xxsMk8iioneQArGraI4wwW5sqgfUAe9cerYQU6OB19s2HqroLtes7Cya4B94VkO3K0b&#10;famydZFEqGL7Vo4alYFq5BVTqY3mXxKdcluVNgKA9NsdTD5Z9Oi20fYO18BV09H1Z1/QQ5SSdKWk&#10;3Zv3x5jImR3URvBSPEuJpJNR4tTzOL8Se9DqzAnHr+X+r/VjoS/mllpajsvBYA1U1THtzZlLTzeS&#10;9jUzy1EssukkgNJD4bkX+liTaw9IwB61CMfn09dNs+G+KHfO4LmP+J1r7fUgkXDU1FT/AItwTkSL&#10;3IPII4IPlGhT1uQfqKv2n/V+zojfqPCj/kI/T2npU9OMQOuT6QiByT+bL+f99f3dqAU6qgLGo64R&#10;t6gAAo/P9fp+T7qpz04y6RU9RJDqdz9RqNvdT06vDrlKdMUd/wA82/2HuzYA6aT4ieoZYn6/7b3T&#10;p7rr37qjmnXEsB/iffuqBSeuCh5XVEVnd2CoiAkkk2AAHJJP09+6dAp0K1F1BuCCkgy296/E9a4S&#10;oiFTBVbxd4qyoj/1VFiIUlylVqH6WECwm4vKoN/dtPrjrWr0z9nUhtzdW7Oum09rVG/sxHdRuTsV&#10;BHQq3HrpsDSTMjfnSauqqFI5enB9I9UDh/Pr1CeP8v8AP0hd2b/3dvWSBtzZ2ryFPR3GOxi6IKKl&#10;B+q0lDTrFSUq/wCEUaA/m/vRJPWwoHDpFlyfpx711vrgASbAEk/QD37r3XIqE/zjBf8AaRyf9t+P&#10;9iR731qvWMygcIoH+1Nyf+KD37r1K9fVe/l3En+X98GCeSfh11kSf/JKwnuMb/8At5P+aj/8ePU1&#10;bV/uLD/zSj/44Ojie0nS/r3v3Xuve/de697917r3v3XukDlOwcZBWz4XbtJWby3FAfHNicDoaOnf&#10;8ff1rlaOhAP1Ej+W3KROePalLYkamIVfU+f2Dif8Hz6LptyRWMcQMrjiqcB/pmPav5mvoD01DZu4&#10;t2qX7FzCDHSG42TtWSWCh0/6murP26zIH6alBgpzbmFxz7v46w/2Qz/G2T+Q4D+Z+fTP0Mt7/uS3&#10;b/vqMkL/ALZsM32YX5HoR6DH0GKo4MfjKOlx9DSxiKmo6KNYoo1H0CIgCqP9Ye0rMXNSak+Z6NI4&#10;1hUKgAA4ACgH7OpnuvV+ve/de697917r3v3Xuve/de697917r3v3Xuve/de6i1tbR42kqK/I1dNQ&#10;0NJEZ6qsrHWOKNFF2eSRyFRQPqSQPe1UuaAVPoOPVJJFiBZiABkkmgA/PoNP4xuXf94tqtU7W2hI&#10;NM28KyIrX1qHkjEUsy/sQsn0rKheb3ggcWlCvQlt8fc38I+Ef6Yjj9g/M+XRX40u44hrHH5yEd7f&#10;6QHgP6TfkDx6XG3ttYXa1B/DsLRrSwtIaiqmdmknqJmN3nqqiQtNUzyHlpJGZj9L2AATyytMasa/&#10;4APQDy6X21qloumMU8yeJJ9STkk+p6ffbfSjr3v3Xuve/de697917r3v3Xuve/de697917ph3BuG&#10;i29SxTTpNV1tZN9niMRRANU1lQQSsFOhKgmwLO7FY4ow0srpGjMHYojKcYAySeAHz/1Z8uk9xcrb&#10;CpqSTRVHxMfQf5TwAySAOmzb+36yOsk3JuSSCr3PVwGnRKclqbHUzEN9lRagpKkqpnnKrJUyKGYJ&#10;GkMMVpJBTQmFH7WPqf8AIPLpq2tmDeLLQyEUx8KL/Cv+U8WPoAAFj7Y6W9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fOSL&#10;k/Tge8iy9esP+uHvwSvHr3XRIH193qF691iZyf8AAe2y1evdYS/4H+391691jJJ+vv3Xuve/de69&#10;7cCevXuuJYD/AF/6e3OHXusZYn/W/p7917rj7917riWA/wBf+nv3XusRYn6/7b37r3XXv3XuuJYD&#10;/E+6lqdWC16xEk/X20TXp0CnXXvXW+uBcD6cn37r3WMkn6+/de669+691wLgfTn37r3WMkn6n37r&#10;3XXv3Xuve/dUL04de9+6aJr1737r3WB5gLheT/qv999ffurhPXqOSWNyST7904BTrr37rfXvfumy&#10;/p1xLAf6/wDT37qoUt1jLE/639PfunAAvXH37qpf064lgP8AE/09+6qFLdYixP1/23v3TgAXrr37&#10;qhf064swX/E+/daC6usRJP19+6dAp11791vr3v3Tmug66JA+vv3Vct1jLk/Tj37q2ig6ws1uPz79&#10;1pVr1jJJ+p96Oer4Xrr3ULTqhavUf3fqxenDrosB9f8Abe9E06oAW6we2i1enusZf+n+391691jZ&#10;uCTz7917rCWJ/wBb+nv3XuuPv3Xuve/de699OT7906gx1hYgnj/W9+6v1jLAf4n+nv3XusRYn6/7&#10;b37r3XE/Q/63uhbNOvdYPdiadbAr10SB9fbVS3TtAvWMuT9OB72VoOqF68OuBBH19068Er10SB9f&#10;fur4XrEzX4+g9+6qGqeuPv3TnU/GYytzFbDj8fF5qma7AEqiIiKXkllkchIoYkUtJI5CIoLMQAT7&#10;914CvT3mctRUFE229uzeShbSc7mVBVsjMjagE1BZI8fCwHhjYK0jDzzKHMccHutk+XSN9+6110WA&#10;+v8AtvfuvdYixP8AgP6e/de6XeOo6badFSbjzlHBV5Sug+52vgawBl08aMlXQn9VMDf7eFhapYa3&#10;Bp00z649WHbn9nSGyGQrcrW1WRyNTNWVtZM1RU1VQxZ3djcsxP1J/wCNDj3vqvHoWenOpK7s3M66&#10;ny0W1cZMjZnIgEGTkN9pTtbSZ5F+p+kSnWwJKK9WanV0Hn0c7sjsHbfUGExWIxtBT1WXSnSm2ptO&#10;lLaUVf20qJ1W7iNTwt7ySPcIdXkkRrhnpwtToFMTsGGjTIdyfIGtepqWC11JtacAuzH/AIDwywFl&#10;XUbaYqQWVQP3iFWRV2BXrQWuT/xXRfuxOytz9r56FHhmjoVn+227tfH6pEhDWRVVUUGepkH6n03J&#10;OlFRLILUoOvcfs6EDFdabT6yx1NuvuaoWbIzx/c4LrmgZXqJyP0tWEGyxgg6luIxYB5GYmA0Ar1f&#10;oM+we1dydhzRQVZixG26IhcRtbGeikgVBpjLKAomlROAxUBRcRrGpK+76fL+fTTt0lNq7Wze9M7R&#10;7d2/StVV9Y/qbnxwxgjXPM4DeOGMG7NYn6KoZ2VT4nTgdeRK8ejV7gwnWXUWHo8Hu2ubPyUbrkV2&#10;LiXCzZOv8dvvs1KrsIaVD6aWnvpijLN/lMkkwFeHHpwjouG/u2d09gOlHVPBidu0hC4za2GXw0UC&#10;pYJqRbeZ1A4ZuFN/GsanT718XXiegwb0nk6mt9PwPdvh60DXp623tnObwzNJg9v0E2RyVY4VIoh6&#10;UW41SSv+mKJL3Z2IAH1PupNet9Gyz+I6q6nwVNtTcWUfc1TTSpkcxtHAMEmymQVbxy5aqDFqWhpr&#10;kU9IGDAH7hhM8jKngK9bLBei+767e3LvGBMQDS7f2rSgR0G0dvr9vRRqpuvkVNJqHBAN39Ia7IiE&#10;m+iQOGT/ACHVMt8v8PQSPIznkn3Wnr1sCnSk2htSv3hmExlHJFSU0MD1+Yy9XxT0NHENU9XUPwFj&#10;iX6C4LuVRbswHvZ6sBXpW7lysu8a3E7F6+xeTn2tgnaHAYuliaSqrp2sKjKViRrd6qpI4uNMEIWN&#10;QoDlqU1fZ14npUR9WbY2PCmS7i3IuMqVjE1NsLbDxVOWlB5AncFqeiRh+XJ1C4Do4A9udaA9f9X+&#10;r/UemXOd218OPqNu9b4Wh6423MPFP/ByXyVUo4Bq8k/77kj/AFBUgEqXdfdGJA63WnDpn2Ft/GU1&#10;FXdl73iap2zg6rxYvFSmz5vKn1xUSlgf8mi/zlXJzaP0BWZyBQep62B5npA7k3Hlt2ZvI7iztSar&#10;I5GczTv+lVH0SKJbkJFEgCoo4VQB79xyetE16YCxYnSL/wBT+B718XVg1B1JoaCpyNbS46hp5q/I&#10;V1SlJR0lMCzSSSMFRFA5LMxAHveB/q/1f6vLryjV0Ou6aaswmNp+kti01Tnc7PUJXdjVmCR5mq8h&#10;HcpjYvEGZqLF39ZPpafW5VChBs3p07SnTaOqMPtFFqu2d4UG2J9HlGz8CUyObccEK8cTGlofIpuj&#10;zSEfUMoIt7rSnWuPUeTtzFbWV6XqbaFDtRtHjbdub0ZHNyAgqzLNMrU9EHU2ZIUI4BVgfeq+nVv9&#10;X+r/AGenvAZbIbL29U9xbqrqvL783Ok+I64XMSNPNGLGOrzT+Us3jp1cxUwNwZGPoKEMvutH/V/q&#10;/wBX8+i4SSSVE0s00kk0s0jSzTSEszMxJZmY3JZibknknk+9dWMlB1iJLGyC4H0t/wAV9+6qBTJ6&#10;HjqPFY7a2Ny3dG6IEqcbtGcUWzsXKCFyOedS1MgNwTFRAeaQjkWDC5RlOxTq1fT+fQI5fMZDOZPI&#10;ZjJ1D1ORylZJX11S/wCqSWVi7sbfS7HgCwA4AAHvXWiemx20jT9WPLe/deVdWejA9VxRde7Uzvdm&#10;ViU11K0m1+taScAibK1ETrNW6WvqioISx5BR21pcOi+/dOU8h+fSIxfVG/txwS7iy8NPtfCVMzVF&#10;VuvfVQMfTuzsWZ1af/KKpnNz+zHKWNwLkgGgWnHq1adPBi6U2Sv7s2b7azijmKm8mHwitbkGRtWT&#10;qwjjgqsCSD82PvbNp6p8R+X+r/V59C12T2HmNmdRbe2nTUuF2fuPsJRuXI4fZ1OKBcfhiAKSmdoz&#10;9xJPXFdcryyM5Hmif0sL6ZsdWGT9n+Hok7uWZv8AEm/vyqBnq3Qs9K7CHYPYGDwVSq/wenc5zc00&#10;lwiY+kKvMrtxoE50w6vorSAngH3Y9UrXPpw+3qP3Pvv/AEidhZzcMTePDxSDE7dhI0hKCmukGmP6&#10;p5fVKV/stIwHAHttu41PVh0FOtbhVGoni7fT/be9Y690bDtCQ9Y9E7D6tjvBn98Sf6QN5IvBETFf&#10;tKeReCLNHECObSUjEGzW93c0FOqgVNfyH+XooQDN/wAVPtrpwLXo33UoXrbontDtOW0WY3XbrvaT&#10;sdL/ALoIqZYjb8a2kHP6qQgj+rq9oJ/IdVcZC/meihs/9P8Ab+2unS9OHRufjjG+0Nkdv9u6X+8x&#10;OCGz9sMi6mbIVrRlQvBOtah6QWAJKyN9B9brip6aOcf6sdA5B05u+SCHKbrlxXXmClTyR5TfdR9m&#10;8y8EtTUOmTJVbEG48cDKfqWAuRWnTqHozPXg2F1P0f2dv/A1dXvmTNTQ7L82apnxtNWM2mOWGjjS&#10;Zq0UwStdpHd4ZJPAQiRFAxuKAdUYlmA4efRVdw9v72y2N/gdNX021tuyC52xsyFMZREaQLSpTaZK&#10;q4+rVEkzH8sfdCa9XNFz0NnbRO0vjR0fsv0R1W5qmbe9aF4dlZJJ49Yvf9GUjXkf7rA/sn3tu0D9&#10;vVIyWYn7B/n6BHpPC/x7tnrjFmPypLuykraiL/VRUsgq5QfzYxQG/wDh9Pegcjq7efyHTv8AJDND&#10;Od29hVZkUrS5oYVFU30/w+CKiYAfj1wEn/aifdHXUT15DQCnQ0ux298HkAGld672sb2OoRZAm9hr&#10;tzif9oPH1INmdY6U/Pqg/Uk+wf6v5dEcLF2AubEgAe01S3SoIEFeup3Aew5sLe9vx69Dw6xxE3Zj&#10;/ZX/AH3+9e/J1qXNB6nrB7sEp091yqSP21BvpX/inur4oOm4zWvUX3TpzpT7a2Ru/ek70+1tv5PM&#10;+HmrqKWMinp149dTVPppqWMX5eV0Ufk+9hSeHVTQcelkdlbA2rZ99b6jzOQQ/ubV608ddID/AKio&#10;zM2nFwcjk0/3xH00g3tagHE/s61UngP2/wCqv+Dri/bs2AV6frPbeI68hKmMZml/y7OupBBL5mqU&#10;zQMQefso6Nf9p4HvWqnDH+Hr2mvHP+D/AFfbXoJK/IV2Tq6ivyNZVV1bVSGaqrK2R5ZZHP1aSSQs&#10;7sfySSfder9N5f8Ap/t/fuvddBXb1fj/AFTcD/efe6dar179tfqS/wDrcD/bnn/eB7917PWNpjbS&#10;tlX+i8f8bP8Asffq9ep1g9663176cn37r3X1Y/5dv/bv34L/APinXWX/ALxWE9xlf/28n/NR/wDj&#10;x6mnav8AcWH/AJpR/wDHB0cX2k6X9e9+691737r3QfV3YmNaqmxW1KGt3tm4XMM1LgtP2tO4+orM&#10;lIRRU2n+0mt5v9TCx49qltTTU5CD58T9g4n/AAfPotk3JSSkIMrDiE+Ef6Zj2j7Kk/LqH/dPc+5/&#10;XvrPLTY5vrtHZzzU9Mw/1NZkD466sBHDLH9tEw4aNx734yQ/2Yz/ABNQn8hwH8z8+qfRy3f+5D0X&#10;/fcZKr/tmwzflpHy6XuLxWMwlFDjcPj6PF4+nXTBR0EaRRr/AKyIALn8n6k8nn2mdzIasST6noxi&#10;hSBQqAKBwAFB/Lpw916c697917r3v3Xuve/de697917r3v3Xuve/de697917r3v3XukPnd8UmOrm&#10;wOFoandW6igf+A4plHgVv0y5Cpb9jHwH66pD5HH+Zilb0lRHblxqY6V/iPn9g4k/Z+Z6QXF+sTeH&#10;GDJJ/Avl82PBR9uT5A9N9HsirzFXDmewa2nz9bBKtRjtu0qsuHoHUelo6dyTXVSEn/KagEg8wxQf&#10;Q2a4EY0xDSPNj8R/PyHyH5k9NJYGch7khyMqg/s0+wH4j/Sb8gOhI9pejTr3v3Xuve/de697917r&#10;3v3Xuve/de697917r3v3XukzuLc1PghTUkFNLl8/k9SYXb1EyCeoK21yMzkLBSQ6gZp39EYIHqke&#10;ON3YojJngBxY8B/nPoOktzdC3ooBZ2+FBSp+eeAHmTgfMkAxdv7anpauTcO4qiny266uEwSVsKFY&#10;KOBiG+xxyOWeKnDAGRyfLUuBJKQFijitJLqGlcKPLzJ9T8/8Hl51pb2pQ+JIQ0hxUDCj+Fa8B6ni&#10;xyfIBYe2Olv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fOP8ApyfeRwAXrD/rGX/p/t/dS/p17rCzgfm59t9e6xFi&#10;fr/tvfuvdde/de697sFr17rokD6+3QKde6xlyfpwPe+vdcPfuvddEgfX37r3WMuT9OPfuvdcPfuv&#10;ddEgfX3omnWwK9Yi5P8AgPbZevTgSnXH3Tq/XRYD6/7b37r3WIsT/gP6e/de64+/de64lgP+Ke/d&#10;e6xlif8AW/p7917rj7917r3v3VS1Ove/dNlq9e9+6r1jeVV/xP8AQe/dWC16is7P9T/sB9PfunQt&#10;OuPv3W+ve/dVL066JA+vv3TdS3WMuT9OB791cJTj1w9+68Xp10SB9ffuqZbrGXJ+nA9+6uEp1w9+&#10;68Xpw697902TXr3v3WusT/X/AGHv3TqcOuHv3V+ve/de6xl/6f7f37q6pXj1j+vJ9+6uSF697902&#10;WLdYGNySPfuvaqCnXAsB/r/09+OOvBS3WJmJ+psPbJJbpwLTrEX/AKf7f291UJ69YmNhf68+6Pw6&#10;vXy6wlifr/tvbXW+uvfuvdcHYWI/Pv3XusXv3Xuve/de64FwPpyffurhK9YySfr7904BTrE5INhx&#10;x791vrH7917rokD6+/de6xFif8B7qFp17rgxsCR72RXrYNOsBJP19+4daJr1yWwJJtYD6n20WLdW&#10;Tj1wkkB/T/tz7sE9erF/TrB9eT78+BTqoBbr3tvpwLTqVj6Cty9bBjsbA1RV1DFY0BAAABZ3dmIS&#10;OONAWd2IVEBZiFBI91bj0oMtkqLFUUm29vVAqIplUbizkYINdKrBvBCTZ1xsLgFFIVp3AnlHEMcO&#10;urE0wOkYSB9fe+q9Yy/4H+39+691w9+690ucZjqDb+Og3NuGKKqqKpDLtfbkvP3JViora1fquPid&#10;SFQ2aqdSi2iWR/euPDqwoMn9nSNyeTrsxXVWSyVVLWV1ZKZqmpmN2Zj/ALYAAABVACqoCqAAB73w&#10;60TXpddYdaZfszPrjKHXSYukKzZrMMpaOniJ4UfQPPLYiNL8kFjZVYj3W1WvR5NybqxHV2LxPXfX&#10;2GGW3dVU/h2/tukBfx6rlq2vcEEJfVIxZg0hBJZEDOrPxZ6drTh0GeMxeH66yGR3PvHK0m7e1jRn&#10;NZnJV7eSiwUUllVmAK6qhywSnhTRLOdMUAgg1zDXWqUyegUyEm/vkNuhafD09QuFxjaFqK9itNSq&#10;36qqskQGM1c4FykSnSgEUKeOO/u4xjrVdX2dPVVvDYfSdNLiuukpN4b/AJImpslvutVXpqQkaXjo&#10;UBZWtc/pOg8eSSYDxLqlerg9FsyuXyu4MjU5fNV9Tk8jVv5KisrGLux/AufoqjgKLKosAABb37VT&#10;h1R26GTrronc29xTZPKSLtXa8zjTlskpEtSLFtNFTsVaUsqkhzpjsCylypX3oGnXlTzPT5ubtbAd&#10;fUtbsrpOmSgpwTTZvfs2mWur5FujCnlK2SFLnTIABcloEi/zknqUGerE+XRaKmeprqiarrKiaonn&#10;czVFTUMzu7sSWZ3YlmYnkkkkn6+/AVz1qunHWKNZZ5Y6akhkmlmcRRRQqWd2JsFVVuWYngAcn8e/&#10;FqcOvAevQ97d6ONEmOyfaOTk2pS5KVI8RtWiUT53JOxAWGno1DtAXLBdTqxRjaREB1e69Xp0p+x+&#10;zMVsigfrzqajg2rDH6d1ZrGyLJVyygWFKMgjO7yRaiJpEc6ZLwwP40LS2A9eqM+aDoqUszysxLMS&#10;7FmZjckk3JJPJJP196J68Fp1Cb6n/X966t05YbDZTcOUocLhaKfIZTJVC01HR04uzu3+2CqouzMx&#10;CooLMQoJHuvdG9znX20+tdtU2194bzgwONqljye7qbBET5nO1KeqOmgitajxNKSRE8wtLNqkkjS0&#10;Z97p69W6BzLd0Ni6KowHVOApevMJMngqMnTHzZmrXjmoyDXkiDEagkVvGSQshX3Qtp61WnQDzTzV&#10;Msk9RLJNNK5llllJZmZjcszEksxPJJNz7sTTrXSy2Hs2TeOWljqatMRt3D0xyu6dwTj9uioo/wBb&#10;/wDNyeU/twRC7SSEADSGKtk6utgV6z783im7cjSUeIpHxW0du0xxm1MHe/29MGu0s1iQ9ZVuPJO9&#10;yWchdRVVPvVNX2dbZq9IGQoD6jqtwEX6D/XP9fdjQdV6Vm1dh7y3zM0O2MDWV8MRP3FYoEVLCACx&#10;M1VKUp47KCbM4JtwCfdD3dOKAePRisJgNm/HmGk3TvHJxbu3pncWzbWw+1JB4qWCUMklcK59JHmQ&#10;mOOZI+P3PCJeZIt009X6CPMd1bmlpKjE7Spcd15t+Zry0G1VaKpqD9dVZkmJramTkhm1qGBsyke/&#10;V62c9AxJI8rvJI7PI7Fndjcknkkk8kk+6Hr3QjdZ7Lpt15arrs7O9Bsra1L/ABveOUHBSlQnTTxH&#10;+1VVrjxRKLsSSyhiuk7HXumzsTelVvzcdTmHgWgxsEKYvb2IisIqLH040U1LGo9I0Jy1rAuzEAAg&#10;Dx60TTpBM6oCoGo/n/jfvXW1Utnh0o9l7Uy2/Nz4jauHUfdZSp8RlI/bhiUF5p5OR+3BErOebm2l&#10;fUQD7q+F4ft6Wvb27cXlK/GbN2i5Gw9g0rYbAlD/AMDJr3rcnJbh5aycEg/TQFIVS7D3sn06qc9I&#10;PbGzd2bwqTTbY2/lM1Mp0t9lEzRx/T1TTG0MKC49UjKvI55HvXWyKY/aehl2d0ZhMhuXFba3ZvzG&#10;/wAeydQU/utskrkqqJUBadqyuX/cdQiBEZ5PXO4UemN2On3unVy1OHTr2D3tTYOso9pdXYTb9HhN&#10;iq2F21umvgjr6z0MBUVVJ9wr01OaqVSzSiJpZQFkZ1JCrUkDPWgKk9FtzW4s9uetfJ7kzWTzVZ9W&#10;qspNJMwBt6FMjEIvAAVbKAAAAAPdAdX2dWOMDoQemNn0O7t2yZLcN4tlbMoZN17vqnHo+2pgXSm5&#10;sC1VIoTQCGaMSFOV9+pXJ698I6R/Ye8sh2FvHO7ur1aNsrWFqWmY3FPTIBHTQA8C0UKqCQBqbU9r&#10;sfeiCx69UL0iQiepi2rTyQv0/wBa5+vvY60SejS46c9TdA1+Wv8Abbz7skOMxmmwlp8JT8TyXI1A&#10;VKuQbEalngYcxn3YtQV9evAUP2f4eilsbsSeTf2z1foZuhNiLv3snB0FZGrYTFyHP595R+2KSkKy&#10;OkhPAjnk0Qk3FhITfj24g8+qOadM3ce+m7G7G3LudXLY+orTRYVTcBaKnHhpjpPKmRF8jj/Vu3uj&#10;Gp6uopQdBtS089bVU1DRwvU1dZUJSUtPFyzySMERFH+qZiAP8feuni1Ojz959ebsOA636p2zQxw7&#10;V69wC1u5905WeKgxP8Tq+ZWkrKx4YC8QMkwVCzhaojSTwHnFKDpOvca+v+Doth2/1JtUBty7wyO/&#10;Mmg9WD68j+3o1YXIWXM5CIF0PAbwUj/7TJ+Q3QDq/wDq/wBX/F9GT7S31WdSdR9Y7Z2DRxdfZTdt&#10;LLu7L0WKkeeopYZY08SNV1XkqBUTecB5kKOGp2RDHH+2bE6R1ULqP8uiHZDJV+Uq5shla+syVdUN&#10;rqK2vleaaRv6vJIzO5/xJPtvpRUL0a/u3/fmdK9IdYJ+1V11C+/c/DazrLOrPEsn5JV62eM34/aW&#10;30FrnAA6Z8yfyH5dFXw2Iq9w53EYSjW9VmsrT4ijX63kqJUhjAH1N3ce6dbA9ejMfMDKUZ7KxG0c&#10;frFBsfaNDhYqcnhHkU1H+3NM8AP0/T73JkgenXoySK+pJ6w/D/HJWdw/xiZlhpNo7Vr83LMwJC6k&#10;SiPI+h0VjH88K3vacetOO35nosGey8ufz+ZzU7O8+ay9TlZ3k/UWqJnmcm1xqJc3/F/beqp6eOOj&#10;h96s2D+M3x/2ySB/FFXc5UW/NHJOD/aII/i3+qA/2n6BbS4AHTcBGon8v9X7OiPpcyW/Ci/++/2/&#10;tpOPT8jdv29YXN2Y/wCPHupNT04ooAOuYOmGRv6nT/vv9v7uoqOm2ywHXGjpqvIVdPRUVNUVlVUy&#10;iKnpKRGkkkYnhURAWdj/AEAv7c6cbAPQrt1BlsYEquwc5gutqTxiT7TckjSZV1+tosLSLPkQxuLe&#10;eOnj/rIPdHX1x0zE1BjP+r/V/m6xtuPqrafp2ztKu35lY+Fz/YbeCiDC41wYOgmsQbgr91WTqeNU&#10;P491qBwz9vTtGPE0+z/Z6SO5+yN57uhjosxm5/4PTsTR7dxiR0WNgF7gQ4+kSCjjI+moR6iALsbe&#10;6lierBQOkP711vrEwLH0gsQPoPfqV60TTrEVH+7HA/2hOT/xQe90p1rVXh1x1qv6EA/2p+T/AMUH&#10;v1evUrx6xPISeSWb/H3rq1KdYSSfr7917rr37r3XAuB9OT7917rGST9ffuvdfVp/l2f9u/Pgt/4p&#10;z1j/AO8ThPcZX/8Abyf81H/48epp2r/cWH/mlH/xwdHAqamno4JaqrqIKWmgQyT1FS6pGij6s7sQ&#10;qqP6k29pQC2B0tZggqxAA4k4A6DxuwJMyWg2DgqvdjavH/G5WNHh0PIJ+/lRmqgpA4pIqgG/LL9f&#10;an6bw/7Q6flxb9nl+ZHRb+8fHxboZP6Xwxj/AGxGf9qG66/uNk9wETb+3DNmIDZjtfBh6HEr/tMq&#10;rI1ZXgH6+ebxNa/gX6e9/UCP+zWn9I5b/MPyFfn176BrnNw5Yf77WqR/nnU35mny6X9DQUOLpIKD&#10;G0dLj6GmTx09HRRpFEij8JGgVVH+sPaVmLGpNT6noxjjWIBVAAHAAUA/Z1L966v1737r3Xvfuvde&#10;9+691737r3Xvfuvde9+691737r3XvfuvdMee3LhNs0sdXmq+OkWeTwUdOoaSeoltcQ0tNErz1MxH&#10;0SJGY/09uRxNKaKK/wCAfafLpPcXUdoKyGlcAcSx9ABUk/IAnpHGPeu9P881Z19tiQD9iFkOdq0I&#10;/tyKZIMRGwI4jMtV/tdM/Ht8GOD0dv8AjA/6C/kPt6RUnvuNYY/QU8VvzyEH2Vb5qelrg9v4bbVC&#10;uNweOp8dRhzK6QglpJGtqlmkYtLPM9vVJIzOx5ZifbEkrSmrGp/1fs+zpdb2yWq6Y1Cj5eZ9SeJP&#10;zOenj230/wBe9+691737r3Xvfuvde9+691737r3Xvfuvde9+690jM1ueoWubbu16aHL7lKK1V5S3&#10;2eNRxdZ8jInK3HMdOh88/wDZ0R6pkfjiFNTmi/zb5D/PwH8ukM90dXhRDU/n/CgPmxH8lGT8hkTt&#10;vbagwf3NZUVU+Yz+SCHM5+tCiacpfRGiIBHT0sOoiKCMBEBJOuRpJHrJKZMcAOAHAf5z6npy2tRB&#10;ViSzt8Tnifl8gPIDA+ZqSpfbXSr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cOzfkn/Ye8iSa9Yf8AWIuT&#10;9OB7117rh7917r3vYFevde9uhKde64F7fTn3br3WIkn6+/de697917rGX/p/t/fuvdY/ryffuvde&#10;9+691jL/ANP9v7bL+nTgT16x+2+nOvfTk+/de6xl/wCn+39+691j9+6910SB9ffuvdYy9/px7917&#10;rh7917r3v3Wiade9+6bL169791TrizBRcn/Ye/dbAr1GeVm4W6j/AHn37pwJTrF791fr3v3Wiade&#10;9+6aLE9Yy/4H+39+62E9esZJP19+6uSF697902WJ6xl/6f7f37qwT16x/Xk+/dWJC9e9+6bLV697&#10;91Xr3v3XuuiQPr7914CvWJjc8f63v3Tyig6xlgP8T/T37q3WIsT9f9t7917rr37q+vrgXA/xPv3X&#10;gtesZJP19tE1P59XpQdYmY3sOPbvVVXz6x+6M3TnWF/1H35SAOvdcfd+mi9eHWN2B4H9fbbtXraL&#10;TrESB9fbfTnWIsT/AID37r3XH37r3XvfuvdcH+n+x9+6unHrF79071xLAf6/9PfuvdYibm/v3Xuu&#10;vfuvdR/fuvddEgfX37r3WNmvwPp/X37r3WIsB/iffjnr3WO7Mf6/4e60C9bAr15l02/qfdC9eHTg&#10;SnHrEXA+nJ9+CE9eLgdSKCgrctW0+Px9PJV1lVJ4qeni+pP1PJsFVQCWYkKqgsxABPuzAAdVUlj0&#10;p8pkKLB0Uu3Nv1MdTJURiPcufg/5SnBDGkpX4Ix0LAXIANTIvka8awqjXT5xw6Rfv3Vescn49+69&#10;1j9+690tMNj8ZiKGPc25IBVRSEnb23pCy/xB1YqZpypV48bC62dlIadwYYmGmaSH3WxjpJ5TKVuZ&#10;r6jI5CYz1VU+uRrBVAACoiIoCRxRoAiIoCogVFAUAe/da6ftibHznYW4abAYaIrqPlyFe6kxUsAN&#10;nmlItwPoq3BdiFHJuNE062o1dH/pYIdhYym6y6poaat3R4lly2TqvVBQGVRqyOVdb3qJQLwU4uzA&#10;LZRCoDNajx6eApw6CCs3Vjtq1WZ2713k6fNb1q4ZK/sbt3N6Xio4lZVmdGAZSI3KrFCmqMP44kWe&#10;dvT4CvWhj/L0mm2RS12Kg3D2Hkq7ZfWlFUmuhp8kzfxvcNa6kvX1SEyyCoqudC+toYbpEApaoa/D&#10;rxFegx353NUZjG/3O2NjU2XsKnUwx4ui9NRVL9C1ZKpJbyWuyam1G/leU2I8F9et8eg52hsjc++8&#10;mMZtrF1GRnFjUSrZYYVP9ueZrRxLwbXN2tZAzWHuxwOtE+Q6HmjxfXHVVVBQiCHtrtGWZaWlxNGp&#10;fFUVSxCohsGNVUJJxaxYkAaKdrMW+P8An60KL8z0mezuzs/KtbgJ84MpuCtjai3XkceStHSR6lLY&#10;XFKjeNYFKKKyoW71TqI/I8KapfdW4f6uHRejxy3J/Cj375npst6dC5tfpzO5vHruPc9dR7D2bGA8&#10;mf3D+20q/W1HSkrLUOwHo/Qr/RGY+n3oknqyA+fSkbsvaHX6PjOmsCZcq4NPP2JuaJJq6TV6T9jT&#10;Mmimjc/TUoLCweLUA3vVOrlqdM2ZzeQ2JHU1eRyVVle3tyUl8nlayVpZsFRzoQYEkLlostUxNZ/p&#10;9rAwjULI7afdaJK8f2dAO7k3LMSL3ufyf6/6/vxPXgOuMMc9VNFTUsMtRUTuIoYIFLu7MbBVVQWZ&#10;ifoALn3rrfQ4YnpV8VS0+a7Vzcew8XUAPQ4PSJ85XXNglNj1JeIs3p1Si6MRqjsb+90px62BXoQt&#10;7772/wBR4VNn9W4P+7O7slTq+483WtHUZSkgezJTS1HrSOulTS0scR8dNeyfvHXH6vWzjopFbXVe&#10;QqJ6uuqqmtrKmQy1VZVu0ssrn6tJI5Z3P+JJPup4dUpmvUEuB9OfbYSvW+nPb+Byu6MzjsBhKV63&#10;KZSoFNSwJ/U8s7n6JHGoLOx4VQWJsPest17oRt9ZzEYbEw9Y7Qqkq8NjaoVm6M7TcHMZNBpaTV9R&#10;j6M3SmT6H1THUzBvbgFB1YnyHUHAdSbwz1CuYqIaLaO1FAMm6N2zChpCDcjxmUeaoL2ITxI4LcFh&#10;f35j17T09Gu6a2KSuNoq3tncEX0yGZV6DCRuP7UdGrGrrAvKkSssbWDLx7bJH29WAH+r/V/n6UuE&#10;3Nn970WQ3f2LkWpOq9mugXaWGVaChyFaf3KTD0tNCFSTyMNczsJGih1MWUMGGx8+HTg/1f6v8/QE&#10;bs3Xld6Z/IbizEqvV10uoRxAiKCJRpip4EudEMKAKi/0FzdiSdcetE9JljqP+9D3o9eAp05YnD5H&#10;OZOgw+Mpnqsjk6pKKipY+WeSRgqgD6AXPJNgBckgAn36nW+hc7NzON2lhqTp7alRHU0uHqhXb9zU&#10;H0yWZUaXjVuC1HjuYo1IAMgZ2Usoc7OOtUr0BRYgFibtbgH3XrXyHXCnpqqvqY6Wjpp6uqqH0Q01&#10;KjSSO39FRAWY8fQD37q9ScdHD2/sFus+sK6pz+5MDsLeHYdMaPJ1W4Gf73HYMk+SnpKCBJKyatrm&#10;A8qhQI4xpZo5owDvh14dA0M91DtE6dv7ZyPY2WhNxmt6saTGhgeGixNJJ5Zo2HGmoqPrzp/A91om&#10;n+r/AD/5ukrujtbfG66UYyvzLUGAjXxQbawKJQY6NPwgpKVY4pAPwZA7f7V78TXrwHQkUDf6Iep5&#10;cy37HYHblC1DhV4EtBt+4M9T/qkfJNYRn8ppkRg0bD37gOnFXotdmP6QST7qwr1YsB1zkCgLGzgD&#10;62Xklv8AWHvwFOqAk56MXv8AkHU3V+C6tpVan3bvUQ7y7FfUNcUPP8Oxbhfp47eSRDe0ilgSktve&#10;mNB1YAnj0WMsznkk/wBPbVS3VqAdCH1fsio7D31t7aUQkFNV1YqMxUJx4aOH9yqk1fRSIlKoTwZG&#10;RfqR7cp5ft6qPXp67239T7633VNh/HFtXbVMm1tqU9PYRCjpLoJIwLDTPJqdeLiMxof0D3qQ1PVg&#10;Kcfz+3oGVUsQo+t/dAK9bOOjtdc7O3Pt3oLceZ2zh6ms3b2tP/AaCoUxxJRYaLyJUVM9TM8cNJHN&#10;+8ut5I9ReBxfTcO0xjqgFT/P8/LoAW2PsLbY1757FpK2rX1NtvreMZSc/UFJclK0GMga4sdD1JH1&#10;Kn6e2yKcer9D98dshsrIbxyGRwXXuI2/tXYuDm3Pnd07kkfLZT9hCKfxzyLFSUEjNqmJp6dW0xMo&#10;k/JslOqSHFBxOOin9hb8z/Yu6MvuDM5CvqY6zJT1GOoKmV3io4HkYxU8CMzJEkUdlsv1tckkkmhN&#10;enFXyHDqb1Ps0777F2jtUxmWnyeYjORAuP8AJIL1FWQfwftont/tVh+ffgKnq5AQV6WvyY3gd4dt&#10;7kemdWxm3pF2tjDqBRY6HVHL4yOCj1jTOtuLOPr9fdnNT02naPn0HPWe1U3p2DtHa7a5osvnYIK0&#10;Rj6UyN5athf66KZHb/YfX3VRU9WpXP8Ah6Ev5P7sTc/cG6DAy/YbbMe0ceq/RBRKVqEHNgFrnnsB&#10;a39L392c1PXlWlK/aesPxa28Ny92bUEkZlpcD59y1R+un7WJvt2/wtWPDz/xPvSip6274NOg47Q3&#10;IN39lb43Mshlp8juKqlonJuftkkaKl/21NGg91J69TFPy/Z0PfQbf3Z6a+Qu/ZLxyPt+PauMqF4K&#10;TVMc8bWP9fNWUxt/tP5vx5DgnrbZIH5/s6J9TI0kqqil3Y6UReSSeAB/iT7aQdbf06Ob8z5lxWS6&#10;r2Qrh12vsYSKqfp/ekSkuDweRjP9SPoP9YXm8vs69Cuqp9SeiVx3s7/k8C39f99b3RfM9OOMgdCJ&#10;iepN6ZCiizGSpKPaG35hqTcG9p48ZTMv01QiotU1fPFqaKZr8W93WP16sXrgdOT03T21YVFZkdwd&#10;n5RdRNJhlOGxAf8AF6upSbJ1cQN7haajLC1pF+p2xC9UWrMT/q/1ft6hz9w7nihlxu0afD9c4adT&#10;FLRbHgNLPKliNNTk5Hmy1UCDZhJUsh/CAWAorEnrTcM/6v8AV8ugqqZpJ5Zp5XeSWVzJJLISWZjy&#10;WZiSSxPJJ5J91bj05GuAeoVr8Dk+69O9ciunlyE/Nj9f9t9fe9PVdY6xl1H6QT/ieP8AevfsDrVC&#10;fl1HeUkFQeDxYcD/AHj34mvWwoHWAkD6+9dW6xFif8B7917rj7917rosB9f9t7917rEWJ/wH9Pfu&#10;vdcffuvdKfbezN07vlmi23g6/KLSp5K6riUJTUycXkq6uUpS0kQuLvNIiC4u3vYFetE06+oj8Can&#10;fbfBb4XbfweGxeLhxHxN65xE+7M3UR1dPM1NtDDwPPjaSgmc11PIULwzST08cqaZE1oykx1fJGk0&#10;hY1Ot+1f9MeJPD8gepZ26a4mt4liQKBGg8STzooFVRTU/KpXo3EHXmMqZ4q/dlbX72yMMgmhOfKm&#10;ihcXOqmxkSpQxEcaXaOSYWF5SRf2kN0QKIAg/o8T9p4/5Pl0uXbEc6piZT/T+EfYg7R9tCfn0vwA&#10;oCqAABYAfQD+g9pujLrv37r3Xvfuvde9+691737r3Xvfuvde9+691737r3Xvfuvde9+691AyeUxu&#10;FoZ8ll6+kxmPpV11FbXSLFGgJsNTuQoJJsB9SSALk+7IhkNFBJ9B03LKsClnIUDiSaDpCncG6d1/&#10;t7Ox5wmHkBB3huaB1Lr9NWPxbNFUTcG6y1Pgi+jIk6HlR4SQ/Gan+FT/AITw/IVP2dF/1M15iAaF&#10;/wB+OOP+lTBP2tQfIjp7wOy8Rg6qTKu9Xm9xVEfiqty5xxPWOpJJjjbSkVJASf8AM06Qw/T0XF/b&#10;ck7SCnBfJRgf7J+Zqen7exS3OvLOeLuasfs8gPkoA+XSu9s9Leve/de697917r3v3Xuve/de6979&#10;17r3v3Xuve/de64u6RI8kjrHHGpeSRyAqqBckk8AAckn34CvWiaZPQdtmstvRmpdozyYvblylZvZ&#10;kBeoANmjw0UgKy3+hrZFaBf90JUEl4lXhiDL5b+D0/03+bj608y0zvfYhOlPOX1+SA8f9OcegbiF&#10;hhcHjNvUEeNxVMKemR2lkZmZ5JZX5knnlctJPPK3LyOzOx5JPtiSQymrdLYIEtl0oKDj6kk8SSck&#10;nzJz07e6dP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fN/wDryfeRHWH/AF737r3XvbgT1691xLAf&#10;6/8AT2517rEWJ/4p7917rr37r3XEsB/if6e/de6xFifr/tvfuvdde/de64FwP8T7qXp1YJXrGST9&#10;fbRNenQKdde9db64FwPpz7917rGST9T7917rr37r3XAuB9OT7917rGST9ffuvdde/de697902X9O&#10;ve/dNk166JA5JsP6n37r3WB5vwn/ACUffunAnr1gJJJJNyffunOHXXv3Xuve/dNl/TriWA/1/wCn&#10;v3VQpbrEWJ+v+29+6cAC9de/dUL+nXEsB/iffutBSesRJP19+6coF669+6oXrw69791Tr3v3Xuve&#10;/de64FwPpz791cJXrGST9T791fC9Y3JFv8fr7915W1dYvfurde9+691iZjcj8f4e/dOqo49cPdC/&#10;p1frosB9f9t7bBz1o56wk3JJ497LFuvAU6xF/wCn+3970Yz1vrCzAfXk+6de6xlif9b+nuxJbqoA&#10;Xrj7sE9eql/TrCFLc/7yfbfTnXJlAHH9fr7917rH7917riWA/wAT791YLXrEST9ffunKBeuvfuqF&#10;68OsLfqPv3V14dcCQPr791brGXJ+nHv3XuuHv3XusDEkn/X96Jp17rg36T7oGqenCtB1h93OOm+v&#10;Bwhuf9sPbQBbqymnWN5C/wDgP6e3AtOvFq9ZqKiq8lV09BQU8tXWVcogpqaAamdm4AAH/IgOTx78&#10;xp1oCuB0q8lX0e3KKXb2DqYqqvq4fBubPUx1CS59VBRyD/lCSw8si/8AAlwbEwKmtuhOer104H5n&#10;pFe69OdYy/8AT/b+/de6x+/de6WOHxFFj6GLdW5qdpsSZGjwuHLmN8nPGbNcrZ0x8DWE8q2LN+xE&#10;wkLvD7rfDJ/4vpN5rNZDP5CXI5KYSTyBY0SNQkcUaALFDDEoCQwRIAqRqAqKAAPfutVr1N2ptXN7&#10;0zlJt/b9I1XX1TanPIjhiBAeed7ERwx3GpjySQqhnZVOiadbAr1YjtraGL6v2xNg8DV0mOlSEVW8&#10;9+ZARoIiFJLqJSyNOFa1PCxMVOh8s2tmEdS0Tq6eAC9F2y++cvv+ubq3pKgq6PC1tRJPntyTmQVV&#10;drIFRW1tS95oqeQ/reQmeYaIgFuIDYCmT1XVXh+3p8zOV606IxNPgaGGn3nviiZaueiY/wCTR1yr&#10;6azIFSQZIdR+3guzQKfT45JHqZN01dbBC4HRUN1bw3V2Jmxkc7WVWVyFRIKeho4VbxxBiAsFLTpc&#10;IpNuFBZzyxZiSbcOrE9Cth+nMXtnHwbm7lzDbXxsq+Wg2rRaZMtW250eME/bg3ANwSt7SmA8+66q&#10;8Oqk049Nu7O5cllaBdm9f4lNj7OL/bQ4bC3NXWFzpvVVCjyyPNwGRSS19LvLwfej1XUWwOmCqmTr&#10;ahnxdJLHJ2Bk6VqXOV8D6hhIJOHoaZ09P8SmT01MqsfAhNOnrMrDXxdbJEX29N+zOq9271jkr6Gl&#10;hxO3qYaq7dOdf7agiRT62E0n+dKf2hGG08ayoN/fiadUCluOOlz/AHk6r6tOjZ1AnZm84Db+9efj&#10;KYumkHOuio9WqZ0YCzseCNccxU6feqHj04AE6Bzdm9Ny7zyDZPdOZq8rU3PhilNooQf7MEC6YoU4&#10;5CqLnlrkk+9gFutVLcOljio4ut8XR7pykEcu98vSir2XhqhQy4+BwDHmqpCeZm5+yicWuPuHBURg&#10;+p1YAIK9BNJLXZWuY3q8nkshUl3Y65p55pGuSf1SSSO5v+SSfyffmNevAVyehix3S8mIo4M72vuC&#10;k68w8yeanxlSPPmatefTT45CZIgSNJaWxjJBaPT7p1vqRP27hNnwS43p3a8W2tUZgn3rnxHWZudS&#10;CCVdg1PQq6n1JEGHAZdDe/de6iU1XU7IoYuwt1TzZnsjcsX3WzKLMu08tLE4K/xysEpYtJ9RRI/1&#10;YfcWKonv3Vvh6A2rqqipnqKuqnlqquqmaoqqmdi8kkjsWd3diWZmYksSSSTc+/dV6hXZzYA/6w9+&#10;691KpaKoq6iGkpoJ6yrqZBFT0dIjSSyO3CqiICzMT9AASfeiadbA6N3j+vabq/Y7/wB5N14bY24t&#10;5UOjcGSlvU5KkxzcnGYyihPmlqaqwFVOWSOMaYk18uNjHVgOgnPYexdjIYes9nR1mVT0/wB+N+CO&#10;rqr25ekoFH2dIQRdGPkfSbOL+6M1Mde4Z6CXcu79y7vrjkdy5vI5qr50SV0hZYwTcrDHxFChPOlF&#10;Vf8AD22TXqpNepex9n5De2fp8NRvHSQCJ67L5aq4goqKEa6msnYkBYoYwTyRqYqgN2HvwFeroOlB&#10;2PvGhz02N2xtSGWi2JtGJqHb9K/D1MhP+UZOq4GqqrX9XIAjSyKFOq9mHl050GpVV4LWA/C8n/Y/&#10;097IA60B1x124QBR/X6n/b+61pw630PGFA6h2Uu8anSvYu+8fJS7KppP85jMXJeOfLsp5WoqgDHS&#10;niy6pAWBdRqlOvdILbvVe+dz0rZiLFfwvAg+So3PuaWPH0ABvd/uqto1lFxz4/IQfqPewK9aPT62&#10;I6f2lc53ceU7Jy8f1xGzVNDjA4uCkuUq4zPOhFiGp6cD/ajz79jrYGnoWOsN9zrDnd2wYbB9cdYb&#10;JgWoyVLtiErXZaqYk0OLfK1BlrqiSWWxkKyIojsHVVfUPD1630VreG7cvvfcmV3PmpvLkMtVGd1U&#10;nTGgssUMYJJWKGMKiC/0AuSbn3Xj1onpNHgaR/yEffuqjOehT6f2JSbw3JNX7jlFHsjaNGdx7yr5&#10;DYClhuy04tyZKt18YUeorrZbsoB2OntQHDpP9k75q+wt35TctVH9vTysKTD45bBKShhutLTIq+ke&#10;OPlrWDSM7ADVb34mvVKk46QbSlELC1zwoH+9+9V68q1PQzdF7axc+YyvYu7Y9Wy+s6Rc/kUcKRV1&#10;tz/D6BA/pdpp1BIIKnSEewkB9+pXp446Crdu58nvPcua3TmZfLkc3XPW1Fv0oDxHEl+RHDGFjQfh&#10;FA/Huj8Ot9MK+kFz/rL/AK/uq4FeqnOOjkdZbM3TtTpjP7o23gcjlN9drK22sAaSM/5BhlJFXWzT&#10;NpjpknKtZ5GQXFNIrWv7twFevcT0B4662rtsrJv/ALCw9JMo1Sbe2QFzeQuDZo5JopIsVTP+PVVO&#10;wP8AYIvapzx6t0sdg1+1Mtu/b+0utuuaSXJ5nJJSDdPYEn8XqoYVPlqKtKBUp8VCaeBGezQzkBf1&#10;EkW2Pl14j14ceo3yb7Hm3dv+t27iq+b+6ezkXb1DRQOVp5ainJFVUGJSIiwmvEjAWMcSFbXPv0jV&#10;NBwHWlx0Wv231vo3NWrdWfGOmo1Cwbn7uyv3UzNZZExFKFI5P1R0K2+vorGsQR7c+Fft6oBqavp0&#10;UMyRoLFtTWtZOf8AeT7rpPT2vo2/xv0bN2l2x3VVRpGdsYE7d228g1K2Qq9BtduAyyNSpwCdMz8f&#10;g3TFT6dNSHXQep/wdFAnnlqZpJ5pHlllkMkjubksxuSSfqSfqfz7a6uOPRrPipRU2IyPYPamRiV6&#10;DrjZ09TAXNr1dTHKUVCbanaCnljsD9ZVBsWF7p69Xc+XRWMpW1FfW1NXVymaqrKh6yrmb6vLK7O7&#10;H/FmYn/Y+69V+Lo2fxwK7P637y7Ul1RTY3bY2xhKgcf5TUKW03uLf5TJR/Tnm/1t7svA9aZcgfOv&#10;7OieuwSIAfqc3P8Avv8Abe2yK9O8T0bnOE7P+HW2aHWIqvsnfUmUqaf6M8EDyFXPAuP9x1Mf9Zl9&#10;2IotB5nrQGp/sHQW9R9S703TufZ1e226+n2vPuahaszOUUUtNJTpUxvOsEtQ0IqpTEraY4S7sbAD&#10;8+6qlOvOaH7BXoZfk9WdY1XbmYq91Zzc+ayGJxtHiU2ptenhpli0Qio01OWqzKimR6gsRDSzlQ2k&#10;urAqvpaVz1uFiFHQAN21NgoFi6+2rtrYP4TL0UTV+YIvq1fxXIGeaCQkC5pVph+AoFh72DQY68O9&#10;v9X+r/D0FWWzOXz1dLks1k8hl8jUG89dk5pKiZz/ALXLKzO31/J96IqOlAUL1Cm+qqP7I90f06Yj&#10;alfn11GpvzwLe/IpHVWzw6wMyXP1bn6fQf8AFfejTpQAQPTrA07fRLKP9p4/437sF63oH2/b1HZr&#10;fW5J96frxFadYixP+t/T231brgfof9b37r3WD37r3XvfuvdY2YgkD/b+/de66jjkmkSKJHlllcRx&#10;xxgszMxsFUC5LEmwA5J9+690J1N1PnaWGGv3pX4frnGTRiaOXd8jx1kkbDUrU+Ip46jLzK620P8A&#10;bLCbi8qrdhbT69ar6Z6zHM9YbWJXb+3a/f8AlI+Eze+b0ePVrfrhwtDUNLIVblTU1skbADyUvJUe&#10;qB/s9ayekvubsPdu64IaHL5iVsRSMWoNvY5IqPGU1zc/b46kSGihJ4uyxhmIuzE8+9E162BTr6nX&#10;8uvn+X38FT/4Bx1j/wC8ThPcY3/9vJ/zUf8A48epq2r/AHFh/wCaUf8AxwdHH9pOl/Xvfuvde9+6&#10;91737r3Xvfuvde9+691737r3Xvfuvde9+691Erq+hxdJPX5KspcfQ0yeSorK2RIoo1H5eRyqqP8A&#10;XPvaqWNAKn0HVJJFiBZiABxJNAP29Icbrzm4nMOysM60R4bdu5o5aeiH+1UlIfFW5D/Aj7eBhytQ&#10;foVHgrF/aHP8K5P5nIH8z8ui/wCskucQLj/fjghfyGGb+Q/pdTMbsaghroczn62t3Zn4G8lPkc0V&#10;MVMx/wCVGijC0lHYGwdEM5XiSaQ8+9PcEjSoCj0Hn9p4n/B8urxbeqsJJCZHHBm4L/pVHav2gV9S&#10;elv7T9GHXvfuvde9+691737r3Xvfuvde9+691737r3Xvfuvde9+690w53cmL29FA1dLJJV1sngxm&#10;KolM1XVy2v46anX1yMByzcJGt3kZEDMHI4jLw8uJOAPtPSe4uktgNXE4VRlmPoB5/wCAcSQOk1Ht&#10;/MbrkFXvZY6TEBtdJsakkEkJAN1fLTodNdLcA/bp/ksZ4P3JVZQ8ZVhxHk+b+f8AtR5fbx+zh0lF&#10;s95mfC+UQNR/tz+I/wBEdo/pcehCVVRVRFVUVQqqosABwAAOAAPaXoyAp13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m/+8iwlesP+uiQPqfbgFOvdYy5P0497691w9+6910SB9ffuvdYi&#10;5P8AgPfuvdcffuvddEgfX3omnWwK9YixP+A9tFq9OhadcfderddFgPr/ALb37r3WIsT/AK39Pfuv&#10;dcffuvdcSwH+v/T37r3WMsT/AK39Pfuvdcffuvde9+6qWA697900Wr1737rXWJ5VXj9R/oPfurBa&#10;9Rmdm+p/2Hv3ToFOuPv3W+ve/dUL066JA+vv3VMt1jLk/Tj37q4SnXD37rxenXRIH19+6plusRcn&#10;/Ae/dXC064+/deL04de9+6aJr1737r3XvfuvdcSwH/FPfuthSesZYn/W/p7906FC9cffuql/TriW&#10;A/1/6e/dVClusRYn/iPfunQtOuvfut9cSwH+J/p7917rCzfk8e2mqTTp5OHWIv8A04/x92CevVuu&#10;Hts8evdYCSfr7doF69117oz1691hb9R90691x9vCijpk1Y9e90L16uEp1wLgfTk+6dX6xkk/U+/d&#10;e64N+k+/dWXj1h9+6uXpw66LAfX/AG3v3TfxHrEWJ/wH9PfunQoHWJmtwPr791Uv6dYvryffutp1&#10;737q/WMv/T/b+/de6wswH+J9tlST17rEzE/U2HuwWnVi1esRf+n+3926r1j9+691IpaWprqmnoqO&#10;CWqq6qZaempoFLPI7Gyqii5ZiTwB78TTrwFelXkK2m2xRTYPD1EVRmquJqfcmcpWDqiNw2PopV4M&#10;VuKiZf8APNeKNjTgtPQd2T+XVydIoPz6QwU/q/pzz78zAY68q+fXRJP19tdO9de/de6V2GwtJT4/&#10;+9O4lK4SKYxY3HajHLlKhCNUEJUFkpoiR9xOOEB8aEzOoGj1vhk9MGdz1fuCvfI5F4w+hYKalp1E&#10;cNPBGNMVPTxL6YoIl4RBwBySWJY761WvUnae1M7vfOUm39v0pqK2qOp3a4jhiBGuedwD44oweTyS&#10;SFUM7Kp0TTrYFerDtvYDYnx82XPWZPIRCeexymYkQCpr5wCUp6aIMX0rz44lJCDVJIw/ck9tElj0&#10;6KKOgOq6bfXyAmfJZOb+4XUeNletjerYL5o4rtJOdWhaiUAMTK9qeH1WLuG12+D7etfF9nSA3R25&#10;idq46fZPTNKcDhh+1k92m4yOQdbqZFlIEkSG5KudLgG0aQKLHYUnj1UtTA6QGyuqt0b5jmy7GDBb&#10;Yg1T5Pd2fYxUqIpPkZGcg1DixvpOkNxJIl7+9lqdaVSel3Lv/YnV8UmN6mx6Z3cnjMNb2Nn4w7Ke&#10;Q4x9M6hUQn6MQFI4cTize601cerlqcOgDzWaymdrp8lmchV5TJVTXmqqx2kkb+guSbKBwFHAHAAH&#10;uxHl1TLdDpsnrjdeMRZcLiZKnf8AV0yyirqwIqTbNNKNQqqueQaEy80PriiF5aaI+XSZygjr/g/w&#10;9XpTC8f8HUeVOpesGeTITxdu73RjIaWnbTg6aUnnzSnU1c6sSTwyP9GWJhq9+qW62Iwpzk9BjvTs&#10;rd+/XRc9khBiacj7Db+NXwUMCqLIsVOhsxQcBpC7gcarce9gBetF/ToOnktdU4H9ffgNWevKK5PQ&#10;qbP25BhqKi3hnsXLmq7IStFsHZqpI8mTqUI/yyeJVZ3xlM39kc1Mo8Q/bWQ+9O3kOnB0qqrrKuee&#10;bd/dm8KfZxy8pr5KKoAqczWFv+OVDD/wHjsNClgFisFMaqAPdOq/M9N9R25gtnwy43p3a8W3S0Zg&#10;m3rnxHV5qdSCCUZg0FErg8pGCL2ZdJ9+Ip17j0B2TyuQy9bPkctXVmTyFU/kqKyukeWVz/V5HLMT&#10;/sfeut9CHtDBY3CYkdj7xpFqsRT1LQbT27OP+LxXxc2dbg/w2kYhqh/pIbQLdmYD3VgKZPSCz2ey&#10;u5cvXZzMVT1mTyMxmqJm+iiwVY41+iRRoAiKPSiAKAAPfuqk149dYTbua3LXJjMDichma6Qi1Ljo&#10;nlYD/VOVBEaD8sxCgck29+69QnoVD1xtPZq+XtLeEFHWpYtsnZZirsmT+Y6iov8AZUTj+jM9wQRb&#10;37pzSAOhQpuw8Z1lsw57bezcNs/IbopGh2Tjpr1mVmpydMmYydZONa0moH7WBVRZX1N64VudUp1Y&#10;AdFDyGSrslWVGQyVXU1+QrJTPVVlW7SSO7G5Z3YlmYn+p90Pb1Rmr02vdgPzz7b61lupNBjqvJVl&#10;Lj6CmmrK6tqEpaSlgUs8kkjBURFH1ZmIA/x97AJ6sAB0NG9a2j6529L1Zg6mGqz1e0dR2Zm6NtQe&#10;dDqiw8Eg+tLRE/vEX8s1wbKCnt0LTq+T0BrvpGgWB/tafx/h7q5pjrw6ftt7O3Tu+p+02zgcnmZV&#10;YLK1FEzRx3tzNMbQwryPVIyqL8n231voeNqdNYHblLV767O3NhJdvbTqY3y22duyLXz1FSbGLGSz&#10;xstIs8j6fJEksjCM3doUbyrYD1630ybt71pMluCuz21tk4Wgy9UVWPcm6FXKVsMcShIUo6eZRjqB&#10;IoxoCxwOSOWdmLMfVr16tOgT3NvDc+76v7zcmeyubmUnxHITPIqX+oijJ8cSn/Uoqr/h70TXqvUf&#10;bO28tu/P4rbWEgNRlMvVrSUyc6VvcvJIQDpiiQF3a3pRWP49+Ar1voSe2tx4uCLFdX7NqBNs7ZDs&#10;tVkI7AZXLMNNZkZLEh1DXig5YLGDoYoygeJ68TToFOEGom/9Le9dUrq67gjqKypgo6KCWoqqudaa&#10;mghUvJJJIwVERQCWZ2IAA5JNvfurBa9D92fV0/WuzcX0xip0fNVLQ7l7Srqc38la6LJSY3X/AGoa&#10;GPSxAJVn0OAr+RfeyKdOBei4j1m7Gyryf99/j711s0TrLT0tVk6umoKGCWqra6pjoqKlhF3kklcJ&#10;HGgH1Z3YAD8k+608+vKfLo1O/tp7lpNv7e6J6+wmSzxwLLuLsfK4yImnlzNTGpEU9UQsEUVFDYAv&#10;IqkGPWA8R92OMDq1fPoJV642zgiG352Lg6CdRqkwGzR/G6+4PqjkkgkixdO//BqpiPyp+nummpyf&#10;2dbJp0IHWn9yty75wW0dg9dwVZqaktX7q7El/iU0FFEPJU1KY6JafFQyJGp8YlSoBkKIWNx78Dmg&#10;6qBTj0lu+u26zfu78jQYbIVMGxsKww2AxFHIyUkkVNdPuvAmmJjO92QlbrD44/7PurtqPVgKdAGo&#10;MjAE291Ar1vh0avqBf8ARt1pvnuupVIstVxHYvXiTcE1M1jUVSahZhFpuCLcQTxk+oe3V7c/kOtN&#10;6ft6KZJIrOzyytLI7F3YG5JJuSWP1JP19tdb6W3Wu0Z9/wC+NubUplMa5bJJDUzKNTR06XlqpR+L&#10;xU0bsBxcgC4v7sor14mnS8+TG9abdXZlbi8QVj23sakj2Zg6eE/tqtJdahkAJWxqNSKwJ1Rxxm/0&#10;Acp1oCnRfVS/J4HujP04qV6N/wB0Ada9LdVdRJ+zmMxCd/7wh5WQSTF/BDKt7EJJI8f+vSKfr70c&#10;CnVI+9i3pgdE3LE/4D+nunXujhV5HXXxRw+NN4M12/uVsxVIw9Zx9KUdCDa4QrT0zC31FQ34JHtw&#10;cOvUqfs/y9E8ZizFj9Sb+2+nwKdHvyOys7j/AIq7J2zjoqHHVG887/ezc2QzdZSY+lipWLzU7TTV&#10;k0K63iWjKopZ20NpU2t7vTHTeruPyx0WdtudX4OVUz+88lvKvVhGMJ11TMkJc/2Gy2TiiAN7C8FH&#10;UKf7LH8NlgvVkrT/AFf6v59GX+S2+6/rL/Rp11tGhwuMm29syGqSrrKalyNXRGRhTKlPU1MMiRTE&#10;UZLzRxpK9w4ZARdxjSg+XWo6GrGvH7MdBp8bKvP7+7+2zlNzZjKbhqMLRV+alqMxUSzuNNLJDHpa&#10;RmKhJ54yFFlGkC1hb3pcnqjYU9AZ2tm13J2bv3NRvrgyG7a6Skc8XgWodIL/AOPhVfbDdzH7enhg&#10;Z8h0H8wuVF1UAfk+3evRvpHz6xoF1Acsb3/oPfuvOxI6xyytrYKbc2uPr/t/eurxxgip66jYhJG+&#10;ptb/AHj/AI37ovAnrUhyB1GJA+vtvrdS3WD3cvXh091icg2sfp7p17rh7917ro/Q/wCt7917rB79&#10;17pcYHrjeO4qL+LUeIaiwCtok3NnpYcdjFIBJBr654KVnAH6FdpDwFUkgHYUnrRYDp2OG6u22dee&#10;3Nk995FCCcPsVDRUIIB9MuZyVOZWIYAMIMfIjAkpUfT3vA69n/V/q/y9cJO18vjY5KTYeJwvXVI8&#10;Zieo21G7ZORSNJ8uZqnnyYLgnUsM0EJJ4iAAA9qpwx16nQYVNTNUzS1NXPNU1M8hlnnnYvI7Mbln&#10;ZiWZifqSbn3XrfUUsT/gP6e/de678bfVrIP9q4/3j6n3unWq9fVu/l1/9u+/gr+f+cOOsef/ACSc&#10;J7jG/wD7eT/mo/8Ax49TVtX+4sP/ADSj/wCODo4/tJ0v697917r3v3Xuve/de697917r3v3Xuve/&#10;de6bcrmcTgqRq/M5KixdGrBDUV0iRqWP6UUsRqdvoqrdmPCgn3dEMhooJPy6amnS3XU7BR6k0/1H&#10;5dJD+8W59wEJtTBNjaByVO5d4RywJb6a6bF3jrqi/wBR5jSIRyrOPb3hJF8Zqf4Vof2ngPyr0i+p&#10;luf7FNI/jkBH7Ewx/PSPn1Kx2xaCOriy24K2t3dnIZBNBX5wo0NO4vY0VDGqUdGVuQHSMzkcPM/1&#10;96a4JGlQFHoOJ+08T/g+XV4tvUNrkJkccC/Bf9Ko7V+0CvqT0t/afpf1737r3Xvfuvde9+691737&#10;r3Xvfuvde9+691737r3XvfuvddMyorMzBVUFmZjYADkkk/QD37rxNOg/fdWR3G70ew4KeqplZoqn&#10;eWRDHGxEXUijVGSTKzKwt+0yU686qnWviZV4IizJ/vA+I/b/AA/nn5efRabxrrttwCPOU/AP9Lw1&#10;n7KL6tXHT1gtq0GElnyDy1OXz1bGI8huHKlZKqVRyI1KqkdPTqeVghWOFSSwTUWYtSTGTHADgo4D&#10;/Ofmc9P29osBLZZz8Ttlj8vQD5Cg+XSn9tdK+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m9l/6f7f3kh1h/1jJJ+vv3Xuve/de6xl/6f7f37r3WP37r3XvpyffuHXuPWMv/AE/2&#10;/tsv6dOBPXrH7b6c66JA+vv3XusZf+nH+Pv3XuuHv3XuuiQPr7917rGXJ+nA9+691w9+691737rR&#10;NOve/dNl69e9+6p1xZ1X6n/Ye/dbAr1GeVmuBwvv3TgSnWL37q/XvfutFqde9+6aLE9Yy/8AT/b+&#10;/dWCevWP68n37qxIXr3v3TZYt1jL/wBP9v791YJ69Y/furFgvXvfumy1eve/dV697917rokD6+/d&#10;eAr1jL3+nHv3ToSnHrh7914tTrokD6n37qmW6xlyfpx791cJTrh7914vTrokD6+/deQ16xlyfpwP&#10;fur9cPfuvdYX/UfeiQOnk4dcfbRYnq3WMv8Agf7f3YJ69e6xFgPr/tven49e6xFif8B/T3Tr3XH3&#10;7r3XEsB/r/09+691jLE/639PfuvdcffuvdcSwH+v/T37r3WJmJ+p4Hv3XusRf+n+39+691j9+62D&#10;TrokD6+/dbJLdYWNyT791cJTj1jLgf4n37qwPWMkn6+/db6wlyfpx7917rh7917ri/6T7917rD79&#10;17rNT089XPDS0sMtTU1MqwU9PApd3dyFVEVQWZmYgAAXJ4HvRNB17pY1s8O0qObEYyaKo3JWRtT5&#10;7MUzBkpYmGl8fRyqSGdgSKqdDZ+YImMXkedsEHj07TTgcfP5dIUKF5P+3PvRYnrYUDrG0ovpXm5s&#10;T73o61r64lgPr/tvdOr9KzBYKkaifcu5Xlpdt08xgp4ISFqMlUIAftKQkHSq3BnnIKQIRw0rxxv7&#10;rYFMn/i+mXOZytz9aKusMaJDCtJQUVOCsFNTxi0VPTxknRFGDxyWYlndmkZmb3WuPHpw2dsnP7+z&#10;kGD2/SGedgJKuqkuIaaLUA0072OlFv8AQXZj6UVmIHvRNOtgV6PnTw7P6A25R4PDUE24t6Z1QlLQ&#10;0ceqvylSOAz6Q5goomJsOVRdWkSSFyzdS32dbGf9X+r/AGOg1yWIT+P4/cHcdQm7N9ZH1bW6oxUi&#10;fa0iH1A1RLNDDTxhdUskjeLSju7VFiF3X06vxz+wdB5vjfe9O0K47A2bC+Zp9Sx5E4FClJIIyNMU&#10;LPpWHGQOotLKymocCV9CCCCHYGnJ68x1YHTaNs9a9RgVG/KmDf8AviKzxbKxD3oKSQc2yE5BEjKR&#10;6kIP1sYHQ6/fqluHWqBePQXb37N3X2BKkeWq0pMNTMP4ft3Fgw0VOqiyBIVPrdV4DuWYXIUqp0+9&#10;hQOqlq9Mu2Nn7n3nkFxe1sLWZWp1ATPAtoYQ3AeeZrRQr/i7C/0Fzx72TTrQFeh5pNs7C6HqqTM7&#10;4rY97b+jiWuxG08K3+SUbkao6irqHFy30MZ0+n9axSemRK1J4dXPbx/IdBbvruTee/Fkop6qPCbf&#10;LMV29gwYKY6mLMaix11Lsx1MZCVLXZUUn34r1UtXoJLon09bf6o/T3otTHWi1epOOxuTzVbDjsVQ&#10;1mUyFS2mCjoY3lkY/myIC1h+TawHJ490Jr14CvQ94rpig2bTUW7+5slBhMMtSPBtKhP3GRrpFUSC&#10;nbwtop0ZSpchyVU6XaBmVxsMaU6eA0jPWLdXyDqfPVL15t+j2eKmnWgbOuEnybU0YCRU8MpUxUFL&#10;GgAWCAFYzzG6kknyivWtWrh0XfIZGvytXPX5OtqshW1LmSoq6yR5ZHY/VndyzMf8SfbmE62BTqF7&#10;bZtXW+l7snaVFlErt07olnoNjbfkUZWqhsJqycgNFjKDVYSVc/Bbm0MWqVyAF1V49bA6fJcTv3uP&#10;MtkcRt6RcVQU647GwU4EGLxdFCG8VMtTMY4I0iUEtdtbtqfSWa3v3W6FuprYPqfY3q3TuCXsbORc&#10;nbeyZDDjUcWOmpy7rrmRhcH7ZNQP19+69QL0ns73LueuoJMDtyLH7F2wboMHtKP7YOv0vU1QJqqp&#10;2U+ss4VySSnNveqdb8Q9YdibaxcdFV9h73ieTaOEqPDRYwtokzORA1x4+EkEiBf11MgHojuo9Tce&#10;J68vqekbujc+W3dmq3cGamSSsrXHjhhGmKGJRpiggj5EcEEYCoo+gHJLXJrXz68zE9JzSx5PA+t2&#10;/wB9z70Frx6rUD/N1xLKv+1H3enVxU/Lof8AbdDW9a4GjzsNBVV/ae9qBk2Nh6aJpZsZj5gUfLNC&#10;gZzV1SkpSLp9K6pTflPfuHVgoHSdi6hy+PjTJ9ibgwnXtLUj7jRuCUz5SVWNzJFiqby1jvybiQRc&#10;/Ui4vVjTr3xdY/7xdTbT427tWv39lo/pmd9P4KAOL+qLE0cmqWM/6moqGP1uouLUr1brug3L2X2/&#10;msfsynzBoMXVuQ2HxCJQYqjpUu800tNSiKIw08d2LSamNgoYsQDqtetgdNnaG78ZXHF7F2YzJsPZ&#10;2qnxklrPkaxuKrK1Fra5KhriO/CRWChAzL7uoB60T0EzXA8aXY/VyPdT8utcesRGn9RAt+Bz71Tr&#10;xPRhoGPTPXv37Kafs3s3GGPGhj+9iMDIbPUW+sVXkmWyH9SRi4ZJEdTvh1unr0XHVe5YkgfX34Cv&#10;VTjh1gZixuf9t7r1sCnRhOqMfR7F29lO7dw00U5xUrYbrrF1QutbmHVh9yVI9VPQLdywI9atpYSR&#10;qDsevVh0F2M2d2F2JW5DNUGEzGdlraqSuymdnUR0xlkdnlknrZzFSxszEk6pF/P4Hv1K9OlvTpQy&#10;bE2Zt1Ad69kYpqhPW2B2DH/GapiLao3qw9PjIHB4/wA/LY/2frb3TYUsc9DV17kuutlbO3D2xjti&#10;SU6YKT+C7Jy276xqyuyOYlUkGKCGOmoqaGlT1SFI3ksH0TBo2B0GoK/6q9X00/1eXRZt0dk773oz&#10;/wB5d05fJwSSGU0DSeKkDMSxKUkIjpkJJvdYx7ZLE9XGOkafQlv7T8n/AAH9P9j72e0dNg6j8h/h&#10;6NBhNXT/AEfkNySI1LvjuON8Jt5nGmWmwkYU1NSpNnUVIcFSv1100i/pPuwGkV8z1bifs6KrZB/a&#10;LH/af+Kn3UJXq4Unp5wOGr9xZnEbexEHmymbr4sfRxD/AFUrhAWP9lFvqZvoqgk8D3Y4x1ric8B0&#10;OXyO3Bj6PI7b6l23UtJtrq/FrjJnHAqMnIA1ZO9iQZFNlYf2JWnC2B9+kPl6dVUefRYfbXVujcdI&#10;+PrTrbsbumrUJkY6I7L2Pr0nVXVOkyzKrAkiFzEbi14451ve9nfhHWiK4/PooLu8rvJI7SSSMXkk&#10;ckszE3JJPJJPJJ90LV630MnQeyf9IHam1cHLCJsXS1YzecDi6faUVpnRxz6Kh1SD/XlH0+vvaDUe&#10;ru2leo/d+9ZOyO1dz5ukZ6qhfI/wbAJCC2qlpf8AJ4DGoGr/ACgqZbfXVIR/h707ajXqyLpAHWPb&#10;XRnYO4MhiKWsxcW1afNVaU1FVbtmix7S63CA09LUslZVk39Ihie/9QOfetJ6pwNfTownySznVkG6&#10;cJtTJz7tzEPXe34NvUe1MB9rR00beOOQmbKTCpYO8PgjdIaRtPit5Fe4W7EDHWowTnoBtu78r67P&#10;YTbHXO0trbKqc5l6fD0uSoqc1+T1VMyRKxyWTarmhZWbUWphTAWvYAC1K9PH16Ef5hblGR7Mo9tQ&#10;1E09HsjblPjT53MjGpqVFVNIzknVI8DwKx+pZTc34G349MoMfaa9Ap0pts7t7Y2HhGiM8M+44Kys&#10;jAvqp6QmsqAb8WMMDX90RKnp1jpBPSm+SmfO5O7d71IcGDE5BdvQKCPT9hElNKPqfrURyMf6E+7t&#10;k9UBooH+rPQq/EMpgU7i7GdTp2lsRkV3sAfJ5q1lBPBt/DVuP8Vv9R71GeJ6rIOA+Y6Jd5pJpWdy&#10;SWJeRjyWJNySTySSfdQKdOPgdRmOpif6n3UvTh1YCnXKIhSzE/pW/vSZz1V/TqIxuST+fddRPTlT&#10;w65F9MJt/ab/AH3+9e7cF6b4t1EJJ+vtvpSvDrCWJ/wH9PfurdcffuvdKrb+x93bqjmnwG38jX0V&#10;N/wMymgRUVP9BeprpjHR0y8/WWRB/j72AT1omnShbaWysEnk3dv+kratRqbb/X0X8Tlv9NEuSlam&#10;xUfN7vBLWAAXCm497pT/AGOtA1/2esbdi4XCao9hbEweGccJnd1BM9k/6XVqyBMXA35DQ0Mcqt9J&#10;TYW9X0/z9epXj/LHSEz+59xbqrf4juXOZXPVoXQlTlp5J2VeLInkZvHGAAAq2UAAAAD3omvWwKdM&#10;RIH1966316zkXA0r/qn4/wBtf37rVeuFo1+pMh/ovA/255/3j37r2T17yEfoAQf7T9f9v9fe69ep&#10;1jvfk8n3rrfX1cf5df8A277+Cv8A4px1j/7xOE9xlf8A9vJ/zUf/AI8epp2r/cWH/mlH/wAcHRx/&#10;aTpf1737r3Xvfuvde9+691737r3SczW7MBgJY6XIV4ORnTyUuGoUkqq6YXteGjp1lqZFvwWCaV+r&#10;MBc+3Y4WkyBj1OAPzOOks95HbmjHuPBQCzn7FWp/lTpj+631uC4oaKn2PjWItW5gR1mTdfyY6OGR&#10;qOlJ/stLNOQD66dSLe3KRx8TrPoML+05P5Afb0xruLn4QIl9Wozn7FB0j8yfmvTjitk4PGVgy061&#10;WczoXT/HtwSfdVSi97QlgIaRD+Up44UJ5K3590ednFOA9Bgf7P516dhsY4m1mrP/ABudTfl5D7FA&#10;HSu9s9LOve/de697917r3v3Xuve/de697917r3v3Xuve/de697917r3v3Xukpmd347F1gw9JDVZ7&#10;cckYki29hgsk6q36ZalmZIKKna3EtQ8aN9ELvZS9HCXGo0C+p4fl6n5DpHPerC2hQXf+Bcn7TwCj&#10;5sQPSp6aBtXKblK1G/KmnnojZ4tl4st/Dl+vFdK6pLlXH+pdYqb6f5MzASG/jCLEfH+M/F+X8P8A&#10;h+fTP0j3Wbggj/fS/B/tjxf86L/R8+hAREjRI40WOONQiIgACgCwAA4AA+g9pia9GIFMDrl791v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m7+8kOsP8ArgXA/wAT7917&#10;rGST9ffuvdde/de64FwPpyfdC9OrhK9YySfr7bJr04BTrr3rrfXAuB9OT7917rGST9ffuvdde/de&#10;64F/6c/4+/de6xEk/X37r3Xvfuvde9+6bL+nXvfum+PXRIHJNh/U+/de6wPN+E/5KPv3TgT16jkk&#10;8kkn+p9+6c69791omnXvfuqF/TriWA/xP9PfuqhSesRYn6/7b37pwAL11791QvXh1wLgf4n37rwW&#10;vWMkn6+/dXwvXXv3VC9eve/dU697917r3v3XuuBcD6cn37q4SvHrGST9ffur1C9de/dNliesZf8A&#10;A/2/v3Wwnr1jJJ+vv3VyQvXvfumyxbr3v3Vgnr1jf8e/dXHWP37rfWMv/T/b+/dOBPXrCzAfXk+2&#10;ytT051iLE/X/AG3uwAXr3XXupf0691H9t9e697917r3v3XusB+p/1/fuvdcSQPqffuvdYy5P049+&#10;691w9+691xf9P+v7917rD7917rgXt9OffutqKnrGST9ffunahesLk3t+PfumyxPXD37q6CnXRYD6&#10;/wC29+6v1g9+69173Rmp17rg5Frfn3VQSa9OsQBTrqKKWeWOCCOSaaaRYoYYlLO7sQqqqqCWZiQA&#10;ALk8D27010tZqiLZkFRjaOWOfddZC1LlshAQy42NhaSjppFvqrJFulRKp0xoWgQktI3toksK+X+H&#10;p1ew08/8HSCeRU/xP9B70F1dbLBeozO0nB/2w9uABemyS3XeiwJP1tf3Rnr1dUp0qNv4KjqKefP7&#10;gnlpNt4+YQyeAgVFbUW1iiowwI8jLYyykFKeMh3DM0UUrZPV+GT0253N1GcrBO8UVHR00f2uLxdL&#10;cQUlOpJSCEMSbAsWZ2JeR2aSRmkdmO+vccn/AIrp72JsHPdh5uLDYSLSikSZLJSg+GlhJsZJCPqx&#10;sQiA6nbgWAZl0TTrYFerIdn7Iw3WW2Xxm3ooRMIzU5HL5EqpmlVTeoqnFrQxC9kU2RbgclnLJOrp&#10;3SOHRX9zdr0lDnazFdXQtu/sDcE/2WR39VRrIb20/b4uI3SKliA9JuIEVdbec3mDlBTPWtVMDr0n&#10;X1JtvCVGS7G3U+BjzhM27M9JI0+YzL31NjscjhpYqFTYyysrSVLgM0a0qxs3q14f8V16lOP5/wCb&#10;oKNx90PS42bavV2KTYm1jdJ6mmIOTreLeSpqgWdGYf6hi4Hp8pT0jwXzPVS/p0EuB23uDdeRXHYD&#10;FV+Zr5jqMVGhcgE8vI/6Y0v9Xcqo/J92Jp1UAnobP9H3X/XCCp7T3AmczqC69fbRkDyI1r6chWhl&#10;WAA8OilWH1RpB78DXh+09eoF4/sHT9kO1Mhi9txVIxeK2lga6Ey7J62wyhFqVJ0HKZqVQk1RRjSd&#10;EbaFrXA1xtCju9NNf8p6vr0/5B0WDKZOsytdV5TKVUtbkK6oaqqqiU3d3c3ZmtYD/ACwAsFAAA93&#10;6a1Fj1IwW3NxbsrhjduYevy9UbFoaGMsEBNg0r8JEl/7TlV/x9+NB1YCvQrr1xsrZIE/aG7EnykZ&#10;1f3H2WyVVXcX9FXWX+2pDqHqW5Yqbo9/oyBXq+gLx6VeC380+NyU+3MZS9U9Y4YLDma/A6ZcxkJm&#10;GqKghyM4E09dUWuCmn7ePVJK7Iqht06tXHoP9X+r1+fQC713lkd5ZX76sVKSjpYvs8RiYCTFSUwY&#10;ssSlvVJIzMXlla7yyMzsbmw8cdNs2rpFOwNrfj34NTq6LTriFZiFVSxJsAP6n6f7f3qlerE06GPa&#10;3SO68xTrndyJHsrZ9OBU5HcG4z9uFgut3hp5NM0zNqAj9KxuzKA/I97wOtgE/L/D0ut3dl9SYiLF&#10;4nam2J96Ue24DTYCn3CZKfDxSE3lrHok0T5KqqW5leo8akaQiIqhfdet1HQG7s7M3pvRVps1mJRi&#10;orClwOOVaWgiUW0qlLAEiIS3pLBmH+q9+68WJ6D1ybkfj37rXS72Fsz+9dbWVeRqjiNp7egGS3Vn&#10;nUstPBeyxRi37lXVMPHBGLl2ubFVb36vVlGc9c99bw/vVXUsNFSfwbamCpv4ZtTb6G601KDfU9if&#10;JVVDfuVEpJZ5CbsQFt6nXi44DpBlxe4Xn/VNz/vH0HtvVXh1QKT0IWF6o3xnKQZaagg25gPq+493&#10;TJjqMDn1LJUlXmW4I/ZSQ3936d0kcMdCvgNi9T7N29U9hbjztZvxMRWilxGLoYWosZksil2FJFJU&#10;qaqtghIDzSiOOBVupE/MTa1U6sEp0i90fIDfmfqa+ox81BtCPJG1Z/diLw1U4UaUE9exetfQllAW&#10;RIwAoVFCqBTUePWmboDqmqnq5paiomlnnmcyTTzMXd2JuWZmJYk/1Jv7px6qXr1jiilnljhgjkmm&#10;mcRRRRAszMxsqqouWZibADkn3ulOroKDoftzPF1Fs+TYVFJEN/bto0qOw6+IgvQUbhZIMJE4+jyK&#10;RJV6TY3Ed3QrptSnVq9F+YrHYgXcj8/09+rQde6ivMx4H0+lhwPda1690MHVG1MVKMp2NvWInY2y&#10;StRNTPwcnkCQaTGQggh/I9mmsCEjtrAV9Q8B1sdB9vDdeX3vuTKbmzcokr8pUeVkThIo1AWKCIf2&#10;YoYwEUfWwuSWJJ9x60T06YTrHfW46cV1Bt+rpsMF8j5/NFKCgVfy5ra1oKcgAfRWJ/oCbe9nPDrS&#10;qehH2J07s/cG46HbuU7DgyuRlR6quoNiQNUw01PEpaWepy1Z9vRQxxgWLRpU3YgKGLLq1Tq9Opu/&#10;u8sUlVQ7d2FtDa/939lwvhdqZrOwHISiNWAesgpqn/IYpap0EjSPBJM/DO4PpXzHrdadAduTfe8N&#10;1hX3LuPLZZQb01JVSt9vFb8xUy6aeEAfQIigDge9dVprNPLqDs3aeV3zufDbVwya6/MVi0ySMCVi&#10;TlpZ5LXPigiVne3OlTbmw9+6eJp0J/d+6MbV5PFdfbScJsbrimbCYtlYWrKy/wDl1e+k6ZGmmBCs&#10;LggM6WEpHuj5+wdUDft+XQHKqC7XLBefpb3UAcetkk9CR1NsaTsffGNwMhMGJi1ZXcleDpFPQU9m&#10;ndpDxGX9MSseA8ik8X97XuPW6aR1k7p7ATsLfFdkKA+LbWIiXAbTo0BSOKgprpGyRkDR52vLYi6h&#10;gh4QW07VPWwKdBKp1XP0ReSf+I97U46uGxToz3RNLDsjbe9u98xAjjbVE+3tlU04FqjK1arGWF7M&#10;VhSVVYrf0STH6xn35TTu6oc4/wBVOivZCtqsjXVeQrp5Kqtrql6yrqZjd5JZWLySMfyzuxJP9T7b&#10;631zxNBWZavo8fQU71NdkKuOgoKaMXaSaZxHGij8lnYAf6/u+mnXujUd809fBFsLoHZOPyGdGxMT&#10;HX52nwkMtQ0+Vq0MjyNFErNdVleUEqLfcsPxxt/Qf6j1oZz0Cv8AooyWLAl3tuPamxEHL0WYqxU5&#10;G1j/AMuvGrW1sbEiwEyQi/1IHPulOrdGb2Emx+mumd49oYmbL7prN2SjY+HmzEIxa1Fy3nFIsM9T&#10;UR09xIzO0iyuaQhUhsHZwHSPt6qQXYA+WeivTdv7no0en2hTYPr+lZdFtl0q01SVtYB8nIZ8tJx9&#10;b1Njcm3tuvT+mvHoWPixj/4lv/cnZ26KmprMZ1xtqqz9fkK1mmbzyxSomp5WN2FMlQ6km4dFI55F&#10;k416YkPH5mnRaNzZ2v3VuHN7jriWq83lZ8rUkG4DTytIyg8WVS1lHAAAAAA91Jr0+KKOjA/ErbMO&#10;X7XhzteYkxeyMNVbjrJpuY1fR9tDqNrBkacyryP8yT+LGyCp6pITTHnjoD997lk3du/cu5pVYNn8&#10;5U5RI3/3XHLKzRR/60UWlB/gv591OetqK/lj9nRifiFRw0e697dgZFT/AArYGyKivmkWwCSz6mB1&#10;EWF6SlqR/vN7Ag7XGetSDFPU9FNyOQqchVV+Vq3MlZk62WtqZT9WkmdpHbn8lmJ916scno3Wy2G0&#10;fh92Nm2LJX763QuDoW4s8Iakp3X8HiNKv+o+gsOT7sML1o1LD5Cv7cdEzT0xu/0v6R7br1s5I6il&#10;/wCn+391CevV+uQ4iY/ljbn3ZsDqhyeojk3t+B70tAK9KFoBXrJKbKi/4Xv70+AB0nU1J6U2A2Hv&#10;HdET1OD29kKugi5qMvKq09DFzpvPX1LRUcAv/q5V+h/ofdApPDpQDpGensbO2Vg2J3d2DRVU0a6m&#10;w3X0BysxI/sPXSvR4uMMf7cM9VYc6DwDugHE/s6tWvD+fXn35tfA2TZPX2HgnX9Ge3yy52tuP7S0&#10;0sUGGjueQDRSMtgPIbEt7UBwH7c9apXj/m/2f59I7cW9d2btaJtybhyuXSnXRSUtXMxggUXstPTq&#10;Vgp0FzZY0VRc8c+9E16tw6Skn4966910I3+pGkf1bj/e/e6dV1Dru0Y+rFz/AETgf7c/8U9+62CT&#10;1haUg2RVW35+p/25/wCIt7116nWIksbsST/U+/db669+6910SB9ffuvdYixP+A9+6919Xb+XV/27&#10;6+Cn/im/WH/vE4P3GV//AG8n/NR/+PHqadq/3Fh/5pR/8cHRyPaTpf1737r3XCWWOGN5ppEiijUv&#10;JLKQqqo5JZjYAAfUn34CvWiQoqekQ++6Gtd6famPyG8KhW0GoxAVaBG5/wA5k5jHRkKR6lheaUf8&#10;ciePaj6YrlyF+3j+wZ/bQfPpAdwWTEKmQ+q/B/vZov7CT8uuP8E3dnPVuHPrg6JrE4PZxZHI/KTZ&#10;WZVqXBP5poqNha2the/vESP4RU+rf9AjH7SeteBNcf2r6B/BHg/m5z/vIX7elDhduYLb0UkeGxdL&#10;QGdtdVPGuqadv9XUVDlp6iT/AGuR2b/H23JK0uWNf8A+weXSqC1jthRFArxPmftJyfzPT37b6f69&#10;7917r3v3Xuve/de697917r3v3Xuve/de697917r3v3Xuve/de6Yc5ubC7dWD+J1emqrGKY7GUqPP&#10;V1TqLlKalhV552FxfSpCg3YqOfbkcTS8Bw4ngB9pOOk890ltTUcngoyzH5AVJ6Tng3juoH7uSfYu&#10;Ck+lHSPFLmZ0NuJahDLS45WFwVgM81rMtRA4K+3apDw7z6/hH5cT+dB8j0l0z3fGsSegIMp+05C/&#10;lU+jA9KvDYLEbepDRYaghoYHlM8xS7STSt+uaeZy01RO9vXLIzyMeWYn2zJI0pqxr/k+z06WQW6W&#10;y6UAA4n1J9STkn1Jqenb3Tp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5uJYn/AAHvJDrD/rj7917rosB9f9t70Wp1sLXrEWJ/wH9PbRYnp0KB1x916t1x&#10;LAf6/wDT37r3WMsT/rf09+691x9+691xLAf6/wDT37r3WIsT9f8Abe/de669+691737qpanXvfum&#10;ia9e9+611ieVVuBy3v3VgleozMzm5P8ArD37p0CnXH37rfXvfuqF6ddEgfX37qmW6xFyf8B791cL&#10;Trj7914vTh10SB9ffuqULdYixP8AgPfunAoHXH37qpf0697902TXr3v3Xuve/de64lgP9f8Ap791&#10;YLXrGWJ/1v6e/dOABeuPv3VS/p1xLAf4n+nv3VQpbrEWJ+v+29+6cAC9de/dUL+nXvfutBSeuiQP&#10;r7905QL1jLk/Tge/dUL14dYmbT/sffunIkr1iJJ+vv3T+F669+6oXr1hf9R90ZqdXTh1x90y3Wya&#10;de9uBKdNF69R/bPT3XvewtetFqdY3Jva/Fve2FOtKa9R2e3A/wBv7r1brGST9ffuvde9+691jL/0&#10;/wBv7917rETYEnn37r3WIsT/AK39PfuvdcffuvA064lgP8T/AE9+6sFJ6ws1+Tx7906Fp1iL/wBO&#10;P8ffut9cPfuvddEgfX37r3WMuT9OB7rpqa9e64WY2CqWYkKqjkkngAD8n37V5de6XEjjYiNDGyvv&#10;aeHTUTqbjDpIvqijP0OUZGtI3/KICUX/ACnUYNfF9n+Hpz4Pt/wdB/7qzV6b64suq39B70raerhK&#10;8evelf8AD3omvV8L0pMBhqatSfL5uomx+2scwWsqYADNUSkakoqMN6XqpRySfRDHeWTgKr1r1pTq&#10;ycD/AA/LqHn89LnaqJlpocdjaGH7PD4ilv4qWAEsEUn1SSOxLyytd5ZCzseQBvq3HJ/IdK7rbq3c&#10;PZOS8GPQ0WHppQuVzs6kxQg8lUW6+ecr+mNSPqC7Ip1e9FqdXC16Pwp2J0fsxiVXGYejsGlIV63I&#10;1RB+vCGeoktx+lEUGwigj4bPd9vTlAvRY8llu1fkTVvR4WlO2ev45wks1Q7R0zBW+tRMAHrZgw4i&#10;jXxo2nUFI8pthOq5fpmqt57F6S+8xHXMEe7N6mJqPJ75ygVoIW4DxUUKkqyhgSbNpuFDSTgaV0T6&#10;/s68SF4dAJU1W8Oxtwa5ny+6dwZBtKqoaaQi/wBFRRpihS/0AWNB/qR7pWvVMt0K0HVu09iJFX9w&#10;biENWYxNBsLazpUZGT6ELUzA+GlQ/wDBgHF9EwYW9uAny6tQLx6aNxd15b7CXbmwcbR9d7Va6/ZY&#10;K/3k4tp1Vdef35JGXglSpt6WZwL+94XJyeqMx4DA6S+Bw+OwuNj3vvCGOqppzIdrbbnJ1ZOoQlTP&#10;UgFWTGU8v+cYkGdwYY7jysmqlz14AIKn/i+sWO252F2vl6zJY/HVuXmml/y7MTBYaOAKvCNM+ing&#10;iijWyRqRpRQqJYAe94XrYUyGp/2OlV/dvqfYZ17tz0vY24YvU22tnSGPHI4B9FVlGAaVdXB8ADqR&#10;6lPupYnh1chU49MW4O5Nz5GgODwK0OyNsqNKYLaafbKw+hM9Stqmd3B9d2CueWQn3qn59aMhPyHS&#10;P2ltiTc1RWVVdV/wnbGEiWt3LnXXUtNCxIRI1JHmq6lgUghB1SP/AEVXZak162or/lPXHeO7Vzst&#10;HjsXSnF7XwUbUu3cMNN40YjXUVLLYTV1UVDzyflrKtkVQPcOtf2n2dMOE27ntz1qY/A4nIZesbkQ&#10;UETyED/VNpBCIPyzEKPyffqdXFBgdCiOr8BtQCftDeePwU8Zu+09uGPJZZiPrHIInNLRMfw0rsLg&#10;gge94HW6E8cdPu2t4QTZiDAdM7Kxe3qsK9RPvjdhjrshT08S3mrpJplNHjYYY7tJ40ccAKSxCnRN&#10;erKKcOkh2b2NNn1i23jsxlMtt/Gz+arzOUkkapzNco0NXTB2ZoqZeVpaf9MMX1GtmtrrTNXA6Bd2&#10;1MW/r7917rhyf0gn/H8e90r17pQ7U2rkd4ZylweM8Rnn1TVNVUMI6elp4xqnqqmU8R08EYLO31tw&#10;oLFVPuHXgK9CploMtvGKl666lwmVyWzNu1LTVWRpo2X+J15ULLkq6Z9EMCW9NOkjKIojybvYaB62&#10;2cDpnbYOzdtHydg77o2qkvr2vsER5KsBFwY5awsuOpZFI5BeU/7T/TVerrHTj11/pQxO3P2+t9kY&#10;bbkycJuTOhctlbi48kclSn2lKzA8iKEW/wBUfqami/5unBjpu27jtwdrZ6sym8dyZJ8BgKc5XdW5&#10;MrK8q0lIp/zcOssonqCPHBEg5Y3ClVPuw4Y610xb/wB7f3vyNNFj6QYjaW3qf+F7VwSfppqVTfU9&#10;v11VSw8k8hJLObaiFX3oj16qX9Og+OqQ3tYfi/0HuhBbpvrqyL9W1f4Dgf7f3tRTrajodtkU9N1t&#10;tkdsZumgkztcZKLq7CVS6tdSoKy5iaNvrTUV/wBm4OuUgjTZJPe2NOnQvr0BlZW1WSrKvJ5Kpmra&#10;6tqXq6qpqGLPLLIxd5HY8ksxJJ/r7b69XPUMB5HVVVnkkYKiKCSSeAABySTwAPeuPW+hY2p0T2Ru&#10;uqo0GBmwNDWSXGR3IRRL4xZnljhnKVNQiRnUfFG4t+Re/uwUnrdOhI7D3B0zTUOC2XQ53cef2zs+&#10;IpTYPacUVNFWZA3+6yFdk6sOJJJmJVfBTyoiX8UgV7L40690Fj9qRYVWj2Hsnauzmt6crNEctk1u&#10;LG1bkvMkTEc3gghseRbi3vh60DXh0HOf3VuTdVX95uHOZbOVV7JLk55JioP9mMOxEa/0VQAPwPde&#10;tkUx0Omdv0x1uNoRftdk9k0aV+7pE/zuMw7A+DGn+1HUVZ9UwsCFLIwI8T+98B1v4ei3KnN39Kj6&#10;3+v+2+vtsipz1oOKUHHrE7xsxY3c/gfQf8V936sqt8h/Poy2AkPTfVFTu1wtP2B2nSyYjacdgJaD&#10;Den7mv59SSVVwIjwbeKRCQJFGi2nrYX8+ixfUjm5J/Ptmhbq/DrjI/0RT6V/P9T+T723p14dGdrC&#10;OnOlIsYB9vv/ALlp1rMgQSJqLALcRxkfVGrQ5DA21LJIreqAAWHaOrKuo/Z/h6Kw/JUD6/09t9We&#10;g6csXi67N5LG4HFQNU5HK10VBSU6fV5pnWNFv+Bqbk/QDk/T3cjyHTQzno2/c+090vjNo9SbKwtX&#10;LtHrzHpJndyVXjosbU5idS9RK1bVvDSXhEjkjyXR5pUYege7MDgDy62M5/1U6L5/cvZmHIO6+yMX&#10;LODdsRsSnky85/2k1TtRYtSTxdKmUAc8/T3QL/qHW+jCdGR9ZUM26N/0mzslHg+r8O2VO5d01/nq&#10;pq91fwQ01JTQ0tDE7Kr21ipeN2h0sHZX9uVAP2f4eqZP5/4Oi4bq7k7G3fPXvkdz5Cko8hVPVT4j&#10;Ct9lSkub2eGlESzlQANc3kkNrs5NyWyxbq4x0gcRjKzN5XHYbHQtUV+UrosfR06fV5ZpFjjQf4s7&#10;Af7H3pRU9aJp0Zn5P5Okws2x+ncJMrYnrjbsS5F1solyFTGjvI4ufWYrS/izVDi3A92c5p1aIgCv&#10;r/g6KfZR9WLH+i/8VP8AxT3Tp3PRvqzT1j8U6OAD7fcXdO4PupA3plGMpSGW301RMkMZ+nK1hvwQ&#10;PbnAfb0ye5s+X+E9E5Ls31Yn/D230+BTo5PW4/0e/GTsnezn7fK9iV42hhXI5emUPTSNG/BVrS1p&#10;4+hhUg3HpuMCvTUhqQPTPRNJJAWJ+vPHunToFB0cDbGrY3xI3nnmDQ5Ls7c64DHy/TXSxsIXT+re&#10;inrh9f7X+BvcYHVDlvsFf246JxOfSij6L7p1tc56OL3g77U+PPQuwg4R8nTvu+sp14Ku0JqCr8XH&#10;7uXcEfQspIvpB93bAHXlAJJ/LomMxIVFN/8AVe6Up1pDqJPUcC/A5J4AHtt2I6c6EOj6y3tXUdPX&#10;zYf+A4iVdcec3bNBiaNl59UU+Qkp0qLW+kPkYngAmw92K46ovE9ZBt/rjDFTn961u56uw1YvYVI4&#10;i1X5STJ5RKZUKjjVDSVKXPBIFzUAeterk067qexMTiJHj2TsLbOEZeI8vuFP47kf8CWyCHGRuPqH&#10;hoYXB5VhxbzmnVU4dIjcG7dz7rnjqNyZ/LZuSEaKcZGeSRIVtYJBGx8cEYAsEjVVA4AA90JJ49Oh&#10;qDpOk2/xP4A966d64MrGxayi3Gr/AIp9fe6dV1Dyz9nXXoH5Zv8AW4H/ABPv2OvZPy64PIVtoAX6&#10;8j6/7c8+/V60QPPqOSTyxJ/xPvXV6U6xl/6f7f37r3WP37r3XvpyffuvdYy/9P8Ab+/de6x+/de6&#10;97917r6vH8ur/t318FP/ABTfrD/3icH7jK//ALeT/mo//Hj1NO1f7iw/80o/+ODo0OU3jt3E1Rx8&#10;+QFVl9OpcJiUkrK03tYmlpllmRCSBrdVQXuzAXPtpIHcVpQepwP2npya9jhOkmrfwqCzfsWp/M46&#10;a/v985rjGYig2nRNx9/uVhVVhHIumPpJVhQkcq0tXdT+uA2I920xx8SWPouB+0/5B+fTXiXE/wAC&#10;iMer9zf7ypp+1vtHWSPYeLqZEqdy1WQ3hVpIJk/vC6vSxuCCDDjokioIyjC6uYWlFheRiL+/G4Iw&#10;lFH9Hj+3j/Ony62NvRjWUmQ/0/hH2KKKPtpX59LVVVFVEVURFCoiiwAHAAA4AA9p+lwFOuXv3W+v&#10;e/de697917r3v3Xuve/de697917r3v3Xuve/de697917r3v3XumTN7jwu3YYpcvXxUrVL+KjpVDS&#10;1FQ9r+OmpoleoqZbf2IkZvzb25HE0vwivr6D7TwH59MT3UdsKuaV4DiSfQAVJPyA6Tf3O89zemjp&#10;22Phn4+/r1iny8qn8wUp8tJQ34IeczyWur0sbch2iRce8+gwv5nBP5U+3pLrnuvhHhL6mhkP2DIX&#10;7Wqf6I6fcHtbDbfaoqKGCWbI1ihchmcjI9TW1GkkgTVUzPKyKSSsYIjS9o0Uce25JmlweA4AYA/I&#10;f8X0ot7RLapUVY8WYlmP2k5/LgPIdKL210p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m3EgfX3kgTTrD8CvWMv+B/t/bZf06cCevXD2305&#10;10SB9ffuvdYy5P04Hv3XuuHv3XuuiQPqffuvdYy5P049+691w9+691737rRNOve/dNF69e9+6r1w&#10;Z1T6n/YD6+/dbC16jPKzf4D+g9+6dC06x+/dW69791UsB1737pssW6xl/wCn+39+6sE9esfv3Viw&#10;Xr305Pv3TZJbrGX/AKf7f37qwT16x+/dWLAde9+6aLV69791rr3v3XuuiQPr791sCvWMuT9OB790&#10;4Epx64e/deL066JA+vv3VMt1jLk/Tge/dXCU64e/deL04de9+6pluve/dXC064F7fTn37rxenDrE&#10;ST9ffuqAFuve/dOBadYnINrfj37q4anXD37rXHr3v3XusDG5JHuhWp6uGoOuvd+qde+nJ9+691H9&#10;thPXpwv6dcSwH+J/p7sWA6qFJ6ws1+Tx7aJr06BTrAeST/j711vrGXA/xPv3XusZJP19+6911791&#10;7rgzC1hzf37r3WEkD6+/de6xlyfpwPfurLx64e/dXL04dYn+v+w9+62hr1w9+6t1737r3WBvqf8A&#10;X9+69117917pckrseBXIU72nXVGjc/weNhcOw+gyrg+kHmkX1G1UV+3aRa9XI0fb/g6D9mLEsxLM&#10;x1Mzckk/Uk/kn3ctTqnXXtnqy8esZf8Ap/t/furF/TpQ4DApkVqMrlJpaDbeLdP4rkUALsz3MdLS&#10;q3plrJwpCL9FAaWQrEjMNHrSrqyeHWPcO4ZM3JTQw08eMwmMjanwuFp2Jjp4ybsSxsZqmYjVNMw1&#10;SN/RVRF305/qHQudRdG5bf0kGbzQqMRtFJNQnI0z12k8pTBh6Yvw0xBW91QMwbRVmp04q16PtjKb&#10;CbbwdPQ7eoEjxeOiMFFQ4tQ3kZbkrGSQJZXcEvIzcvqaSS4dhRc1r07w6Kx2FXbc/vJBl+zah94b&#10;mjlFPtPqLbUhkgpPIw8a106L+5UTME8o03ckKsc8IULulOHVGp5/s6QO9+y925aKLZWFDSbgqlNF&#10;U4XaKXo8ZDpKfwyhSAM1RV+PipqbkRjXTU+mMzF9gefXi3l5/wCDpLU/UuE2pTRZft7cse39cfnp&#10;tm4Vo6nL1A+qhgC0VMHtwzal5s7Rte3itT1XSF49Rcr3HNQ4+XAdaYOk6+wTjRNVUJ15SpA4DVFc&#10;f3Ax+vpOteVErLx7sBTrWuvDHQLTTSzSSTTSSTTyuZJZZSWZmJuWZmuSSeST9T78T1XobOsuoa3O&#10;RPvDdMNNi9oY4eWObPzfZQVsn0RDM1njog5HllUFmF44dT6mjpw+3qypU54dOO4d1dYYnKSZWqjq&#10;O290pGkMDVCHH7eo1jUrFT0lGAZJqamFkWJh4XUXDBiT72Af9XHrZIXJz0F27O0t5bvhWgyWTWiw&#10;kK6KbbeDQUlBEgFgggitrVfx5C5W5ANvfqBeqly3y6DdpfwP9sPp7oWr1UDpQbW2xW7qyL00UsdF&#10;QUUBr83mqoH7ehpI/wDO1ExH1CjhEHqlcrGgLMPflNOrKNXQxVuzN07sxdHjdv4yLZfVuEl8tLn9&#10;5SJjoquZl0yZWtkk9dTPMFIRYlkSCMeJLeot7h04RXhw6T/h6X2VzUVGW7Wzkf1go9eMw6OL6g0x&#10;1VtTpa2lkCxuAb2BHvXXiQOOfs4dMOd7j3hkqJsPipaHZu3jwuB2dCKGIj6fuyRn7idmA9ZeQhjc&#10;leT71WvWgxPDHQc4nFZTcWVo8RiKSbIZTIz+CkpYeWdjckkkgBVUFmZiFVQWYhQT791cLToRN0Zn&#10;GbTxFT19tGtirhOyHfG6qMkrkqiM6loqNuD/AAykc/Ww+4kBkI0BAdgdbLUx0EbAk6nIQH6av+Ke&#10;/dVB/PrJS01RX1MVFjqOpyFZO2iCmpY3kkc/0SNAzMf8AL+/Vp1YVPQu4bo/dNXU46DdNfidkfxS&#10;ZIaDH5l9eSqDIQFFNiqfyVbtc/SQRAWOpl96rXqwTpdZHdmwen6TN7E2jh6ffmXqWWHdO6M8+ijk&#10;eOx+ySmpXDT0sUg/ciM3jd9au0wC6dV6sSFwOgX3P2dvTdcAx+QzElLhIhoptu4dUoqCNObIKSmE&#10;cTBQbAuHa39rk+6BqnrSmp6QHtzp3p92ztzLbuzlBt7B0zVWQyEuhB9EjQDVJNK/0jhiQFnY8BQf&#10;bIUnr3S57B3DiKDG0/Wuy6tZdr4ap+6zuai4fNZMDTJVORx9nAbpSpcjSBIS5KsHRjpt2rjoHzIA&#10;AqAWH0Lf737oX9OqV6wNJf6ksfdCa9a6Fbqfr5d5ZGszGbhrzs7bCCszZx0byVFXIeYMZRxoC8tV&#10;WONNl/Ql2JUlL7XHTkY6Vm9dq7z3hnJNxb7qtudZ4eOmSlweI3LVJA9HjoQVp6SkxdOsuQbxxj8U&#10;6B3JbgHixFenDjpGO3Tu3/rJursavRLhYgmFxhY34LN91kZVX82WnLf1W/pp1sAD59Yn7d3BRqab&#10;ZeI27sKBx4lba9Iv3rKeAHyVUanIM3+Kypz9AL+/V69XpebtyuR6t2hPga7JVtd212Jj0n3pk6yZ&#10;5qnF4mT1xYwzSM0q1VYLPUAm4Q6SCPFId8OtnHRZlBWzWJJF1H/E+/KPPptj5dY2/OpgCfr+T79T&#10;168G9Ohz6i29hsVR5Xt3eNKKja+y5ljw2On4GVzLDVSUiA8NHCbSyn1AAKWVkEgGur5OT0Ee5NyZ&#10;jd2eye4czUmpymYq2q6qQcAE8KiD+zHGgCIv0VVAHA966qemF2VbKDcD/eT7bc+XTka+Z6E/p7Yl&#10;JvXc0k2emFFsva1G24t45GQlUSkhu3h1ixD1LLoAB1adbqCUt78Dq6cPTJ2hv6p7E3fkNwND9njl&#10;VcdgMYoASkoILrTQIq+lbKSzBfT5GcqALAWK149eAp0gf82mo38j/T/Af1/2PvfD8+tAazToZ+he&#10;uP8ASDvWJshS1E+19sxfxzcZhjeXyJGS0NGqxqzPJVyLp0L62jWUoCyge9BenX7B8+nzszDbl3xv&#10;TMbs31ndq7BpqqbxY7G7hrklrKaiiusEC4zHCtrkZUF21wxhpWc3Bb3o5wcdaU6RQf6v8nSCVeoc&#10;Cplmn3jv6sjuFip1gwlAzfj9yT+I10sYFz/m6djxyObaAAz1Q5x0YHqPdGP27tLenb0mx9n7Ywe2&#10;qVsNtKGlgkqKyuy04VVDZCvmqa3xxeRRJ4WiVlkc2IhZfdkNKnrRFcf6qdE+z+59w7qrpcjuPNZP&#10;NVksjSGbIzSS6dRJKxh2KxoL2CqAqiwAAAHtomvVumaJGuzqrO59MaqCSSePx7sopnqrZx0ant3T&#10;1Z1LsnpuKRYM9nlXfPYCobt5ZT/k9NJbi6PGARwR9rG1zrJNmwKft68DU/y6KSZEH6Qzf4tx/vA/&#10;4r7bx1bo0HxhwdBDuDP9mZ9VTb3WOCmzs7kCzVTxSLTxrf8AVII1ldLXYSrEALsPbi4z1RhXH5dF&#10;z3PuGu3TuHNblyj6q/OZObJ1NjcBpnL6F/okYIVR+FAH0HtsmvSnC9Z9l7bq967u25tSh1LPn8xB&#10;jfIouY0kcCWYj/UwxapG/wAFP19+Ar02z9Dn8rd0UuU7Gg2hiCibf63wsG1MbTxX0JIiI1TYH6NG&#10;dEDWAH7A+v1O3NT1qJTSp889FlijkmlighRpZppBFDEguzMxAVQPySTYe69P9HC+Tssey9p9TdO0&#10;jxA7b24uZziwNdXrJgYdZA4VmlWqk55ImB4B9TjnAHSdO8k9EzVWZgqgszHSqryST9AB+SfbfSjo&#10;5HyaKbQ2h0z1LC3jk29tYZ7NwcWapmAgWSw+h86VZ/P6/wDYmzeQ6YBrU+pp+zoqu1NtZTeW4sTg&#10;MXR1lVNk8lBROaSN5DEksqxtK+lW0RxqSzMfSoBJ4B916eHaOjgfKrB0+d7GxtNV7p2ltPb22dsU&#10;2HgTJ1ZmqNZMlS5TG4+OtyKhopokVpIY420Ah9Pq93bj00hotfXP+Tor80vU2FZvTu/ftYgsCxgw&#10;dAG/4KP4lW1MQ/4NRsf6C3NT1dBQf6v9jrEvamao3WPaGI21sKJWGibbNIDXKFN1Iy1c9ZlUYfkx&#10;1CAnnT9ANdbY0Feg/wAvlclma+avy2QrspWym0tZkZZJ5W5J9UkrM55J+p9ts/l15OA6gR8OD/Tn&#10;3pBnrzmg6wSWLMzMBc3459+Izk9bHoOsJkUfpBP+Lf8AGvesdOCMnj1wLtzY6b/6nj3qvV9A/wCL&#10;64e9dW697917rDK4FvyffuqkV6jEk/X37rZNOuvfumy9eHXBmtx9T791deHWMkn6+/dW669+690p&#10;cFs7c+5UlmwuFrayjp2C1mUYCKip78A1NbMY6SmX/apZEX/H3unXulE219nYIa9073pq+qX9WC2H&#10;F/EJQw/sTZGY02MjU/TyU0ldb/jmffqDr3X1CPgBtaLM/A74TT1ed3HJgZ/iP1vJidux1C0yQ0jb&#10;OwzU8FVUUMdLUVsyQlUmcukMzKzLTRKxjEcX0wSeTSoB1tk9xrqPrgfs/PqW9tszNbReI7EeHHRV&#10;OhaaRx09x+dWofTo72Kw2IwdMKPDYygxVKDqMFBEkSlvyzBFGpz9SxuSeSSfaB5GkNWJP29HEMCW&#10;40ooUegAHTn7p071737r3Xvfuvde9+691737r3Xvfuvde9+691737r3Xvfuvde9+691737r3SdzO&#10;68HgpYqStrDLk6hDJSYXHxyVVbMB9TFSU6yTsgPBfSI1/tso59uxwtJkDHqcAfmcdJp7yO3NGPce&#10;CgFmP2AVP58PU9Mhbe+4r+NYti4l1FpJhDWZdwbElUDS46hNvoWNYT+UjPtz9OL+mfzC/wCQn+XS&#10;es9zw/SX50aQ/wCFV/419g6ecLtPB4GSSro6Vp8pULprM3kneprph9SJKqYvMUuOIwRGn0RFAA9t&#10;yTNJgnHkBgD8h0/BZx25qoqx4ux1OftJz+XD0HSk9tdK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bQST9T7yJJr1iMBTrr&#10;3rrfXAvb6c+/de6xEk/X37r3XvfuvdYy/wDT/b+/de6x/Xk+/de697917r3v3TZf069790310SAC&#10;SbAe/de49R3m/Cf7c+/dOBPXrB79051737rRNOve/dNl68OuBcD/ABPv3XgtesZJP19+6vheuvfu&#10;qF68OuBcD6cn37rwSvWMkn6+/dXwvXXv3VC9eve/dU697917r3v3XuuBf+nP+Pv3Vwnr1iJJ+vv3&#10;VyQvXvfumyxPWMv/AE/2/v3Vgnr1j+vJ9+6sSF697902WLde9+6sE9euJYD/AF/6e/dWLBesRYn/&#10;AIp7902SW669+6sE9euJYD/E/wBPfunOsRYn6/7b37r3XXv3XuuBcD/E+/de6xkk/X37r3XXv3Xu&#10;uBcD6c+/de6xkk/U+/de6wlyfpwPbRevToSnWEuB9OT78Erx6v1jJJ+vunXusLMSSPoL+/de64e/&#10;de66LAfX/be/de6xFif9b+nv3XuuB+h/1vfuvdYPryffuvde9+691737pwJ69Yn+v+w9+6sWC9cP&#10;futKa9e9+6v1GdgCfyb+/de6W9OF2TDBkKlVk3fVU61OJopBdcZFKl462cEWNc6MHpo/90grO/r8&#10;aivxdW+H7ekG7vI7ySO0kkjF3dySWJNySTyST9T7oX9Oq9Yi4H05PvwQnr3WMkn6+6deAr0osBt9&#10;swaqsq6gYzA4tVly+XlXUIw1/HDCl189XUFSIYQQWILMUiSSRPdOqgHHrhn9wvmGpKGipv4fg8YD&#10;Fh8PC2oR67a5ZWsDPWVBUGWUgFiAqhIkjjTwx1aur/IOjM9QfHv7hIN2djQ/b0MafdUW26n0FlHq&#10;E1eSR44gBfw/VvrKVUFHozU6dVPXow2Yrp8rBNPXSnZ/WGEgMuUrpyaapyUcfpWCBU0yUeMNgC1l&#10;nqhpiiRYX1yUp+3q/RW9/fIbcW6KhdrdaUNXh8bI4oKOegjY5GpAsqJTxxAmlVgLKkYMtrWdblBc&#10;LTqhevDqRhuvcR1phXznY26Kfbm4s5TOXSmK1WVhp5Ayyw4+MeTRV1ILJLWEMsIvHHy7TD3H/Vx6&#10;9QJknoO6/uKDAUtRg+pcBBszGTL4qjO1AWfL1Q/1Uk7l1gB+uhC2g8xun092pXj00ZaYXoGHauyV&#10;Y800lXksjWzankkLzTSyMfqSdTyOx/1yfe+HTYqT0LGO6cy0FHFmt/5bG9c4KT1RybgJNdMo/V9t&#10;jkP3Ejj/AFLaDbkA+66unwvrjoQNu5Tq7aFBNuXD7Xny2Nx8jU8G6t56WqMhWqgIpcRjwGhj0sQ8&#10;lTID9tGRrEkjRxtU1OOrAqor/PoAt8b/ANy78ysuS3DkZZ1Mhekx0TMKamUkgJBDcqll4LG7va7s&#10;zXPu2E6aZi/SGZzY/gW+nutSetBenTBba3Fuqr+x27hslmam41xY+J5AgJsGlYDREl/7TlVH9fdS&#10;S3VwCehp270XSfxOLHb53ph8LXCKSqqtu4J46+ugihUvPJXTIwocbFEg1GSWRl/sgaioOqdXEdes&#10;uQ7iwOxaat2t1Ft3HwY6OtEr7t3Cora2smi4jq1ilRIIdBB8IaNgoJcRxNI6+99e1U4ft6ArcG6t&#10;x7rrDX7kzeSzNUSSr18rOEv+I0J8cS/7Siqv+HuvVSS3TB791YJ69coaWpramCko4JqqqqZVp6en&#10;p1Lu8jtpREVQSzsxAAHJJsPe6dWLUx0LuWmp+sMXWbTxVRFUb9y8H2m8s1RMHGOib64ehmT6zyA2&#10;rZUJFx9uhIV297A9evaiMDj0w4nqje2TpEylbRUm0sEQCM7vKZMbTWPKlDPaaUMDceKN7/i/58W6&#10;8E9epjUXTu1mJyGVzvZuUjv/AJFhFbF4sMPqklZOHrp1v9GiijB5sfoTUg9OCg6j1Pb+5kgkxWys&#10;fiOvsbUAQGn2fB4quVfoonyLmSvmk/2oSLc244HvVOtgk4HT/W1E3VGMqYpKmSp7b3RRE5evlkZ5&#10;cFRVCAmESNdly1ZG37r6tcEVlWzuWO+rU08egHdrkgG4vcn+p9tsa46bPXErbliF/wBf6/7b6+/K&#10;tMnrymnXKCKWrqIaSjgmq6qqmWnpqeFSzySOwVERFuzu7EAAckmw9udOZPHHQ17gqo+qNv1Wx8TU&#10;xSb73DSqm/8AK0jA/YU7AOuEp5F4Ltw1Y6mxNobsAdNS3p1sgLnoHsPt3P7kqDRbdwmVzVQDeSLF&#10;wSzEXP1fxqQiD+rWA/J91JrjpsivS1bq7+D3bfe8tq7N0ECXFrP/ABPJi/0H2OO8/jbn6TSw2PBt&#10;YkaIoOt6PU9KbZ2I67y+4aDbu0NrZvfOWqGLzZjetQMfjaeKMXlq5aLHs0/20S+o+SrF+F0ksFOu&#10;rKAT/q/1fy6kdl9yVbVjbR6xrV2vsnEqaTVtaMY8ZGe2morGEGmVYZTwiFyWQB5CztZbA9eLAHou&#10;s87zu7u7yM7l5JJCWZmP1Zibkkn3pxTrYHmesIBP0HuoBPW606HnrbD4vZmBqe49208VTBjqhqHr&#10;7BT/APLxyyg2qGU2Jo6A+t2HBkXSDqTQ+/h630C2XzFdn8rkc7l55a3IZKqetrqyc3Z5HNzYfRQL&#10;2VRwqgKAAAPeutdMkkxc8cD8e9V69QDpUbF2bld/boxe2MSAKjITXqKqT/N08CeqeplP4SGME/1Y&#10;2UepgD7qw6XHb+9MXlKnF7H2exj6/wBiRNjcGF/5Tagn/KslKRbySVMuoofpoJZVQyOvv3XjnoGn&#10;bxrb6SOOf6gf8VPv3Wwmrj11SUlVX1VPRUVPPWVlXMtPTUtMrPJJI5CqiIoLMzE2AAuT7ZbJ6e6O&#10;LvXYG49j9bYbrDF/wjD/AMZ8e5OzN2Z2vpKCmmqPSafHU8lTOklVBSEDUIUk1OqMoDvKvt2mnqoz&#10;novqbZ62w515/f1Vn5ov89j9h0EkkZb/AFByGTahjA/2qOCdf6X+vv1etk+XXZ3ptLHyLHtLrPFz&#10;VTOIoK/ek82ZqGJ9K6aVFosbqY29LUsvPAJ91J86daVqUHQ3dz733Bsnr7bXVM2URd2ZeBNyb8OJ&#10;jp6OKjjlANNioYaKKGCFAoUyhQC3jViTHPb3uQ0FPPz68Mmv7OibqpYgD8+2gK9bJp06YfCZLc2a&#10;xW38PB58jla6PH0MBIF5JWCgsf7Ki92Y8KoJPAPu5Uk/4OtA06Hz5BZvHYJNs9KbbqPNt/rqiT+L&#10;TQ+kVWXmQvUzPyQWj8rcf2ZJZkt6R721Bj06soLZpx6LQDc2VVF/yef9790B9OrlQoqeh7+PG0aL&#10;cu/DuDOMkW0uuqFt252pqATFenu9Oj8FTeVDKVI9ccMi293HcfkOmh2j5n/D0EvYm863sHem4N3V&#10;wZHzFe0tNTsb+GnQCOmgv9P2oEVSRwWBb8+6ULdXC14dI6NdTc/Qcn37TmnVyNI6Nv2HJ/or6A2f&#10;17F+xubsuo/vlutVtrSjUxvTwSX9SXKwLYG2uGcfRiDZjjpoHNfTHRPfryfbfVwC3RuPi3j6Tbh3&#10;/wBz5mFXx3Xe2Zo8YsnHkr6qNgERhezmFTD9PrUKb+3ExU9Vda9v7eioZTKVmXyOQytfM1RX5Stl&#10;yNdUP9XmmkaWVz/izsT/ALH2305r8h0NPxp2ad6dwbXp5ovNQYKY7oyV11KEoirwhweCj1bQowPB&#10;DHg/Q2UVPW5G0jp97jwG9ew+yd17unxi4Hb1Vk2pMNl92zwYilkoqRVpYJoHyMtN5hLFCHIhDku5&#10;sCTb3Z8nqsShR1j6b602jmuzNp4er3tSbhro8muVlxW16OpmpWSiH3ckdVX1ox6JE6wlGaCOo1Fg&#10;ikFta1Ar1Z20ivTn3t2pg6/s3dtTRbKwOXyONyB27DnNyS1NcgWgvTsaWhWWCgWNpUdrTR1IYsWB&#10;s1h5jU9UQcB6f5enL44bk3rv/t3bmOyGaqY9uYKKp3JV7fwyRY/HD7eExU7GgoY6ej9FVLDYmO9u&#10;AQTf35Rnq8hop+yn7ei99nbk/vb2HvfciuZIMluOqlonvf8AYWVo6YX/ADpgRB/xT6e/DNT1RzSi&#10;/Z0G5Rrm9l5/tH/fH3XpzVXrnEFGpr30j3qnVXPl1iZuCQADyb/X/e/eqUz1enXBD6JHYkm2kf09&#10;6U4J6oVqQOoLEkn/AF/bXSsCnXXv3W+ve/de66JA+vv3XusTOT/gPfuvdYHINrfj37qrNTrh7902&#10;AW697904FC9KTDbI3XuOCWuxODrJsZAQKnNVOmmoIieAJq+qaGjhufprlW9j/Q+90r1uvTy21do4&#10;ZQ25d80lVVAXbDbHgOTlU2/RNWyyUeMQH6a6eart9dB+h917rkN6bcwwA2jsTE086cpmd5uM5Vg2&#10;t6YJYabDBb8gPQSOpsPIbXPq9b/1f6v+L6Su4N4bm3Q8LZ/OZPKpSr46Knq5WMFOv+opqcEQU8f9&#10;FjRFH9Pfq1690mveuvdfV/8A5dH/AG74+Cf/AIpt1h/7xOD9xlf/ANvJ/wA1H/48epp2r/cWH/ml&#10;H/xwdHJ9pOl/Xvfuvde9+691737r3Xvfuvde9+691737r3Xvfuvde9+691737r3SNqt8Yr7iWgwU&#10;NbuzKQsY5qLbqpKkTg2K1NY7x0NKw+pSWZZCASqMRb2+LduLUUerY/YOJ/IdIXv0rpjBkb0TIB+b&#10;EhR9hNfl1G/he8c76s3l4ds49/8Alz7WYyVLL/SfKTRoy3H1WmghdDfTUOOfe9aR/CNR9W4fsH+U&#10;n7Oq+FPcf2jaB/DHlvzcj/joFP4j0ocNt3C7fjlTEY6CjaoYSVdSLvPO4AGuoqJC89RJYfrkdmP5&#10;Ptt5Wk+I19PQfYOA/LpTBbR23wKBXieJP2k1JPzJ6evbfT/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zZSwH&#10;+v8A095EdYj9YixP/FPfuvdde/de64lgP8T/AE9+691iLE/X/be/de669+691737qhenXvfumya9&#10;e9+611heYLwvqP8AX8e/dXCV6jsxY3J/2Hv3TgFOuPv3W+ve/dUL04ddEgfX37qlC3WIsT/gPfun&#10;AoHXH37qpf066LAfX/be/dVALdYixP8AgP6e/dOBQvXH37qpf0697903x697917r3v3XuuJYD/X/&#10;AKe/dWC16xFifr/tvfunAAvXXv3VC/p1xLAf4n37rQUnrEST9ffunKBeuvfuqF68Ove/deC166JA&#10;+p9+6vhesZcn6ce/dUL164e/deCV66JA+vv3TgFOsRcn/Ae/db64+/de66JA+vv3XusRYn/Ae/de&#10;64+/de66LAfX/be/de6xFif9b+nv3XuuPv3XuuJYD/X/AKe/de6iOTe34t7qAF6eU164e6l/Tq3X&#10;EsB/r/09t9e6wnnn3sCvWiadcW4U+7FaDqoap6w+6dX66JA+vv3XusbPfgcD37r3XD37r3XRIH19&#10;+62poesZcn6ce/dWL164e/deCV64syoLk/6w9+6cAp1GeVmuBwvv3W+lpRwQbSpYcvkoIZ9xVcK1&#10;G38RUqHWmjcakyFZE3pLMpDUsDgh+J5V8PjWevxdWHb0jKioqKuonqqqeWpqamVp6ionYu8juSzO&#10;7MSzMzEkkm5PJ97JC9V6iMxJI+g+nuqqBnr3XD3ov6de6UO38A+blqZZ6qPGYbGRrU5vM1ALJTxM&#10;bKAgIaaomIKwwr6pH+llDurfHq6Dz9Op9VUZHd9fjdqbTxlc+MgnaHA4OAa5Xd7eSqqSvpeqmVQ0&#10;0hskaKEUpDGoFj29ODu/ydHN6l6HxeyhT7g3UKXK7pitUwwmzUuOI9QKk+mWpX6mQiyNbxD0+Vm6&#10;9PKtOhWxu98ZuiurabbujIYbDtfM7ok/4AJIlnMFK59NZMqjUzr+zCCrl3bTG3mz1YGvQG9tHIb0&#10;aNt27gj6660opyaOiqg7ZbMyoRaWPHACVUB4iSQa0v5XiNwEquOqtnjgdBvujfW2erMaNu9Z4GHD&#10;boq4QMrncnoqclSREAiKZyHjirZRy8KEx044ZROxSBwDz6qzacD/AIroukNJufe+YdKaHMbnzta/&#10;kmZRLVTv+C8jetgo/LMQFH1IHvVem2BboUU6qwO0UWq7W3fR4GVVEh2nt8pXZZ76TofQWp6Qsp4Z&#10;y6m3v1eteGB8Rp1hm7foNtwyUXVW06DaSNGYX3LkgtbmJQRZj55Q0VMHBN0QMAeUK/Qep69e8QDC&#10;46R+Kx9Tumav3nvzLZSTb+Pk05HJzyGSqrJyC8eOommY66mW5JPKU8d5XGkKrerTrSjXluHSf3Lu&#10;Ws3TkKbx0kVBj6GBcZt/A48MYqWnDFkhiHLySM7FpJGvJLIzOxubDwFOrnu/yD06U+M6b3bNSR5b&#10;cjY3YeDckjKbzmFGXtYlYaUhquVyCNIEYDXFm/PtsAfaerafXHU9qzpnZ3FFR5jtLMxHiqyWrGYg&#10;MCbMtOpatnCkcrIVRx/sR72T1uoHz6iv2J2Vv2ppNobcaPCUFZIYqPa2zIlx1IqkXfyGIq5hRBeR&#10;ppGRVUsxFifdK9eBL46ZNy53GbexM2xtn1iVlFPIsm69yxLpOUqIyCsMDEBxiaZxeJTYzSXmYW8Y&#10;W6p69Wp5D8z0FvJP9SffmNcDqrEUoOuzZf1ED/D8/wC2910+vW9QHDpfYLq/fO4qf7+jwE9DiAoe&#10;TO55koKNUPGsT1TRJIo/5t6z/gffqgcOt0ZuhgoMdsXoyWs/vRnKvcPYU1Dop6XaCALio5kIYCqq&#10;wqQ1VTG2nyeEzQxElIlLpJ79k9XA0fb0GUvbsmILJ19tPb+yBc2ywT+JZVr8EtkK4SFGb6nxRxck&#10;kWsoWvXgadBjl83mc/WPkM5lchl61/1VWRmkme172DSMxCj8AWA/A9+68TXpkP6j/r+7Ma0690OO&#10;36Kn6vwlFvbNQQTb1zFOajYOBrAGFJE3AzdXETxbkUcbr6nHm0lVBWnV9YUdA3W1s9dVVNZW1E9Z&#10;WVlQ9VWVU7FnllkYu7u5uzszEkk8kkn3vpupY9QGlYXVbL/W3++v7bZiOtlacelHt7Y+792Mf7vb&#10;eymUiUEy1kMZWnjC3uZaqTRTxAWNy7qBY/091UVz1ZVJz0YLbO1du9LU0mf37uOhoN+5KgLbSx2H&#10;iGVmoIZAUbIBEeOkarkUlaZpJhAnMg8zAxo7Xp6vQXzbz2Fh5ZpNubFk3BkZZDLJuDsmqatd3Y6n&#10;f+H0n21IGZ7n916i/wDaLc6mydOB1r4s9JLPdnb5z8DY6sz9VS4hTpjwmGWOgolUcBRS0aQQkKAL&#10;alJ/JJPPveoDptmPSGpqaorKmno6SCWpqqqZaampoFLPJI5CoiKLlmZiAAOSfdSS3VOh33XPF1Rt&#10;ifrnDSxS723DTo/ZObpmB+1hYB48HTyj+yAwarZDZ2tGSw9Me6EdOHtFOgBJVF0XJJ/Xp/4qfdwt&#10;OtKp6xF1H0AH+vyfenNOnKdCB1tslt85uYV9V/Ctq4ClOa3fnJOFpqKK5cKbG88+kpEoBJa7aSEb&#10;23WvW1HXHsvfX9+c5D/D6UYrauApBhdoYOPhaWiisqlhc3nn0h5WJJLWXUQq+9deY06DSVv7A/Sv&#10;+8+/dVA6xqpYhVBZmOlVXkkn6AD8k+/dW6OLH1/u7rfrA4vD4SSLevYtGDuzcdfLDRU2IxTcpjDW&#10;1csFPHVVQBaddYZV1Kym0L+/dXA9P9X/ABXQEDZG0MQfLursnCh1F/4dsunnzE5IP08xNFjQT/Va&#10;pwPrY/T35B5nrZ9B1HO4etMSQcPsbI7kqkOpa7e9e6wEg8f7j8UKQhR/qWq5Afobj37q9KdD31xv&#10;rNbT2buDtfMQYTBYSn14LYu1MBQ0tBDksnIpUyTPCiVdXS0ig6vLLJcq5DeSEA7GM9aPdjon2Uyu&#10;Sz2TrMtlqyoyGTyNQ1TWVlSxZ3dySxJP4/oBwBwAAPbJBY9bJp1EkuAEFlRebsbXP5PPtzh01x6M&#10;D0ZgMTilzvce7IxJtnrpBNi6U8ffZltP2dPHccmF3RyfortCzXjElt18+thT0Bm5dyZHdOey248x&#10;L9zlMxWvXVcrfTU54VV+iRxrZUX6KgCjge2i3TgHTK8jLGFJsz82HFh/xU+7E0HVQKnoy/S9LTdd&#10;bN3V3tmoVNRj45Nr9d0tQvFRk6hGSSdQbakgQlSRcFBUj9cYHvSDz6sfT/VTosVVXVNfVVdfXVE1&#10;XXV1S9ZV1U5LPJLIxeSR2PLM7kkk8km/vT8enFag6w6iqXP6n/SP6D374R1Qkufs6NTvRx1D0VgO&#10;v4wKfefaLrurdwHEsGPVh9rTP9GXXpRdP0DJVKR6vfiNIp69a8/sx/n6KMWA/wAT7cHT2unQz9Eb&#10;E/v/ANj4DEVUWvEUMn94NxFgdAo6Qq5jkP8AZWplKQk3BAkJB4964mnTDMTn04fb0193b+bsfsrc&#10;W4opTJi0qP4VgRe4FFTExwsv+pE51TEfhpW9tsanrYFMdJ3F9b74y9OlbTbdraXGyNpXMZox46h/&#10;BP8Alte9NS8A3P7nA96Ar07q0jo2nYOH291l0ds7qfcO6V2/k9yVn98N2x4elfJT1IDBkiiRZaak&#10;KRukCa3qIwzU101gsQ42BTppB4hJ6Kr/ABrrTE2/hWzcxuaoQ3Wq3nXmKmYj6Xx+KWmmUX5INc9/&#10;p/iW+nglOjYdZ7yrdpdA9m9nSY/b23qjIP8A3U2XT7dooKF1mYCE1AqI0+7qmSao1AzzSsn2raNF&#10;2LOLgE9NyHUwH5n06IPV1tZkKiSrr6qpraqZtUtRVO0kjE/lnclif9c+2utipPRv/ivSxbXxHa/b&#10;tcqrHtHarY7F+YemSomBqGRf6OWggjH+E1rgX9ux4qfl/Pr0rVoPU/yHRPqypaonlmmleWaSQyyy&#10;NyWdiWZif6knn211Za9G7+N8i7O637y7UkBjlxu3BtvCVB/5WZkZ9N+Lf5RJSf7f+tvd1xU9acVI&#10;Hzr+zom8shEarcC/J08f8U91r5daVRWvUW9+fr7109x65khIRf6u3+8D3omnTPxP9nUYsT/rf09t&#10;Fq9PdZG9MSj8sbn3Y4XqoPdX06hH6n/X9t9KRw669+631jL/ANP9v7917rEzW5Nz7917rGNcjKig&#10;szMFVFFySeAAPqSffuvdLqm603fJBFW5PHw7Xx00XniyO8J4cXHJGbfuQLWvDNVqb8CnjlY/hTY+&#10;906qaHrIcX1zhuctunKbrqUZdWP2ZTNTUzDnWDk8rHHLG68AacdMpuTqsBq9jrxan+r/AFf4esZ3&#10;5R40FNp7M21g2CeNcnlYv4xXkXFmaTIiWhilFuJKakp2H1Ug2I9Xqmot0ls5ubcW5qhavcOcyubq&#10;EQRxSZOeSbxooCqkYdiI40UAKqgKoAAAAt71WvTg6YS34HJ/w9+631xKt/aIX/A/8U+vv3Wq9cfQ&#10;P9U3+8D/AIm/+8e/dez1wM2n9Fgf6r/xX6+/dep19YD+XQSf5fHwSJ5J+GvWBJ/8kjB+4yv/AO3k&#10;/wCaj/8AHj1NW1f7iw/80o/+ODo5PtJ0v697917r3v3Xuve/de697917r3v3Xuve/de6a8rm8Rg4&#10;EqMvkqPHRSP4oWq5FQyObWSNSdUkhJFlUFj+B7ukbSYUE/Z01NOluKuwX0qaVPy9ek4dxZ/L+nbO&#10;3Joqdjxmt2eShht+WiotDZGZh9dMsdMjA+mb6+3fCVPjb8lyf28P2E/Z0l+pkm/skNP4pKoPyWmo&#10;/mFHz66GzXyY17wzVZuTUbtiowaLFj/afsoXLVMf+01c1SPyALC3vH0fAAvz4t+08PyA619D4v8A&#10;bsX/AKPwx/7yDn/bFuljS0tNRU8VJRU0FJS06COCmpUWONFH0VEQBVUf0At7YLFjU5PS5EEYooAA&#10;4ACgHWf3rq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81/wB5EdYj9dEgfX37r3WMuT9OB791&#10;7rh7917r3v3Wiade9+6aLV69791Xrgzqn1PP9B791sLXqM8jPx9B/Qe/dOhadY/furde9+6qWp17&#10;6cn37pskt1jL/wBP9v791YJ69Y/furFgvXRIH19+6bJLdYy/4H+39+6sE9euHv3ViwHXvfumia9e&#10;9+611737r3XRIH1Pv3WwK9Yy5P049+6cCU64e/deL066JA+vv3VMt1iLk/4D37q4WnXH37rxenDr&#10;3v3VAC3XvfunAoHWMv8A0/2/v3VS/p1jJJ+vv3VQC3XvfunAtOsZf+n+39+6t1j9+69176cn37r3&#10;WMv/AE/2/v3Xusfv3XuuiQPr7917rGX/AKcf4+/de64e/de66JA+vv3XusZcn6cD37r3WEuB9OT7&#10;qzU6uEr1iZvyT7by3TgFOsRcn6cD3cJTrfXD2117rokD6+3QQo6aILHrEz3/AMB7ozV6uq06xF7f&#10;Tn3Xq3WIkn6+/de697917rGX/p/t/fuvdY/ryffuvDPXvfungoXrGX/p/t/fuql/TqPIb2559+68&#10;nSwx9HSbdoYM/mqaKqyFWom23gaoAo682r6yM8mlRh+zEwAqW9TXgRllrx6eGMn8h0lK2tq8jWVV&#10;fXVEtVW1s71VVUzHU8kjsWd2P5LMb+7dVOeohYD/ABP9PbZWp691hJ+pPHupqcde6eMFhZs7VSJ5&#10;0x+Noovu8xl6gExUsAIUyOF5Z2YhY419cshWNOW9706ePVlXV0Ke3tk57tOqp8DszHS4bY+GnJly&#10;2SB0vKQBJV1bp6anISpYLFHdYUKxgpHrlatdH29OBdVAMD/D0d7YfX2zOsMVUjHeEVUVPqzm4cgU&#10;8zKqiRvJJwsEAA1CMWUCzNqb1lpqnp0qeg83Ni98dvVIxVE1Tsjq9JP8srqpTHkcsoJLMlO4EkNN&#10;J/Y82jUCJnWX0xr5Tp6tQnoJ96d80Gz6ddi9Q0FBS4zEIaL+POglUyA+tqSNrrK2vlp5dflYsQhG&#10;mRr060WpgdI7D7X33X1EmXSizG5ezMjZ/wCIZE3p8DE1mE9TUzsIUybRteGC4NJGRIEE/jWPQI/L&#10;/D1WhPDj/g/1enTI+2esNmu0+9t0T77z2svLtzZT/wCTCTkkVeVktrDNw4htIrA3Bv72SW6qSE45&#10;6aMz3RuB6GTC7Posd19t5uDjtrL45pB6rGorrCpmksxBYFAw+q+7LHTj1RpSeGOgckeSV2lmdnd2&#10;Luzkkkk3JJPJJP1/r7tT1/Z03x6FDrjqvcG/6tqgU1Vj9s0SmfJ5uRVRSqi5hpnnMcLzuBa5YJED&#10;rlYLYM279PpFXJ6W26YOuaaopk3Tu7+I0GGg+0wew+t9NRBSx+lv3srOI6aWome7VUiI0kklyGsE&#10;QVFf+L6s1BxP5DpHSdwNgkem662vg9jRFDH/ABOFPvso6sLMHyFWrsoYc2RE0knSfpbxxx61rJ4Y&#10;6CXK5nK5yrkr8xkq7J1kv+cqshK80h/13kZmIH9L2HuhavWuPUfGY7IZvI0eJxFHPkMlXzimo6Sn&#10;XU7u30AH4A+pJsFAJJABPuvWwK9CPm8hQ7JxNZs7bdVHVZqvj+13xumlcFJQDdsVQSD/AJQYnA88&#10;g5qpFt/mFUO6B1dmp2j9vTPhOsN7Z6mbI0+DqKXEqglkzecePH0QT/V/c1jQo6j/AGgt70WHXgpO&#10;OnZtu9bbe/4+bfE246xGtJhuu4PJHe1xqytasVPa/B8UU3+B96JP2dbKBeP8uuK9pUmBATr/AGTt&#10;3a0qWMecySjLZQMONa1VYhhhLD6iOBQPwfdOthvQU+fSinzuZ21SUm9d+ZSt3Fv7JwGq2Tgs5K8y&#10;4uN+UzNTBIWjje/NHT6ApP77KQqD3sdXPYKnoA66uqsjVVFZWVE1XVVc7VNVU1DF5JZHYs8jsxJZ&#10;mYkkn6n3sny6ZLdRdB+p4H+PvVOvJ69dHSPqSf8AePfsDp3oV9n4PGYDDjsbeVHHUYxJ3p9n7ZnB&#10;DZmuj03eQWucZSMQ078K7AQgsSyH1a9bHz6hTbZ7M7JyGQ3XUYrIVhyEhqa3cGT0UVCq8AIlVVtB&#10;SpFEgCqiv6VCqB9AddaVdeT147R2JgTq3X2DTZGdLFsP1/C2Qdv8DkJzTUCH+pjaf+tiLX9078PW&#10;L+/m1cIFXZvXuIjnQ3Gb3q5zFWSP0usDJBjYWB54p355vwLap1sZz0t8PnM1V4gdmdqZavzmAoqg&#10;0uzNnVMnipsrkISCNNFEI6ePG0TgNOyxhGYLDZuUOiadWoD0Bm4tw5bc2Zr8/nayStymSmM9RM/A&#10;HFlRFHCRxqAqKLKigKOB7rn8/wDB1Tj9nTCWJ+npH+PuunreodRWMasbksb/AEX/AIqfdglemjx6&#10;Hzb0cHUG16bfmUghbsLc9Gw68xE4DNQUjhkkzdTGwPrflKRWFibvZxfx7Hy6cC0HQCVNTUTzTVVX&#10;PNU1lVI1RUT1DFnZ3JZ3dmJLO7Ekk8m9z72BTqqiv2dQC/4H+396L+nWy/p044XDZPceXx+Dw9LJ&#10;W5PKVS0dHTR/VnY/k/RUUXZmNgqgsSACfbfHrceejK7y2vuPH7dg6o67wmRyGDx061u/95rEaeky&#10;eVX6xfe1BipxQ0B9CK0gUuuogsnkf3TvDHQSvsDCYlT/AHo7F2nj5AbSY/bplzVVf8r/AJEooAR/&#10;tVWvII49+4dUArmvUc5LqjEXFFtrdG8aocfcblrI8bSm30P2WOEtSQfz/lwNvpY+9dXx0OPWm75t&#10;ubfy/amVwO1Ns7VwzNjdsYLA0EUM+XyrqfFEchUfc5N6Wl5eU/cEEg8OI3Q7p1scOit7j3PnN4Zi&#10;tzefyNTkK6tqHqZZZ3ZlTW1/HCrFhFEosqItgqgACw9+A6oT0n3DMfppUcLfj/e/fqdXWij59Lbr&#10;rYtb2FuvHbcpJvtoJSarLZIi6UlHF6qiokJ0qAi8LcgNIyKSNV/fqdaJLdKHuPfmN3TmqLBbXhFN&#10;sPZNMcFtKlBbS8aWWatYGxaSrdA2pgGKBC41lyaM9MdXCnz6CBpDGlj+t/wLCw/2H597ZqDPVaaj&#10;1O27gcpuvO4rbmHhNTk8zWpQ0cX0GpzyznnTHGt2dvoqKWPA9tZbpwADoae9NxY7Dx4TpnadR5Nt&#10;dfLozFXHZfv8ywb7uokANiYGd4xflHaVQSgQ+3WpSnp/h68M56LxGBy7cqvNv6n22o8z1pj5dKDa&#10;W2cnvfc+H2xiV15DN1y0sbEErGvLSzPbnxwRKzt/tKn3r4z1sY6Fz5B7rxcuVw3WW05CNm9ZUf8A&#10;BabQwK1Nfx97UuVsruJLoT/x0EzKbSe9s1MDrw/w9F5RdR5/SBdj7qor144HQ3dBbHg3v2DST5aN&#10;BtfakDbn3JNN/mhBS+qKJ+CCJpgoZfqYhKR+k+7DuNT05TwxQcT/AIepPZWL7D7T3pm971O3a3CY&#10;SvqfBhq3dLw4mlSigASnUVOSkpIGbxgPJpY+tmI+vu/HJ62oAH2dIKPZm1MefJuPsbDKUOqXH7Rp&#10;qnLVCgfjyMKHGsT+AtW3+Nvfqg9NvjozWJrdo9MdJV+88RjMnk8v2tKcDi6XdTiCWXHx+ZZZdGPd&#10;JqSCRC5Kx1Jdi8DiYcW0Tivr1oDy9P8AD0V9u0ty0tht2nwGzEQ6o32nQU9LUr/S2RZZcobfjVUm&#10;31+vPtvVTq1elT0vtrKdsdrYCkzlZkM3BDU/xjN1OSllqGalpSssiO8jO5Wok0Q3/rKP9f3dBXJ6&#10;ozdNPfO9z2B2huXNxTiXF0tT/BMG1/SaSkJjSRLm+ieTXN/09+g+nurZNenVIQU6B+KF6maGmhDz&#10;z1EqwQwQKSzuxCqq3sSWJsP8feutFi3Rxvk1PDsPZnVPR1BIjf3ewi7j3F42BVqybyxqbKBYmd6q&#10;Sx/syIbfQm7GgA6rEmolvy4eXRL2lI/Nv8FsP969t9Omi9HO3eT1x8UdlbaN4ct2jlzubJJ/q6Ue&#10;OqU/1DCJcepH+Lc249vA6V/n00e5vsx0Sk88n6n2z06q06OJu7/fj/E7YW3FJhyPZe5X3JkYvprp&#10;Yy06N/U+iKhP++Hu9MAevVGahJ9AB+3omU7F5CByF4A91PVRU9cBq4QfUm3H+PtstmnTw7R1kqD6&#10;lT8Itven6pEMV9T1HHPHugz071yqGIYIOAq+7P1aJPM9QmcD6cn35Ur090+Ybau59yeVsFgMvloo&#10;Bqqaihp5ZIoluAWmlC+KFASLs7KB+T70VzjrVadKA7FpccC26N5bVwjqoY4+gnOXq2vb0hMUKqkj&#10;kAPKT1MDKQVazDT71Tr1euLZDrPE3Wiwm4t5VKG6Ve4p0xlG314fH49qirYHjlclHxfi5BX2OvZ6&#10;xt2dualUxbbGK2TANWgbOpY6OoAb6q2S/cy0q2AAEtU4AvbksT6vXqdICrqamrmlqauonqqmd9c9&#10;RUOzu7H6lnYlmJ/qT711vqKEY82Nv6ngf7c8e906YA66Olf1MP8AWXk/8QP959+p05XT1jMg/C/8&#10;lH/ilv8AiffuvKdXXAux/Nh/ReB/vHv1erU6xlgP9f8Ap711vrGWJ/1v6e/de64+/de6+sN/Ln/7&#10;d7/BH/xTXrD/AN4jB+4yv/7eT/mo/wDx49TTtX+4sP8AzSj/AOODo5XtJ0v697917r3v3Xuve/de&#10;6xTzwUsMtRUzRU9PChkmnnYIiKPqzMxCqB+STb3sAtgdVZggqTQDiTgdJI7zpKwlNtY7J7pfi1Ti&#10;0VKLk2v/ABCpaGjlUfVhC8zgc6DcXe+nK/GQv28f2Cp/bTpH9csn9kGk+aii/wC9GgP5En5dcTjd&#10;45f/AIueapdt0jfWg2uonqLc3V8jWRadLC1xFSROvOma9mHtSJwBY+rYH7B/n/LrXhTzfGwQekeT&#10;/vTD/AoPz6c8VtXA4adqyjoFfJSLomzFe8lVWyDn0vWVLS1DLybLr0i5sAPdXmZxQnHoMD9gx09D&#10;ZxwHUo7vNjVmP+2ap/n0ofbXSn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a2X/p/t/eRHWI/WP37r3XvfuvcOve/dNl/Tr3v3TfXRIUXJsPfuvAV6jvMTcLwP8AVf776e/d&#10;OBPXrB79051737rRNOve/dNl68OuBcD6cn37rwSvWMkn6+/dXwvXXv3VC9euBcD6c+/deCV6xkk/&#10;U+/dXwvXXv3TZevXvfuq9e9+691737r3WMv/AE/2/v3TgT16x/Xk+/dWJC9e9+6bLFusZf8Ap/t/&#10;furBPXrH791YsF697902SW69791YJ69cSwH+J/p791YsB1iLE/X/AG3v3TZJbrr37q4SnHrgXA/x&#10;Pv3V+sZJP19+69117917rgXA+nJ9+691jJJ+vv3XuuvfuvdcC4H05Pv3XusZJP19+69117917rgX&#10;/pz/AI+/de6ws1uSbn37rYWvWIsT/gP6e/dOhQOuPuhWp6qX9Osb/j3skL1tOsftssW6v173YJ69&#10;Nl/TqPIwDH+v9PdW49WXh1gLE/8AFPderdde/de64lgP8T/T37r3WIsT9f8Abe/de669+691wLgf&#10;4n37rwx1iZvyT791bLdYi5P049+6uEp0rsXjqLEUEO5c/TrUpMx/u9gZrj710JDVE4BDrjoXXSxF&#10;jPIDDGQFmki0c9OgUyfy6TeRyNZlq6qyWQneprKyUzTzPYXJ+gAACqigAKqgKqgKoCgD34kL1Umv&#10;TazG9hxb3sZ691w91Zqde6dcDgK7cVe1LStFBBTxGqyORqyVp6SnUgPPO4BKopIAABeRyscatI6q&#10;datI62q6ujebJ6Slz9BQjcEdVtvYFCwrocJL+zkMtMqkHIZQ3P2qMpIiguWgiJRSrM88zLSUPqf8&#10;HT9PLy9PX7ehhjyc1RTDE7Qp6bZ3XWGpy+R3nIsdPHJAilpI8RHIAuhgbvXSDxga2hEraZPeqVz0&#10;7TV0hYe2pt6Zqn2R1HiVnjpXEmQ3fm0d6alhWS71SU7sJamYudUbTsryS8sjXZxunXtVeHXfZMu7&#10;sviJ9nbYrhjNvxJ4969l7rnWkhmNwJIYprJ5Fc3Epgj8K/8AAZNCBl910gdeapx/PoDaiDrTpaeg&#10;qY0n7F34sS1tMlarUmPoCy6op3pyGmab1Bo0kuxUCYeG8TNsAt1U0T59BXvDtXeu81enymVNLiST&#10;48Bh1+1olBbVpMMZvNZiSDK0jAk+r24EA+3plpS2B0icXh8xn6taDC4yvytY/wCmlx0TzPb+pVFY&#10;hR+SbAfUke94XJ6oFrgdCdH1PFgws/ZG7sJsqMAO2HiYZDKsDyAKKlZhEHHAaSQaSfUvBHvRk1cO&#10;nPDC8T0rNr13XdLPU1O19oCTEYNVqM72D2Npq/AhPpWlxcJSkatndSKWPU8jNywCI7K2a+fVk0jI&#10;/aegz7H7Vz/YFdomqamk2/SKsGLwaOBEqJYLJMkSxxS1DWuzBAqn0xKiAKNhQOqPIZD0FpJP1Pvf&#10;Xgvr1hKlmsoJubC3tsrU9W4dCNt/p/sDci089Pg5qChqZUigyObZKGB2kbSgiepMbTlmNgIldjzY&#10;Gx96oBx6sEZuA/b0KEEXWPU+Ly2FymfyOd31WB8fmqnZKreliIAkoabIVaiOAS8pUypHJMVLQBYv&#10;Xq2B6DpxVAx59By3atJhPRsHZG29qypzHma5DlsmpHGpKquVoYSR9RHAoB+lvfgC3Hran0FP8PQd&#10;Z7dG490VP3e4s5lMzOGLI2QmeQJf6iNGJSNf8FAH+Hu2F62TTph90ZtXTTNq6FrbeFxuz8RTb93f&#10;RwVs9UC+yNo1o/4HOtwMjWJ+oYunf9Kkf5VINAtEHY1Ar06CFAJ6DXNZrIZ/JVmXy9bPkclXzmer&#10;qpzy7HgfSwVFUAIqgKigKoCgAWJHTWXPTfTwVNXNHTUdPNUVEraIoKZGd2P4CqoLMf8AWHutenFT&#10;oQqfqfeHgjrc7FjNmY+VdSV29aqLH3H+000hNdJf8aIGv+Peur06Xe3uu+rqLEZLd+5t3ZfceEwU&#10;qQSLg6N6Kkra0gsmNpams01NXLIFvIY4IljjvI0yAqx91YAdNO5O9cnkK2Gr2/tTae15aGljoMXV&#10;rSx19VSU8I0xQU0tYj09MiL/AMq9PCdRLEljce61rrw6CLPbr3Huaf7jcGcyuamU3RslPJKE/wAI&#10;1diqD/BQB/h7914NQdJ7kn8k+/da+LoSev8AZlFmzkNy7pqJMZsPbAWoz9chtLUOxHhx1GPq9XVN&#10;YD6LGhLuy+kNVh68OnAacOmXfG9KveWYFe8EWPxtDTLi9u4SmFoKGhi4gp4l/JUcux5dyTYCwHqB&#10;eP5DqpctjpE6j/xv/jf197ZqdX09cSfyfbHVqU6Fbr3bGHo6Ks7N3xTtJtDAVIhxWJewbNZMDVDR&#10;Rhgb08ZGuoexUICtm9QDgOKdV05r02V2M7J7VzOS3cdv5fLS18vkasigeOhgjUaY4lqJdNNDBDGA&#10;qBpBwLkk3J3XT1pqtgdQ36+o8cxO7d/bPwbqR5cfjZnzFYCfqoTGJUUgYD6+Spj54v8A0oTXrRX1&#10;IHXRqupMPxTYreO9ahfSJsvPBiKQkf2vtqUV1Uyn8D7mM2+tj7117tHz6G7J7u/0R7JppKHbW1tq&#10;dlbzpBPjaPD0papwuJe4E1TVVstZWtW1oHpjaUKgGpkSSPSd1p07w6LBmtyZ/cEv3e4c5ls1VX9E&#10;uVqJahlH9F8rtpFvoBYAcAW97AI+3qldWPLpPnWfoLA/luPdglOPW6jpc9cbEqt/7mp8NHUJQ46n&#10;ibJ7hy72EdFQw2aeokZrItl9K3Ni7Ley6iKkAnrYz07dsb8od2ZWgwu2YHoth7Ppjhto443AMSm0&#10;lbKpsxnrGUOzN6tOnX69ZOuPXiegpZ7WVfTb9RH9ffm6qBXJ6waizBVDO7EKoHJJP0A/JPuvT5Sv&#10;RlNyyL0v1ymx6YiPsfsKhjyG+Khf85jsa4JgxYP9iWYE+YDmxcG6mFhs461gfZ0WZRa7t+hfx/U/&#10;091p59e1V6iSSlmJ+pJ/Puumpz1cCnRndgqnTvWmS7Wr0VN6b1hl251rTSgF4ID6avJ6Tyukfoa3&#10;0CA3So92pTrRyaft6K+zSTytJI7yyyuZJJJCWZmJuzMTckk8knn3s56sTTqZR47J5ioWgwuNyGVq&#10;R9KfHQyTyEnjhIlZjz/h7abOB1VR59G96y2bleo9g7m3/nji9rb83HTyba2VDu2eOheiiYgVVaYp&#10;/wB4zqfUsaRvLaMApomb3dRoBPnw638WOi4tgdg0Ds+a3/VZqoJ1vBs7GzzK7sfUrVWVkxen/F1h&#10;lBP0DDn23Tq329dy7m2DiFEWE6/fKTAXar3tk56karcMtNjExEaj8hJHmH9SwPuxIXHVFNc/s6Md&#10;vjd2a6m6b25t+kXG7Y7B7FIz2V/utSwY2XH4xTeCEvSpFMZ3uF8kjNKCamPXZVttu0D163xNeiV1&#10;dZXZKokq6+qqq+qkOqWpq3eWRv8AFncsx/2J9t5PTqtQZ6V3XuzKzf28tu7NoT43zOQVa2cfWGmQ&#10;GWplt/zap0dgD+pgFHJ930+XTOqpr5dCL8lN6UO4N+/3bwrBdr9eUa7RwlLBxGrU4WOqdbkj/Oxi&#10;IEcNHDGfenIJ62Mf4T9p6Lvq1EKqLcnjVc/8a/3j3Ude4dHA69mPVPQW9+yWIp9w79k/uVs+Qel1&#10;ivJHPPHyLEMs0n0YaqaP8E+3SaDqqj/P/m/1enRMvbPV+jFfFzZibt7bwtXWIDiNnxtu7JSPYIDS&#10;lftQzH0j/LGjYg/VEf8AFyLouo9bk7V+3oOO397ydhdj7s3UJGekyGUeLF6je1HABBSgDgLeCNWI&#10;H9osfqSTUmvW66RQdJ7Y+2ajee8NtbVpriTO5mDHvIL+iN3HmlNudMUIZz/gp9649eC0yejAfLzc&#10;9PkeyoNrY8RRYrYmDp8FT09P/m1ldBUShR+NCyRwkD6eG31v7u/GnXoh5nz6LFhsZV57M4nB0Cl6&#10;3M5ODFUaDktLUSpDGP8AYu4906e6NH8uMpSwb127sfGXXF9e7PpMPTwE30STIkn0/H+SLTf7b24T&#10;Q/l0mA10+Zr0UYC3tvpQBTrlEt5Sx+iDUb/63vVM16pKaCnrjpxxWAz246l6fA4TLZqovdoMTTzV&#10;DAf1IiRyAB+Tx+fbbdxx1cCgp0p4uva2kdW3Hn9p7VQep48pXJUVK2/D0OLXIV8TX+gkhT/Xtz78&#10;q568x0jrDJF1njSWqK7dm7qgEhocZHT4il/wKVVQMlUyp+SGpIGI4BB9Q8SK9XrinUf+/lPjyBtj&#10;Zu0cEyqUFfWUxy1U17+tny7VlNHKAbBqeng02DKA/q9+1Y6dA6Tec3dubcXjXPbgy+WjgGmmp66o&#10;kkiiF7hYYS3ihQE8KiqB+B7qTXr1KdJv1vyAdP8AvH+xPvwUnrxYDrrSPyyj/W5/3rj3unTZkrw6&#10;4syL/Vj/AI8f77/b+9Y6vk9YmlP4so/w/wCK/X36vVWX8+sDSEn6kn+p966oDTrH791sKT10SB9f&#10;funQKdYy9/px791vrh7917rokD6n37r3WMuT9OPfuvdfWK/ly/8Abvb4If8AimnV/wD7xGD9xlf/&#10;ANvJ/wA1H/48epp2r/cWH/mlH/xwdHL9pOl/WOWWKCN5p5I4YY1LySykKqgfUsxIAA/qfewK9aZg&#10;oqcD1PSUO9MXUkpgKbI7ql+gbARh6a97EffzPDjgQfqvn1/7Sfb3gEfFRft4/sFT/LpF9ej4jDSf&#10;6QVX/eiQv/Gq9dePe2U/ztRiNq0rEjRRA5CsKn6ETTJBSU8g/KmGqX+jH36saerfb2j+VSf2jrdJ&#10;5eJWMfLvb9pooP5N1kg2XgxNHV5NKncdfGweOt3HIaoowFtcMDAUlKx/PghiB/p78bhuA7R6Lj/Z&#10;P5k9bWxjrqern1c6qfYDgf7UDpWAAAACwHAA9sdLO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5q/vIjrEfr3v3VC9Ove/dNk169791rrC8wHC8n+v49&#10;+6uErx6jFixuTc+/dOAU669+631737qhenDrosB9f9t791QAt1iLE/4D+nv3TgUDrj791Uv6dcSw&#10;H+v/AE9+6qAW6xlif9b+nv3TgUL1x9+6qX9Ove/dN9e9+691737r3XEsB/if6e/dWC16xFifr/tv&#10;funAAvXXv3VC9eHXAuB/iffuvBa9YySfr791fC9de/dUL1697914JXrokD6+/dXwvWMuT9OB791Q&#10;vXrh7914JXj10SB9ffunAKdYixP+A9+631x9+6910WA+v+29+691iLE/4D+nv3XuuPv3XuuJYD/X&#10;/p7917rGWJ/1v6e/de64+/de66JsL+/dar1hLE/X/be/db669+691if6/wCw9+6uraR1jJA+vv3W&#10;qlusZe/049ts1MdXCU49cPegtevFqddEgfU+74XqmW6xlyfpx7oXr1cJTqM/6j7p1frj7917rEzH&#10;kfQfT37r3XD37r3XRIH19+691iLE/wCA9+691wP0P+t791sdYCSfr7908BTpWYfFUVLRf3k3DG74&#10;xZDFicWGKPkp0PqQMCHjo4T/AJ+VefpDGwkcvHonyHWyKZPDyHr0yZbK1uar6jJV8ivUVDD0xqEj&#10;jRQFjhhjWyxQwoAkcagKiAKoAA96Y6R1XJNT02FgP9f+ntsKW6t1hJ+pPH59vDHXulJtHaOe3xma&#10;fB7eo3qamUhqioYEQ08V7NNUSAERxL/XksbIis7Kpo9Bk9WVS5p1Ydsbq7aHXeJRqiogrHxxGSye&#10;XyRRKdamIMDUyaz41aC7CPUxFOoJXTK8kkqdmqelaqFHT3Rb4wm7UrqnGx/d7TxUjCv3HXqVopnT&#10;hoqSNhqrCjcFyoiV9OjyuAF8F08etihyOgY3lhuwe5MnT4hpxsHYLya6Oly3pyOSEZBNS2PDLMES&#10;wZI5jEEFna7WC3r1RgX+Q/mek1urfW3eg8WNgdd01LlNySf5RuHNZILLodlIUTCPQJJwp9EXEcKW&#10;1B2dr662ezA6B7L7k3NBJQbo3vkKrP7xyCCt2nt2t0vDQJJYxZCeiA8UbvcNSU4QazaeUGMIk2wK&#10;9UZiv2+XTTTdV73zAl3Fuqal2nj62Zqmp3Bvqo+1MzudbssUmqrnke9xaOzEj1c3971U4dN6C3Hr&#10;OZOmtp/pXNdo5aP6GTXisSrfj0gtXT6W/qVRwP6G3v2aenXu1fn/AIOmbM9v7vrqR8XiZaDZuCPC&#10;4XZ0K0MVvp65I/8AKZSw/UXkIY3JHJ960V62ZfTpJbc27VbmqauaasjxeGxkYrdw7hrLtHSxMxAJ&#10;A9U1RM11hhX1zScCwDMvjjrSx6snrLubcS5r7Hbu26Oqo9sYtymHxfDz1EzDTJW1fiFpq6otza4j&#10;TTDH6Fu3qU+3rbd1BwHTtQdRb0npUyOYpaHZ2Jf9OU3pUR42M/Q+iOcipk4Nxoia/FrkgHVerhPT&#10;+fUo43qLbh/3Kbhz2/a5F1fZbYgFBQ6x/uuStrNVRIh/1UUA/wAD79UnrdAOJ/Z1wXtatx8qUfXW&#10;0NvbOlnkEFNU0EDZDKMzkKI1ra0TylnJsBEiG59PNra0149XUemP8PTpuHceV2XDMuazFdnu08jT&#10;mLIZStqnqTgqeRbNSUrF2CZORPTPIptTIfFH+4XK1qPy/wAPXnNP9XDoAmd5GJ5JP+x96LFumy1O&#10;utBH6iF/1/8Aintw9OF/Tr3oH9W/1+B7bJH29NE16HDrLrDJZqik3rktu5HNYChlMeLwdGDG2UqV&#10;BIWSdtKU2NgZb1FQ7BeDDHqkLaNFieGOnFSuSPsHr1G3Nt05XLVWb7I7H2niK6e0b4vBE5apgSMa&#10;I6WGlxxajp4oUUKiNUoABybm58T5Dq3h6jVj/sdMP8X6nwf/ABa9rbg3lVp9KzdtUtFS6hezLQ44&#10;mZkvY2eq5HBHJHuvTmB1ErO294iB6PATY3ZWPlXS9Fsqlix97f6qpiBrpD/XXO1/r9efdlHHrRbp&#10;u2jteq3pkMhls9lJqHbeGjWv3ZuetZpGiiJ0pGjOWaasqWGiGMamZubEKfdevDPXHfG8DuWoo6TG&#10;UQw21cDE1Ftfb8ZGmmhJu80zf7trKlhrmkJLFja5Cj3unVC9ceXQetb+04J/ovP+8+/dbFTwHXRK&#10;j9K/7Fv+KfT36tOnBGfM9K7ZO0K3emXahinix+LoKZsnuHN1PFPQUUXM1RKeBcAWRfq72HAuw11Y&#10;ADpz7A3nRZv+H7a2xBLjth7Y1Q4Ghl4lqpTxNkq21hJV1JufoBGhEaBfVepxk/8AF9VJ1dJbCbQ3&#10;VuZj/AdvZjLoLmSeip5HiQD6mSYL4o1H5LMAP6+2yS2erKlOPSk/0eJjiTuveW0NslReSjWpOTqx&#10;/Rft8StYEc/0lkit/aI9+C16v0t9h7M6uzmQrpKmp3ZmcDt2jOU3PuXIeDE4+mgF7AQx/wAQrKmW&#10;dxohiWWCSRr2AsfewAet9NW7O8snWTU+N2jhNv7Z2vt5GoNqxNQwVVZBT3uW81YKoQ1E5AaV4Qjs&#10;ba5JCus3UdNs5B6B/O7t3RueUy7h3Dmcy17quSqZZlX+gRHcoij8BQAPwPdWYHpup6YAjH6A/wCu&#10;fdNJ610OXW23cRtvETdu72giqMLiKk02zsBN9cvlUuUFrc0VGw1zN+ksuj16Wjb1OrqKZ6Cjce4s&#10;nujNZLcmbqXrsplKk1NTPJwCeAqIo4SKNAFRRwqKFHA9uBR1vJ/1cOk8ZHJJvYn+n++v72SF6sFA&#10;6y0lJV5GrpaCigmrK2tqEpKSlgBeSSWRgiRoouWZ2IAA+pPttmr1YDofd/V1J1XtD/RHgqiGbc2Z&#10;EWT7SzNKwa0mnVBh4pB9YqcNql/qxtceSVBo46scdF1LCJf+bjfQf0Hv3DqnHqKWJ/1v6e9db6H/&#10;AKewOJ29jsp3NvGnSbBbSm+32tipuDk80RenRAfrFStaR2AIVgG9QikX37p5jToGNwZ/K7rz2Tz+&#10;ZqGq8rmKxqysltxqb6Ki86Y41ARFHCoFUcAe98emj69OtF1/vjL061lHtfMrjONOUrYjS0nP0Jq6&#10;nw0wv/i4966cVafbx/LoReuujTufP+LO7r2lS4fCwnNbphxdcldNFQwsDMDUUInoIWYXXU9QCvqd&#10;VfQQdV6sTjqZ2r2F1nvPcy5EQ7yzWJxFDHhtu4Oi+0w1FTU0ACokbuuUnlRzdmYw07kFU0oEW3me&#10;nXgKdBud9YzGKP7u9f7PxkoBKVmXiny9R/gXXJTTUJPH9mlQfXjmw0WoOtfF9nSs67qOxe3t3YnZ&#10;b7ozVLgJJfv85TYlxRUVNRQ2NRN9pSLDSI5UiOMmO3kdFPBPugJbHWyaZ6a+8t+0+993CmwMaU2z&#10;No0g21tCkiNohTQWRqhQx/5SGUFT+rxLErXKkmzVb8utAjoGUUL+7IykDhQvPPvdAvWia4HQ19B7&#10;Go95b4GTzi6dobLpzurdVZU/5kRU+qSKGQgEWmeMllvcwxzEfp96QBj/AIet8B0i+1OwqzsjfGb3&#10;VUgpBV1H2+JpX58FFEStNF+RqCep7cNIztxf3UtU9bpTHQfRkm8kjEqnIBP1P9Pflzk9VPoPPo1/&#10;Uluq+pd7d1Viqmez6tsvYKPYN5HYiapS/wBQsqFrAg6aWRfo49+Hr1anl+fRP5JmdmdmaSR2Lu7k&#10;kkk3JJPJJP5904db6ftrYHIbnzuIwWNj8uRzmShxVEp+geVwmtvoAiAlmNxZQxJ93XGf2dVPcaft&#10;6MF8o9wUFPndtdWbflb+73WWDhxpUFfXWSxRmV3KgB5EhWMMTyJWm4BJvpj1sevr0VQv+B/t/det&#10;9HR2WT1N8Yd37yk/Y3H2tXDbWEY8OKQCaAsLrqQhBWSAjhtMJBFwfbvwL9vVQan7P9X+z0Sr210o&#10;CgdG5+IWFo4t07r7Ly4KYXrfa9RXyVBAAWaohlDFS1gdNFFUAgfTUtyAeXI+NfTPTcjVFPXorG48&#10;5Wbmz+a3FkG1Vucys+Vqje/rqJWlYD/AFrD/AA90Jr04o0jof/itsit3D2tgs1Pjqs4PbMU+dqK9&#10;42EHmiQpTJ5iPH5BUypIFB1EIxAspI2oqetSmi9J7sjEybl3xufc+493bP2/Hm85UV8EE1b/ABGo&#10;SDWVpomgw8WQkjkSnCIFm8VtPr0e9HrSCn+DpBlOssZ/nareO7Jwvqjo0pMNThvxpnlOWnmj/JLQ&#10;QMfpZf1e6FgOnOuY3xRY6n1bf2TtDESatKV2Rgky1Qwta7jKy1dDqH4MdLFb6gX597rivTZOpqen&#10;SbzG99256BaPK7hy1ZQIf2ca0zrSR/4RUkZWmiH+CIB7aavDpzpNx3Cux+p4F/d1FB02xqeozqL+&#10;pwOPoOfdKdPK1PLrAzxjgB2P054/3q/u4QdXyfl1w8h50qq3/oOf9ubn3pjp6qaD59Y2cnlmJ/1/&#10;dK16rSvWIuT9OPeunAlOuHv3Xi9OuD/Qf6/v3WkNT1i9+62EA64FwPpyffuvF6cOsZJP19+62hr1&#10;1791brGX/A/2/v3XusZJP19+6905YrDZfO1a0OExWRzFa/KUeLglqJT+OI4ldrX/AMPfuvcOvqtf&#10;y985VUnwH+D+Io9u5/I5HGfEHrXHV6mH7Snhmg2ZhIpVaprWp45lSRSpNP5+QbA29xxfRfryFiB3&#10;v51PxHyFf506l7bLr/FolRHYiJAcaVqFA4tQH/a16N6aXeeS/wCBOTxW2qctzDhYzXVWn8Fausjj&#10;pkY/lTRSAH6OQLlLWNOALfbgfsGf59LdE8vFlQeijU3+9MAP+MH7eucWy8CZUqcnDPuKsR/KlVuO&#10;RqzQ/B1Qwy3pqY3H+6Iox/h70bhuA7R6Lj/Bk/nXrYsY61cFz6udX7AcD8gOlWAFAVQAALAD6Af0&#10;HtnpZ13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mr+8iOsQSxPXvfuq9cHkVPqbn+g/33Hv3VgteoryM/8AgP6D37pwLTrh791b&#10;r3v3VS1OuiQPr7902SW6xl/wP9v791YJ69cPfurFgOuiQPr7902SW6xl7/Tj37q4SnHrh7914tTr&#10;3v3TZNeve/da697917rokD6+/dbAr1jLk/Tge/dOBAOuHv3Xi9OHXRIH19+6pQt1iLE/4D37pwKB&#10;1x9+6qX9Ove/dVALde9+6cChesZf+n+39+6qX9Osfv3VQpbr305Pv3TgWnWMv/T/AG/v3Vusfv3X&#10;uuiQPr7917rGX/A/2/v3XuuHv3XuuiQPr7917rGXJ+nA9+691w9+691737rRNOve/dNl69Y3YHgf&#10;1v791tFp1iJA+vv3TnWIuT/gPfuvdYma3FuffurqtesRJP19+6uSF6971Tz6bLV64s1vp+femanX&#10;lWvWMBm/4qfbYBbpwkL1x916t1hf9R93Va9UZqdYywH+v/T3ZiAKdVUEmvWEn6k8fn21071jL/0/&#10;2/v3Xusfv3XuuiQPr7917rGXvwPfutjj0pcJiKQ08mez3liwNLI0UcMTaJq+pVQwo6YkNa2pTPNY&#10;rBGQTeR4Y5NHpQB5nprzOZqs1Wmtq/FEEiSlpKSmBWGngiGmKngQlisUa8C5LMbu7M7Mx8BTrxNe&#10;mYuT9OB78RXrXWItyAo1EmwA97690Y7rb465/dSwZndrzbZ28R5lgcaa2dPrdY3BWmjI51yAkixW&#10;NlOoNvJp6eSGvHo5dBTbM6621BBgseKfHOQaKjxEbz1WQmIupjC6p62aRVuHuV8Y1FhCpKp6ljXp&#10;QAFGOgZz21dz76mO4e1cjTbI6zwRFemzKafVK8cYBRq+WIiNZHuOFLut/FEkbt5C5w4ceqlS3Hh6&#10;f5+g5zHfe4NxV9Dsnp/bsGHpXlXHYeYwxvUlQCoaKEg01HGqEklg5RQXLp6gPCMLlj034hOB+3oS&#10;ZcZurYeAqMXteHI7y7V3JTh9ybyrn109AgGoa6urKxRpCrN4IWYFuZnQLojbxNenaFft9egLi2hs&#10;nresptwdnbli3Znq2M5Sg2xtkCsDvJ60q6yrqNMEieQkhWVkkf1f5RGHRtAFuHTZovHpOZTuyqpq&#10;qsqNkbcxO1aqtkeSp3DUXyOYmZ762kr6sNo1g30xooU8IQALWC16bMucf7PQOZbM5fO1b1+aydfl&#10;a2T9dVkZXme31tqkZiFH4A4H4Hu4GnJ6bJJ49RKKjrsnUx0WMoqvIVkxtFS0UbyyN/wWNAzMf9Ye&#10;6lq9X00+Z6FnFdG7xqo5a7cUmK2TiKSn++yFbuSdI5o6cMoaT7NC9Re7AKsixh3KoGBYe66qY6us&#10;dMnp9z+5+msXjaTbuIp9z7vxOMcTrj4WGKoqyqKlZK2uqCr5CqnPKxgJDHFEdEaqS7NoAj7erF1b&#10;HSIn7h3BQRtTbMxe3dhUjRmAttukQVbpxby5Co89Y78fqV0v/T3unW9VOHQXZDJ5LLVL1mVyFdk6&#10;uT9dVkJZJpG/PLyMzH/b+/daJr1DVWZgqgszHSqryST9AB+SffutdCyscPVdJ5qmLV2ZX04ekgkt&#10;bAU8qArM45/3LzRteNfrSoQ7WmKqlPi+z/D1ctpFPP8AwdBbR0GUztaYcZjsnm6+Z9XhoopaiVmY&#10;/XRGruxZj/S5Pv2D1RUJ6XY6o3TSKsm56zbuxqd0EijdVdDBMQQD6aKEz17G348PveodPeGF4/z6&#10;4HH9T4W/3uf3PvWqW5EG3qaPGUlx+Gq67z1LKf6rSqSPyLAmhevVe0ep6EbZ2bwNDSVG712NtvaW&#10;z8VMY4K2sjOVyuSrQAyUFDPkvLAkhAvNNHTIsEeonSWA91Ar04hAzSg/n0Em9+x90b6yFTV5jJ1K&#10;UMsn+SYOnlkFHTxrwkcUGrR6VsC5Bdz6mJPv1emnfV0Hv1JIB+vvXVwQB10bD6lR/vv6D3sinXtX&#10;So2ftKt3llvsKWSOloqSBq/N5qsutLQ0kYvLUzt+FUCyrcF3so5N/eurAFvl0+b53lQVdJR7P2hH&#10;NQbHwUpeiikus2QqiAsuTrufVPLYiNTxDFZFC3Ye9g9UJ1Gg4dBYST9ST/r+9cer0p08Yfbu4Nwz&#10;eDA4PLZqbVpMeLp5ZyP+DeJGCgDkk2AHJNvfunVNB0IeB6U3XnMpT4eqyG2MDkKkkpjshXRTVehQ&#10;S7vR0H3dRCqAEsZkiVRyzAc+/deNT8ulnn9ydTbZ25H17h5tzbloKSr+63NW4RqfHwZmujNkZ66V&#10;a2Y0dORaKKOAIP8AOCWViH91J8+qEjh0F7diU2OBXa+ydoYAj/N11VTnK1g/x82UaqgRv8YoY7c2&#10;t7oXr1cMB0mM9vbdu5wqZ7cWYykCWEVJVTyGBAPoI4ARDGBb6KoHvQOR1XUSfz6xbU2tmN552h29&#10;g6fz1tbJYu9xHDGvMk872IjhhS7Ox/AsLkgFwmvDp3pfdg7pxFDi6brTY9SH2lg5/uMzmIwFfN5I&#10;ACSrlKk3pYiNNNHcgKAxL2Rl1p6pq6BSR1J5BNvoPoPdSw6bbrHrI+gVf9Yf8SefetXp1roR+tdi&#10;/wB9crVT5SrOJ2htym/i+789J+mnpVuRGh51VNSVKRIAWJuwVtBB1x6uq16x9k76O+MtAKKl/hG0&#10;tv0oxO08CnC0tGlgpYAkGpn0h5WuSW41MFB92XJr04zUx0GjNqP0sBwB7sxp14CnXH211voxWy6a&#10;m6j2evamap4ZN47hhkour8PVqG8SkBZ81Kjf7rjR9MII9WoEArKrpsYz1dcdA1j9t7z3dPV5OgwW&#10;4dwzVEz1NXXUtPPUBpGJeSSaZUZVuxJZmYf1J966o3caDz6nP11ladlbcGd2ftryG7R5XJ08s6Dj&#10;mSjx5rq2P/ANCGNuAffurBOllsHrHZu8dy023qfd+ZzUzI1VXVOBxvgo6eliAM9TPW5GeCWGNAQA&#10;TSNqdlWwLD3sCvTnw9O/ZHbO0ayfH7U2zsvG5bauyImxG2Zc1VVjU8pBtLXfaUUtEry1DDUGmeXV&#10;+sqpkdPfia9ep69BjJ2nu2iQQYOfFbVFvrtOgo8fKOCOaungWtc2NrvMxt+ffuHVV7jXy6RFZXZ7&#10;cVbE+Qrcrm8hUyiGGSullqJXdyAFVpGdizGwt+Tb3rq+odGK39JH0913R9S46eJd47thhz3ZtZA1&#10;2hjYaqXF6k1ABVPrAaxXU1ilQQNNjFeqDJr0WNVSxYkkL/hwT/T8390AHHrZJ4dY5JB6mIFzzzz/&#10;AMa961VPWwtOjRV8jdJdMJj7im7H7ipBNXqBplx+DswEX0vHJVK5VgQCTJID66ZT7cGOvUz9n+Ho&#10;p6q0jAC5JPJ/4n3rVXA62TTrlM4JVFuVX0qF/J91buNOtKPPo1G/XHTnTWD6zp3MG9OxVTdO+inE&#10;kFGeKeiYixALJoK3IvHUXGmXnR7RT163x6KWASQB9T7px63w6Uu1tt5DeO5sHtLELrr8zkEoomsS&#10;E1cyTOBz44Ig0j2+iq39Pdz6Dqq5yf8AUOhm+TO6Ma2ewnWG2W0bX6wxq4RUQ+mSu0qKl2tbU8QV&#10;Y2JufKJjf1G7n+Tqw/w5/wA3RZVUuwUfUm3to9x60TTo2/xvxtDtqm3t3VnIFkxPXuGlo8Ikh0+b&#10;JVEekqjWID+ORYOfzVKQDY2vWn5dVAr+f+DoqOZytdnMtksxk52qchla6XJV07fV5p3Mkjf7F2P+&#10;t7a6v04bS23kt3bjw+3cTC09dlshFQwhVLBTK6p5Ht+mOPVqdjYKoJJAHuyip60ejffJ7D5Wryez&#10;uv8AAxY/GbR6+25FSQVuerqDHQyTyRxqSj1k9P8AcslNFFzGHYyPKAuq99uamnW0FR9p6KqdsbUo&#10;tJzfYWOlP+7KTaVDWZGdP8L1S4qhc/00VLKf9V7p1cgnz6N3kqvbHTvxjx1JSY2uydT2/lPvXos3&#10;J9rUS0mlH8sn2ja0pjTQQjxpKSPuv84dRPu9aL9vVB3OQOA/wn/V/LooR7CyNKCuAwW0dsxk3U4v&#10;HQzzp/Tx12T/AIhkI7f7TOCf7Vz7p0o6ND1tuLcWJ6G7e7M3Jnctlcpnlj2LtufM1M08iBkEMhpT&#10;K50qDWFrKbD7U2FksbjgT0zJxA/PokMpZmY3Ci9hc8/7b6+2m6cGB1hsPpck/iw/4rb3UR9eJ67q&#10;HC6I7Bgi35v/AMR7dchcdNxCtT69RtZ/Flt/Tj2yXJ6dp13K+lEUck+o397bA6qvE9Q2a3JNz7oF&#10;r1frAeST/U+3hjqxavXvbTmp62q16wN9T/r+69OAU669+6q/DrGX/p/t/futBPXrH791YnT1hLE/&#10;639PfumyS3XH37qwT164lgP9f+nv3TnSspdhbuq6aOulxD4nGzIZIMpuOWHF0kgH18VTkZKaGZv6&#10;LGzMTwFJIHvdOvdZ/wCA7Rx3Oa3mK6Uc/ZbPo5asgj+xLU1zY2nS/wBNcP3Sj66W+nv3Xjjridzb&#10;YxnGB2VSSzCxTIbuqZMlMjD6skEKUGOKsb+iemqLCw1EjUfde6astvfdWbpTj67M1KYotrGExyx0&#10;WPU/1Sgo0go0P+KxA24+nv1evf8AFdfVq/lyf9u9Pgf/AOKZ9X/+8Rg/cY3/APbyf81H/wCPHqad&#10;q/3Fh/5pR/8AHB0cz2k6X9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81YsFFybD3kR1iABXqM8xPC8D+v59+6cC&#10;U49Yffur9e9+60TTr3v3TZevXAuB9OffuvBK9YySfqffur4Xrr37qhavXAvb6c+/deCV49YiSfr7&#10;91ckL1737pstXr3v3Veve/de697917rGX/p/t/funAnr1j9+6sWC9e+nJ9+6bJLdYy/9P9v791YJ&#10;69Y/furFgOve/dNkluve/dWCevXEsB/iffurFgOsRJP19+6bqW669+6uEpx64FwPpyffur9YySfr&#10;7917rr37r3XAuB9OffuvdYySfqffuvdde/de64F7fTn37r3WIkn6+/de697917r3v3TZf064lgP9&#10;f+nv3VQC3WNmJ+vA9+6cC06wl/6f7f37q3WP37r3XvpyffuvdYWIJ4/1vfurBqdcffuq9e9+6910&#10;QDa/496Ir1sGnXEsBwPr7qWp1YLXrCSB9ePbXTvUWRyWNuB7tqoKdV01NesXv2nz69q8usL/AKj7&#10;r1brj7917ro/Q+/de6wkk/X37rYFelDg8LDWpU5XKyyUe3sY6DIVUYBkld7mOkpQ3peqnCm1/TGg&#10;aV/Stjonp9IxxPUPOZ2bMVMbCGOjoaOP7XFYunv4aWAMWEaX5ZiSWkka7yyFpHJZiffgKdbZq9MJ&#10;JP197610r9n7B3Tv2v8A4ftvGyVPjZRWV0vopqdWv6p5iNK8AkKNTtY6EYi3urMF49WVC3Do7GzO&#10;nto9XJSZCupp9571ks9FHBCHZJOP+AkDt4oERiAaqd1CmxLxagntgyaulKxhPmelPv7emC2dQ0tf&#10;v+sjYsfPjtnYc+R6uVSCGmDmLzQU7cDyaIWYeV1MjRQw6ALcOrMwXj0jtq7p3t2q0+5q6GXY/XlM&#10;GjjixQkkymV0sf2YqpU+4SHWACaZEkd7xRFmLMm9AXryktngPLpB9kUuf3zW47EblzON622jHULF&#10;gtpEmtzFa7HTDM+Mo2eRpXDAKjOBEW5uxZj4HRwz1VxqwTQf4enbKRbD+N+DFZhqWbLdgZ2h8dEM&#10;46tNHG1tbyJBaKCmjkFiqHVMy6BKwUumgpkPXmIiHQIV+9tyVlLDursfJ1ObNYhqdpbImPhpJ2De&#10;ivraSERxjHwkHQrDyVbjTq8SyOXdI4D8z03rPE/kOglSl3RvXL1M9NR5fceZrJvNVPSRSTuS3F2E&#10;akIgAsOAqqLCygAWLBMdNUL549LP/RRVYlTLvrdG2dkqqh3x9XUCtyVjyCuPoTNKL/nyNHb888e6&#10;eJ/q8ureHTiadY/4l1Jt8qMfgs/v2uT61e4JhjqDV+HSjpDJUyIP9TJOt/yLcGpqeOOvakT5/b04&#10;Yvf3YO555MBtOoxOxMNHE1blG2xBHjKWkp0/zlTV1cYNV40DWJaVmdiFVWkYA+oFGetq7ScMdIzd&#10;+66eqhO29uy1X93KepFVV11WT91lqsAhq+uYksSSWEEROmCM2sZGkdvDqzd2Bw/meg997Ar1rC9e&#10;jimqpY4KeKSeaRtMcMCl3Y/0CqCSf8B79QDievVJ4DpeUvVe95qeOtr8THtvHSfTJ7vngxcIH+qA&#10;rJIZXFiD6Ee4II4961gcOraGPy/1ft6ErG7f2T1DU/xLd+6Dlt6faLU4TG7VpfuVx/lW6VkjVv2s&#10;JqtB1QCRbRXWfxSgxkUJL9XVBHk8f8HQfVm/NnUdTPUYTr+HLZCWdp5M52DWz5OaVnJZpJKWAUVG&#10;ZGY3OtZbnk3Bt79pPr+zq6gcR/PpkyPam/MhTtRJn58PjSTbFbaSLGUwH+pMVCkCuoA/t6j/AFPv&#10;YQDrRemB0H7M8jszFnd2LMzXJJPJJP1JJ926by3S82Zs+HMJW7h3DUyYrZW35IznMglvNM7m8dBQ&#10;o3+dran6L/YiW8shCrZmdPW1XzPDqBvHeEu56yGOCnTFYDFRNRbd2/SH9ijpr30qTzLPKfVPMw1z&#10;SXZjbSq7qBjrbNq/ydIln+pt/wAT70M9VC16ws7N9Tx/T3o9OhQOlZtXYe7N511LRbfwmQrFqJRG&#10;9eInFLCv9qSeoK+KKNQDck3P6VBYhTrq9K9DXu7b2N2/hU2Njd37P27t2CZajcmVrapajJZmsjJK&#10;yyUWMWvqoKGnvamppPGfrJKDIbjY62R5V+316Cd4uq8WbzZHd+8Z09Rjx8VPiKVj/QT1ByFSy/1P&#10;28Zt9LH6aOeqhQvWJ+wcZQena2wNo4crzHW5aKTMVQP4bVknloww+oK0yWPIHv3W69NdXvDsDec9&#10;JhJs5nMqa2dKKhwVJI0dOzyNpSOKig8dOpZmsAqD3omnXqk9LrcFZS9YYOt2FgKmGo3dlofB2HuS&#10;lIP263ucJRSgXCIR/lbqf3H/AGydIKJqhPXi2nHQFuw+mpQv4tyf944v72RXj1WvWO6D8Mx/x4/4&#10;r/vfvRUHqwQn5dZqOkqshV01BQU0tXWVs601JSU6l3kkchURFF2LMTYAe/HA6cCAdDduavpeqtvV&#10;fXuBqY597Z2AJ2PuCmYEUsRswwlLKpPpQ/8AAp1Prb9u5F0j0BXj1YkKOgCY34H0H+8/4n3Vj5da&#10;A8z1Hf8AUfdQK9UYVPT7tfbOX3jnsdtzBUxqslk5xDCn0VFALPLI1joiiQFnb8KDwTYe76MdWVOh&#10;n3i9XV46k6i6oxOY3Bt7B1P3G5cxhaaac5jKrZZqhjCj3pKZhohF9HpD3YLG/vQWvThNB0Gr9cbh&#10;gXVmqvbm2IVv6dwZKjhnuPr/AJFHLLXm3+EH+H14921AdVVfXj1jOB2Fjy38T37UZRkX/N7Qxc8y&#10;M3+p82UlxJVb/VxE/wDgre6sa9W6FHrjb3WGUizO5sttnOf3K2jTfdZzObiyIP3E5sKego6Shp6O&#10;9ROxBs1RKFBAY+tL1A62OkhuvvHdW5cxLkqak2/g4YVFJixSY+ikqKWkjuIKeKrqIJZ4lRTciFok&#10;LFmCLe3vdK9aL04dBnnN27r3Mw/ju4M7mI14jiydVPMigfQKsjsigW4AAA/HvXHq60Xz6TqQyzSx&#10;wQqZJppBFFFHd3ZmNlVVUMzMxNgALk8D36nXi/p0ZHdktP0tsE9dUMwbsHfNHHX9h10DAtQ0TLqp&#10;8SjKx0tIjkzf6pWb9SSx6N8OvCp6LRqSNPJp5PCA/wC9+/cM9eyxp1GMzn6ELf66Rb/efrf3qvVt&#10;I6MV07hsdtDC5XvHdtOk9BtyQ0Ox8XUcHIZlgRGy3+sVKbksAdLBpF9UBB1XTnrx9B0A2azGS3Jm&#10;cjnMtUNV5PLVj11bUP8Al3JY2H9lF+iqOFUBQLAD2yAXPW2YLk9NEsn0RP0r+f6n+vtzT1pfXoau&#10;jNk43cOfrt17qKQ7E2BS/wB4dyVE4ukrR6np6MD/AHY0zpcp/aRSn6pEBoFz14mn59B/2RvrI9jb&#10;xzG68jrT76fRQUbNqFPSx3WCBfx6E/URbU5Z7XY+9Fq9bAp0jL+NOOHf8/kD/ff77j3b4B1QHWfk&#10;P8PQ9fH3Z2Oy24shvrc9otmdaUn95ctNIFKy1EWqSkpgG4kYtGZCnOrQsZ5lW9V6vX9vQUdgbzyG&#10;/t35zdmTZllytYZKenY3EFOvop4F/FoYVVbj9RBY8kn3omvW+HSRVtCGW3J9KA/737sO0V6bY6jp&#10;/b0bHoWiHX+xt592VtC9XljC20+vaMoXaetm4lkjjALOA+lSV58cdSvvaig1dOAasf6qdF6m6939&#10;VzPXZXC1mLfISvVNX7tlgxSSs7Fnl8+UlpI3DMSS2q31JPumT1Yg56k0uycZA0aZLfe2YquolWnh&#10;xuEWtydU7MdIEbU1N9g1245qgSbWuCSLDAr1QjUadGT7lrdm9V7D2d0hNTZnNzwRDdO5Riqmnx7T&#10;VMrSeP7uRqfJXBkLMIl5CRw2msFJ82MdbX1/L8h0Vg72xtFY4XYm0MfKp9NZkY6nKTH+muPJVNRQ&#10;N/sKVR/UW4906tqHkOjVfGvPbhmfefYm58tVQ7P2FgJa18TjlioaKareKRlAo6RKejkkip43CqUu&#10;sksRXkr7dGOm2Yv/AIB/l6JZuLNZDc+ezO4sowbIZvJTZSrJNgHmkZyqg8hV1WUfhQB7a6t067B2&#10;lUb43ptnaVKxEuey8NDJJGCTHEWvPKRb6QwK7n/BT72BXp0tpHDoevlxuujy3ZFNtLE2XCdeYaHb&#10;1JTwn9pZ2VZajR9SNCeGE88GAj3ZzU9NxIQK145PRV9X9Ao/33+N/dOnqdHC7/dthdS9N9RrqirV&#10;xR3luKnPpK1FR5AoZeWOmonq1ubcIvH4W5wAPz6ZWhY/6uHRM/dOn+ucJDPf+yg1En3pWrw6alNB&#10;T16iSSAszH6k3sPbdNZr04o0inWNbu6gmwJ59700I68TTruZtUht9B6R/sPditetIKDqK/1/2Hvx&#10;YDq3WMkD6+2i1evAV6xl/wCnH+PvXTyinXD37q3XF/0n37r3WH37r3Snodl7qyNMldT4LIR4yT9O&#10;Yr0+1oRfkaq2qMNIlxz6pBxc/QH3sCvWmFes42th6E3z+88HSMhtNQbfWTLVQ/xjenEeKk/p/wAD&#10;x+Pwb+9deAp1yNfsLG2+xwGa3JPG9xUbkqhSUsg/o+Px3+VJf/acl9Lj62b3vrfWBuwc9TErgFxe&#10;047/ALbbYpoqaoT/AAGRIkyjL/g9S3+8n36vXukdWVtXX1ElXX1VTW1c7apqmrdpZXP9WdyzMf8A&#10;XPvXXuohEh+o0D/auP8Ae7e/dar1x0oPq9/+CC/+92/4n37r3XtSD6Jf/g5v/vVvdgK9ep19ZH+X&#10;Lz/L1+CB/wDAM+r/AKf+GRg/cY7hi4l/5qP/AMePU1bV/uLD/wA0o/8Ajg6OZ7R9L+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aQSWNyST7yI6xGAp11791vr3v3TZf064lgP9f+nv3VQC3WMsT/rf09+6cCheuPv3&#10;VS/p1xLAf6/9PfuqhS3WMsT/AK39PfunAAvXH37qpf06979031737r3XvfuvdcS4H+J9+6sEr1iJ&#10;J+vv3TlAvXXv3VC9eHXAuB9OT7914JXrGST9ffur4Xrr37qhevXvfuvBK8euiQPr791eoXrEXJ/w&#10;Hv3TZYnrj791sJXj10WA+v8AtvfunAKdYixP+A/p791vrj7917riWA/1/wCnv3XusZYn/W/p7917&#10;rj7917riWA/1/wCnv3XusRYn/inv3Xuuvfuvde9+6qWp10SB9ffumyS3WMvf6ce/dXCU49YmcC/5&#10;Pv3V+sRJP19+69117917rgXA+nPv3XusZJP19+69117917r3v3XuuiQPr70TTrYFesTOT/gPbRav&#10;ToWnWEv+B/t/derdYySfr7917rC/6j7dUClemmJrTrj70z162qU6wv8AqPtvpzrj7917rGX/AKf7&#10;f37qyCvTxg8MMrLPPVVK4/DY1VnzGUkGoRRsSFSNLgzVMxUrDEDd2BJKxpJImiadPD/Bx6x57Ofx&#10;ZqalpKc4/CYxGhxOLDa/GrEF5ZXsomqpyA00ukaiAqqkSRxp4DpsvqI6aKOjq8hVQUVBS1FbWVUg&#10;hpqSkRpJJHP0VEQFmY/0Av73WnTnRqdgfGurnNLlOwJJqSFrTQ7VxrBqqYDm1TOG8dNG1rEK2r1W&#10;MkL2HtlpacOlCQ+v7Oh4rN/bN2LLQ7E2jiUzO4TL9vRbQ2kEKxPazNWVTWjiYaS0ruTIo9ciWBkL&#10;YBbJ/b05qC4H7B0oM1nNzYLBy1ApMLJuOsj8tRVVUwpcNj7jSr1VbOUlqVg4BCjyy8MsUEZGnRUd&#10;WJp0AuN6v2flkyHZvaG9qrdtMt6qrr1ElJjZNBYeKnkbTU1cKWCxiBYoyf249ZBUXLngB/n6a0D4&#10;jnoId+d+7o3BUPiNmSzbS2rTgUWLocSqw1LxINCF5YvXDcfSKEqirZTrK6i4qU49UaYnh0MXW/XN&#10;d1xhJN95vA5HdHY+Xhb+AbfjQyvTNIDZ6iU3WB3BBnmdh4lPiBMrlWbNG6cRdOeJPQaV211hzx35&#10;3junDw1WSZq3H7co2bIyzvGSqRPDSM0UdBTuujQswV9DQmWM3f3YN5KOqFaGrfs6R+c3/sJcnVZW&#10;h2nXbxzNQ2ts3v8AnCwhlAVFixNB4oBTxoAscbSsqIAoAA970t/xXVS4rWlft6SGZ7U3tlKQ0AzL&#10;4bE3Pjwm3I4sdShT9VMVIsXkW4/3YXP054HvSqAeqeMzfZ8ug1aRpG+pZmNyT/vufdqeZ6rw6ftv&#10;bcye5ckmLxaR+TxNU1tdUt46elp05lqamU+mKCIcknkmyqGdlU1JFP8AJ1pF8U/LoVMhtPdFbh02&#10;3svAZSk2dTzipym582qY1MtUrx91NNWvTxpSQ8img1toBaR7zOdNKgcePSnQThRj/D0k22ZtLEav&#10;7zdj4NZVFzj9nwzZeY2+q+cCmx6tfi/nYfnnm3q14D9vWtNeJ/Z1hOf6zxIH8I2Xldy1K8rXb0rj&#10;HED/AIUONEAt/g1Q/wDTn6+/ZPn1YBV4DqNUdtbxijanwM+M2dRupX7XZ9HBQG3H1qIkNY5P9XmY&#10;35vf3rSOtNIRwx0604k2TT028d3hszvXK04q9qYbMsZ2pkPMeWyKSszE83pIH4drzOAioH9xx14d&#10;mWyfIHy+3/V/PgE9fW1mTrKrI5Colqq2tqHqqqqqWu8kkjFndmPJLMbk+7dar59N5CXuWv8A1Cj/&#10;AIk+/dbBJx1xuo+i/wDJXP8AxT37q4jrx6Wuy9oT7rqayepqTi9t4SEVm4MyULCKMmyQwxi3nral&#10;hoghHqdv9pBIqTTq6qOlxunCb43dHQ02I2fXbU2JhUNNt+kzTx4+nVT/AJyqnqa56aGorKg+qaUM&#10;f9QpKrzQ0A+fWmq/AYHSOOycBj7ncPYm2KZhwaTbi1OXn4+tmp446A/4f5VY/wBfdOtiOnHri1X1&#10;Zi1/yfD7v3ZMOPJl6mnxdPe/1NPSpW1DA/0+5Q2/N/dl49bLhep+I3lmsjlKLC7B2TtDDZKvqBS4&#10;5Mdj0rqskg/SryzV0iEKCzSKYwoBclQCRo9WDV4dKbsDsPKYvET7Cod1ZLc1dULo3ruWSoeWKZ9K&#10;6sXixcrBjKdgVlZAv3Lg3AiAVvdadvL9vReH1Elja5/1Rt79x6qCB1hIU/qe/wDgo/5F79TrdevD&#10;SSFRGdibKD+SfoLD37r3Q8Fh0tiCo8Y7Zz9B6yACdu0M6/TkMP4pWRNb6h4Izb0lvXqlermifMn/&#10;AFf6v9VQAlleViWZmudRLG5JP1JP5J97PVVWvWL3rp0LTrgXt9OffurA16Mltzb+V6zwcWSocJkM&#10;129uqitt7FUVNNUSYKhmUg1s0UaOVyNUpIhQgNEvqb6tG1amvXmwOgtn653VG8suffE7cZnaSqk3&#10;VkaSlqC9yWLUssxr3a9ybQsb/Xkj3utOtKCTU/8AFdRjgNk0Fv4rv+OuYX8kG0MbVVZH+0+TInER&#10;X/xUuo/Gr8tHrxYddRZHr6CaOnxez9x7krZpBDTjOZARpI7EKirR46lin1MxsFFUSb2HPu6jHVlI&#10;/wCL6GndW706hwFPtnbuG2vgezM7SCTdNRg4PMMVRy2dMYJ62Stmmqpl0tOXkZEt6Af25BvrxNM9&#10;F3zO9N355DBl9zZ7KQadBp6qqmeED/UJDr8SIP6BQP8AD3ommB1QNU1PSV0kfUge6EevVq16VGy9&#10;m5Xfm48dtrDreorZNVRUuP2qeBbGapmb+zFCnJ/JNlW7MoPqDrYqel32pvLDSwY3rbYpK7E2hIVW&#10;qv6srkOVqMlMVsHDMWWH6gISVsrKib44HWiaDPQJSSWNkIH9be/FvTrygcT1DkZibFiQPoCfdK16&#10;tx4dGG6uxGO2Ftyp7r3XTRVDUczUHW+DqPrXZMXBqyPr9vQkE6v9UrEEOkYfwNOrac06AnK5avz+&#10;VyGczFXJWZDI1b11fVS/V5JGLHgWAHNgosFUBVAAA97A6s7UwOJ6ZpHMjXP+sB/Qe9M3r1ZRQdLX&#10;rrY2R7E3XjttY+8Uc7fcZSvI9FLRxkGeocmygIpsoJAZyiXuw90BLmg68TTpXd0b9xu4srjtq7RQ&#10;U2wNjUxwu2aaEnTOV4nr3/1clS4uGPqZAHazySX2wqfl1odAy7eFLE/uOLm34H9PdwNI6bH6hr5D&#10;+fXWPoa7L5ChxWNp5aqvyVXHQ0VLCLvJLK4SNFH9WZgB71090ZLuLI0XXO0MJ0VtypjlqKVY872T&#10;kaYm1TkZVSSOlJsLxwAK1v8AUrTg2dHvo8D1UCpr+z7Oi84fbudzrlcNhMvmGVgnjxVNNUMWP0XT&#10;Cjm5P0H59tqPPrTk8B/xXShh613fU1MVNVU+Lw9RUzLTw0mbyFBSVLu7BERKOaoWtlZmIAWOFmJ4&#10;AJ96IJ6uqaQB0YvsuDavW/XuC6Rk3YuNyWuPcfYrYejlramoqZQksMKhpKOm8SWUqJJ43McUDlV1&#10;eqzYFOqjJr+zotKy9bUjhY8ZvHcUircTVlVSYuI/4vTQ0+SlK/XhapDex1f2TVRU9WYhRXp/2xkp&#10;t07lwe1tmbD2ZQ5HKVyUNJUVsFRk2F7mSedcnU1lKUhjDO+mnRQiX0Egk7J1HHWk7fz6FX5F9lZH&#10;G5ug6z2TmK7F4LZONGLy74Jvso6uucK1SJYqPww6IiADGFCJMZgFAtbbGuB5dbDUz5n/AAdFJczV&#10;ErSTStLLIdckkjamP9SSSST/AK/uoWvWmbz6Mf8AGraeOy+9K3fG4JFg2n1fjm3LkahxeMTortSh&#10;r2uYzE84tfmED+0L34n5DqoqB8z0Ce/t4VW/N47g3bXrIJs1kXqIoZGJ8UC2jp4B9eIYFRBz/Z9t&#10;k16v0kI/VIfSgVRdjb/iTf3tePVW4dHF7Tc9U9A7K6wjZqfcO/Zv72bthBsyxgxyiGVTYqwkEEX9&#10;CaaQc3N7McdeC0/LA6Jf7b6t0cb4n4uiwB3/ANx5uJTjdg7cmix5chS1VNE7yeJrG0op4zFa1z9w&#10;oAJNvd1xnrclWOkdFLzWWrM7l8pnMlKZshmMhNk62Y/2pZ5GlkP+xZj7p0/0IHSO0jvrtTZe32i8&#10;tHJmEyGUVv0mlo71U6sebCSOIoP6lgPz72BU9VZtIr06/Ivd43n2/u+vhcPQYyv/ALu43Qbr4qAf&#10;bl1P5WWVHkH/AAfjj3tjU9ViFB0Bz/pPujCo6c67BKQm3BkPvyjSOmyNTfZ1Cb9R976c65x2XU5+&#10;ir791R/TqKzk/Tj37q/WEuB9OT7T9WVa9ehhnqpo4KeKWonlbRFDCpZ2P4CqoJJ/wA9+6cwvSuXr&#10;7dqBXyGKG343TyxybqnpsSHXTq1R/wASmpTNdTcCMMW/sgnj3uh6oST1xbA7XodJyu+KOdjcSU21&#10;qKqrpYyD9Gar/hdG/wDW8VRIv+P1A9TpwY64HJ7Gof8AgFtnK5ydbDz7lrjHTv8A4/Z46Omnj/1v&#10;vn/2Hv3W+ujv3NU5H8Dp8LtZYzqgk27Rww1Mf59ORdZcp/yVUn6A/Xn36vXukrkcrlMzVPWZOvr8&#10;rWyf5yryEsk8rf67yMznk/k+/AkdarTptKkfWy/8GIH+8fX3rr1esbFPy5P+Cj/iTb/eve+vdYmk&#10;VeFj5+t2JP8AvVveuvdYjI5/Nv8AgvH+9W9+69Trh72BXrfXvdwnr17riWA/xPuxYDr3X1lf5cfP&#10;8vT4HH/wDLq//wB4jB+4s3DM8n/NR/8Ajx6mnav9xYf+aUf/ABwdHN9pOl/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fNH95EdYilqddEgfX37pskt1jL3+nHv3VwlOPXD37rxanXRIH1Pv3VMt1jLk/Tj37q4SnXD3&#10;7rxenXvfumya9e9+611737r3XRIH19+62BXrEWJ/wHv3ToUDrj791Uv6ddFgPr/tvfuqgFusRYn/&#10;AAH9PfunAoXrj791Uv6de9+6qAW697904FC9Yy/9P9v791Uv6dY/fuqhS3XRIH19+6dC06xl/wAD&#10;/b+/db64e/de66JA+vv3XusZe/049+691w9+6910SB9T7917rGXJ+nHv3XuuHv3Xuve/daJp1737&#10;psuT1wLgfTk+/deCV49YWb8k8+/dOAU6xFif8B791vrj7917rosB9f8Abe/de6xFif8AW/p7917r&#10;j7917r3v3Xuve/de697917rE/wBf9h7afj06nDqMxJJH4B906v1x9+691xLAf4n37r3WFm/J97FT&#10;jrRoM9Yi5P04Hu+ig6prqesTPb/E+2+nOsRJP19+6907YXDT5qqaFJI6Wkp4/usnkqi4hpacEB5p&#10;SObAkBVF3kcrHGrSOqnx6sgJ/wAp9Os2dzVPVxU+Hw0U1Ht3HNqpYJbCWomI0vW1ekkNUSjgLdlh&#10;jtEhIDM+gOtu1cDgP9VehX6++Pu7t4CHI5hW2rgG/c+6yCH7mVPreGmYqwUj6PIUWx1KJBx7o0gH&#10;T0VuWycD+fRueutu7A2yktLsHHLlDBenyu73tMHZSA8S1mm1RJccw0o8SsCJDHIRqTsxbj+zpYqh&#10;eH7eut01O4t2ZBto4bcFNtGmljLZCaitU5qWO3JWGJvHi6dxYCaeRZWPpCIw0ttaDPH/AAdaYk8M&#10;dADubemx+jo63bfWdLDmN5Tf5Pnd05RhUtCRYtFqARHmDctGgWJHA8okkUoHFBkyeHTJbw8Dj/q4&#10;9Qeudibt7aq4t79m5LLZHbNI5mx+OqnKitdL3EMK6IoKMG4ZkVA5ui2GtlszBcDq6KXy3WPtPIYv&#10;clfFDvHfWI23tnDHx4bYmz1GTq1EY0f5Sado8dT1Wj0qDM6RL6EB9TPpB5061IwOCfyGT0ttp4Dq&#10;/rfaKdm5fa2QpHjYT7YG6Z1mydU5BMDR0aJFSU8khGuPiR0T94yKB70zFjQdeVVTJ/nx6BfLdgbl&#10;3XFWbv3/AJfIQ7WmmkG29jUErwQZGVGNomWIxs1BSkgVFQ93c3hiYSMTHbSBgfn1rWTk8PIevQEZ&#10;vPZDPZCbI18oknlCxoEUJHFGg0xwwxKAkMESAKiKAqqAAPbgFOHTJYtx6esDsDee4UFTiNtZeugZ&#10;dYrjEY6ZR/qnqpvHToLc+pxxz/rUZq9a0M+AMevTw3X+LxxL7u7B2riGBs2OwrvmKsH8qUoA1MpH&#10;+11C8/09+1V4Dq4jpxIH8+nnBUfW9RlKbEbc21ube+TnBMlVuOrjxVBEkalpamWKjE9QlNEgLuzV&#10;KWUX4Is1XJHHqwVWNMn+Q6lbl7dbBs2E6xp8PtihjRYcnm8FSLDPXyof1pJUeeqipo2v4dUhmNy7&#10;suvxppYyeP8AxXVmk04XoFMtnc1np/us3l8ll6i5ImyU8s7C/wBbNKzEe9Up00WL9Ndj/wAj97p1&#10;ZaL1xLKPzc/0HvXW9deHQn4bG4vZmKpd47pp4q3MV0P3OytqVIuH5IjymQTgihRxeGI81TLzaAMW&#10;qc4/b1emgVPHyHSVTF7635kqvKUuJ3DuSvyFQZ6yvpqeabU7HkvIiGNFH0HIVQABYAD3uoHTeln8&#10;j9vTkOtMvTDVuDObQ2uCTePM5KB5wB9SaShNZVqfxYxA3/H091L06uIT+Igf4euv4V1jjATkN35/&#10;cUg4FPtnHCniJ/6islNHKAf+oUkf0961Hp9QqDpV7OXa2crp4sFsPGUmMxFKa/Pbr37XVdfHR0qn&#10;S0zwUf8ADKaSeQkLDDocySWUDTqK11E9eVtXAfn1h3V3JnJZjithTPsja1GDFR0mAjgoZ5msFkq6&#10;h6RI9NTUWuwjIVBZRqYM7e4dUL+nQM1tfkMlM1Tka2sr6hv1VFbI8rn/AF3kZm/3n3qhPVywHn1D&#10;/wBiP99/rX97p1QtXrNS01RkKqnoKGmqK2sq5lpqWlplLSSSOwVURV1FmYmwAHvwIHWtB6F7K1lJ&#10;1RiazbOHmhqN/Zem+13hnacq4xsLr68RQygsPOb2q5lNgR4UJILL4Zz05UjA/wBX+r/V8gOaRj+S&#10;B/Qe9E163pHWCT8e9db6xE2F/fuvdD/tDb1RsDF0W8azDVGZ39mKb7rYG1o4HnajicMEztdCqPcA&#10;g/aROvrYeSxC6k8M9XHbnz6QtfsLfldWVWQ3FTJhairlaurq3elZSYyWR5DraRo6+eCd3ctcKqMx&#10;vwp96Y04dUCnieoB2vtSgVTmewsU0pPro9r0dZkJUH+LzpjqNifwEqGH9SPel6dUhesbV/WlAT9t&#10;hN2bjkB9EmYrKfHwn/F6akhqpjc/gVQt/U+7daLD/Y6GXa2YxGy9sf6RMzsjZmMNbqpuvdtrTS1N&#10;VXVKHnITVGSmraiGjpCQQ8TRGRwFUounXUnrYOkdAjuHsjfe5pKhs1urO16zyM8lGKiVKZSxuyx0&#10;0bLBGP8ABUH0A/HvwB6a11yekEQx/UQP8Cf+I+vu3WyxbrjYf6q/+sP+K29tEDqyqfTof9qUdD1N&#10;tqn7Lz1JDU7zzsLL1pgKwahAhGls3UxHnQt/8mVv1H1qDqV49r1eh6AevyFZkKuqr6+okq8hXTvV&#10;VlXOS0jySMWd2Y8lmY3JJ934DqoGo16gEk/Uk/6/tmvVwKdcoYpqqeClpIZamqqZlp6engUu7yOQ&#10;qIiqCWZmIAA5JNh711vowW56qHprZ8/X+MlifsPd1GkvYGUpmDGgpJF1R4aB1JAeRWvUFTZgSLur&#10;RmO3DrfDouLtoGkfqP6j/T344x1QZz1g916t0I/V3X537uJ466o/hm1cFSnNbvzbnSlNRRamYazw&#10;JZghVPqRZn0sEYe9gV6cU464dqb/ABv/AHDAmKpv4XtDb1KuE2hhkBVaeiisquy3I801gznkgaEL&#10;MEB9++LrZOgVPQYyOLCND6F/P9T/AF9+J8utIvmePWahx2QycwpsbQ1mQqGICwUMTyuSfoAsasxJ&#10;/wBb22wr1evRuqzamb6p6uTbWKhoqXfnY1Ms+78vkqyjoEx2OIOjHLU1s9NEJZQWEoDcfu6uPCwu&#10;F0inr1U1Oei4ps/G04M2Y3ztDHmMC1NTSVeQlY8/oOPo6mlJH+1ToLfkmwPh1Ur+H1409OobU3XN&#10;KzNU5rd+clv6oaChpaCK/wDtFTPWVkrA/QXpkt9bH6D1a9OgBcdGI64XZnXmycn3a+1aiirKeaTC&#10;dc0+4a41s1XXSJJG9RaGmx8AgiGpSRFr0pNpdWCFtcOtHOP29ABX9m7myFdW18NPtzH1uRqXq6us&#10;pMXQvUvLIzO7mtqYKiuuzMSf3uTYm5AIoTqwOtl9Oek/m94bszqLT5jc2dylPGmhYchWTyxgf6lY&#10;3kKKn+0gAf4e9t6dNI3meJ6HHoTA4zbVBuLvHdccb4PY0Rp9u0knBrMvIoWJY9XBMPkUA86XkWQH&#10;9pvegtMnq9a4H+of6sdF33DuCu3Nm8ruDLTyVWTzFdJX1kx4GuRi1lBLaUQWVF+iqAosAPdTTref&#10;l01SOsCaQo1yD1Am9h/ifdwOqDuPRqelol6v663h3rlYY1yU8D7U66gmUfuVUxKy1CAghlV1tcEH&#10;xw1K/wBoe9/D1alcft6KbV1dVX1VTW1s8tVV1lQ9VVVExLPJJIxd3Yn6szEkn+p9tVr1brEf2Yyf&#10;7cv0/wAB7t8I+3qnxH7Ojb9hEdOdE7Z60jtT7u7Ff+9G8SnEkdLdSlM5tqHqWKKwNrw1HFpDfZ7R&#10;T16v5/Zj/P0TguT9OPbfXuhz+P2xP78dk4DH1MPkxOIk/vJnyw9P29KyskT340z1BjiYXvoZyPp7&#10;cA8utLk19OmfvTfn+kPszcOcgm82KpZv4JgiP0/Z0pZEdL8haiQvNb8GU/T6e6E1PV6V4dBEqlmC&#10;j6k2966tpCip6Ol2lKOqvjlsPrSH9jO79n/vRuZBw3jBiqWjkHOl0Y0sNwQG8Elrgt7u2AB1WMVJ&#10;PRJSSfr7p090cD44gbE2J3B3XUjxy4PAf3T2zK4urV9W0T8f4pO1IDbnRI97C97rjPTUncQOieSS&#10;s7M7Mzu7Fndjcknkkn8kn3Tp3rDe7AXuWNh791omgr16druI1uQoCgD+vvZFOqR5FfXpR0uxt31c&#10;EdYm3cpT0E3+byeRiNJSHgH/AIF1Xhphwb8uPeunadSptowUMOnL7u2jjJSS329PUyZJ2A/CPiIK&#10;+mufxrmQH+o9+PVBk16jGLr2h0Fqvd242vaaCnhpMSg/5Z1EkmXdx/QtTxn/AAHv3V+o/wDejDUd&#10;xh9k4CFla8NbmnqsjUDn6Oks8eNk+g+tH/X8GwYr04uesM2/93vHLT0+bqsVTTponoNuJFjKdxcG&#10;z0+OjpYHFxflDzz9T73U9aIPSOkM0rNJKWZ3Yu7yHkk8kkk3JJP196oevAgf6q9cNIH1cf8AINz/&#10;AMUH+8+90+fVqn066JRRezN/vH/Ffesdez1iMhP0VB/sL/73f36vW6dcS7Hgsbf0/H+29+r16g6j&#10;H6n/AF/eut9cSQPqffuvdYmNzf37r3XH3cJXr3XRIH193wvXusRcn/Ae6F69e64+6de6+s3/AC4/&#10;+3efwO/8Uy6u/wDeIwfuMr/+3k/5qP8A8ePU07V/uLD/AM0o/wDjg6Ob7SdL+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aIXA+nJ95EdYhBK8esZJP19+6vUL117902WJ6xl/wP9v791sJ69YySfr791ckL1737pst&#10;Xr3v3Veve/de697917rGX/p/t/funAnr1j9+6sWC9dEgfX37pskt1jL/AIH+39+6sE9euHv3ViwH&#10;Xvfum6luve/dXCU49cC4H05Pv3Xi4HWMkn6+/dUy3XXv3VwlOuBcD6c+/dX6xkk/U+/de669+691&#10;wL2+nPv3XusRJP19+691737r3WMv/T/b+/de6xkk/X37r3Xvfuvde9+6bL+nXEsB/r/09+6qFLdY&#10;mYn6mw9+6cC06xF/6f7f37q3WP37r3XRIH19+691jL/gf7f37r3XD37r3Xvfuvde9+691737r3XR&#10;IH19+691jLk/Tge/de6wlwPpz7Zc1PTyCg6wlgOT+fderdYi5P8AgPfuvdY2bTb/AB9+691hJJ+v&#10;t1SAOmmBJ697oWJ6uFA6wMbkke7BPXqpf06n4rF1mZrY6ChRGmdWlkklYJFFEg1STTyN6YoYkBZ3&#10;awVQT785CinXo1LnoXMFsDcm/IYsDsqiel2fST+XKbuyqmngrqiMurVLMQXeOEEpBTx6/Ep1y6JJ&#10;ZG9sE0yeloQvheHmfXo1uyul9jdbUq5muRM7mqUCR81mBFHFCwIGqnilcQUwv9Hd2kvwsnIX2naQ&#10;vjpTHCI/mfXrrsarw1JjBmOzdxzR7fck0Gw9vF4lr2UX8c8jeKryA1EH/lGp19BkQj1t5M4H7evS&#10;tpyT+Xr0CGJ3N2r3RXLhdpL/AKPtg0f+SzT4hDFFT06gDxtUIInnnCGwhhMSEEa1VQX9uEKnHJ6o&#10;GZ8DA6W+5c71x1ltuo2Vt3en8ErJZWXcuSwUX3+bqHF1lXzq0dPS1TMWBeWQNCt1ijViHTQUsa/8&#10;V14kLivTF1xtnYFHianfeT2XDhdmYyLzwZ/fsv3tfXkH0PT0aolHTqWtpZY5XlchYrn1rtiSaefy&#10;62oVRWn5noCu1O3cx2HkWgpnnxW1aRjFi8HG2kMq8CaqVDpkmYDheViHpT+27uKgTpNJKZPs6X/S&#10;HUEeSiHYW78fU1eBoL1GDwawtM1fIl7SGFbs8Ebj0pa0zfq/aU66SSUwOnYItWT05b2x+X3juOHd&#10;3b2ZxGzdlUM8kOC2vLWConlEWlmgEWPFVIsj+n7qUDyJdY1UejRoEKKDq7canA9PM9BTuPP9Y1eT&#10;myOQk3TvWrVUp6Whx0cGCxUMEa6YaenS9fVLTwqAFUCNjyzEuzH3ZVI+XTZK1qan+Q6Yv9J0uMBG&#10;0do7P2lb0w1lPSCvrlH/AFGZNqtwx/qip/UWNrbIpx6r4pPwinz6ROe3fubc0jSZ/P5fMMxuErqi&#10;SRF/wSNmMaC/4UAe9BfPrxYnqHhcHks7kKbFYqlesyFYxWGFbAKANTySOxCRxRoCzuxCooLMQAT7&#10;2Xp1Ve80HSrz+bx2Ax9Ts7alVHPBNpTc+5ob68nKhB8MBsDHi4XH7acGdgJpLjxomgCTU9OM9O1f&#10;zPr0gqHHV2Um+3xmOr8nUn/dNFFJK/P+0RKzc+/M9OqBS3D+XSyHWG8oUE2WoaPbFOU1mXdVXSY0&#10;gfj9qrmjqGJP0CoSTwB7pr9P5dPiKnH+fXFtr7NoLfxvsahnceqSk2hQ1de//BfNVDG0tz9LrIwB&#10;59Q+uiT1qg4V/Z0uqWg6v2hhKPdlftvcmZrK4ibamJ3TUwRJWhDZqyeipISY6BHtp11En3DAxqhj&#10;1yCuT1cKqZoflXpJZrt/cWTyVXlaPE7Tw1fWSB5q6kx0NRUcAABanIfezxgKAAI2RQAAqqoAG9PW&#10;2c+XH16RWZ3fu7cOpc1uTO5WNv8AdFXUzPCPxZYi/iRbfhVA/wAPdWX06rU+Z6TOkj62H+uf+I+v&#10;vQT1690o9q7Sr93ZN6KieKnp6Wnavy+VqbrTUVLGLy1NRJ/ZRF+gALO1lUFiB78QK9WVdXT/ALu3&#10;VjGoKbZ+z45qPaGKk8ss8w0T5WrA0vkKwA8E/SGIkiBDpHqLW9XT14nyHQZvOfonHPDf8U911dV6&#10;4s/PJJPvdCerBa9cFEkrpGis8kjhI44wSWYmwUAXJJP0H1v7rx6dC06MTjNsZ/rzGmLA4DK5ztPL&#10;03jqJ8ZSTVK7epZo/VGrxo0a5aeN/W//ACjRkgFWbUdgdbOPt/kP9X+r5hVJ15uKNjJmqvbuADOQ&#10;wzeUoY5gf7RNKk8tabX5PiPP+Pvx68E09cP7vbKotJynYEdZ9TJFtTG1dURb+yGyJxEZJ+lwWX83&#10;P511unWJsj1vRgfbbd3RnZQf87l8hBSQkf401JSSS8/9RQt/j9ffut46FnbOTwm19vf3+z+xdl4+&#10;iqNcGyNtimerqsnVJwaqWXKT100WPpW5eWIxs0gCx6eA2qVx1uoUVPQQbh7Q7B3LLUyZTdmckhqp&#10;jPLR008sFLc/QLTwskIVQAB6b2A5926pqJPQeOzsSzMNTG7MxuSTzc2uefeqV61XrhpUfVj/AKwH&#10;/Fbe/de6Fjr/AGfiJaKs39vdJoNh7fmEZp7ssuXrbFosZSFdJJci8zg2jT6lbl08erovmekpvje+&#10;V3tnJ81khDTsY1pMbjKQaaehpI+IKWnTgJHGv9ALsWc+piffumyfEPy6RBZj9ST/AK/uhenDrdKd&#10;cSQPr7v0/UL0MPXG1MRDj6zszfcTDZW3qkQ0OMPpkzORA1Q0EN/rECNU7WICBgeA5RkitetBq9IP&#10;eG7svvXcFbuPOSq9bWNpp6aO4ipoFuIqeFP7EMS8KPqeWYlixLq9aHdjpJk/Un/XPvTGnTnDrCWJ&#10;/wBb+ntnr3Rhtm0VJ1NtSPtLP00U+7s5DJT9YYOqF/H6dMuZqIz9Y4gw8IP6iQQPWkkdhg9e6BWO&#10;g3Puivqa6HH5rcOWyVS9TUTUsE1TLJLIxZ3bxo5LsxP+x492Y060Rq+zqeevd2RXORoKXB6eXXct&#10;bRYxxxcgx19TTylgP7IUtewtcgFvq1D04Ynr6PLZShwsW8dsSZXI1SUdJjMWK+unkkcnhHpqJqL0&#10;25ZqhVANy2kMy7pXr1Ohd35l9gdf7aPTGMyG4MjNT1q1u/8AKYKOliGSrF0stM1VLLM0UNIygGIQ&#10;yBWVbuXWTX44x04tBk9AV/Hdl0AC0GxTXG3q/vRlKqov/r/wxMMf9YA/T6knn37qoOvJ/LrEd85G&#10;K4xeC2hh1ItelxNHUOvN7pPkI62ojP8AisgNuL2JvodeaSnQ89X5XP43A5Tt/sHP5qr2ptqVqXaW&#10;3Kirkjp8lmHBESR0qsIvBAVu5VLArqsywSJ73TrQavRZ9x5/Kbuz2U3HnKw1WSytU1ZVyi+kX4VE&#10;B4WONAERfoqKFHA9+A62W0jh0wSyKbAagAOALD/ivvXVYweOOl51fsKs7I3hjtuUi/b0hJrc3kW5&#10;FNRREGeY3suoghEB4MjKDYXI8DU06cIPmelJ3Z2DR7v3BSYTbSx0uxNlUv8AANp0dPxG0cYVJar+&#10;papaMWY8mNULeosS2WJ4dbIA49AyWZVPJ1MPqfx7sAR0wSGPyHTjtbbmU3juLEbYwsPnyWZrVpIA&#10;f0qDy8rkfSOGMF3P4VSfbQFT0p6HH5AbmxmO/gPTW0ZtW1uuoRBkJ47D7zKsD9zNKF9JeJncH+kr&#10;zD6Bfd3oMDy60Oi2xgcu36U5/wBj70o8+qOfIcT/AIOlJsramR39u7B7VxgP3WZr1p3mALCGEeqe&#10;dgP7EEKs5/qFsOT78Gz1cAKPl0MHyM3djqnN4jrTa0hXaHWVEMFTxRn0y1yKEqpXsFDvGV8RYi/k&#10;Ezg2kN9MevDouCLqfnhFGpvflFetMadDn8edkU+9+xIK7Loi7X2bAdz56aosIdNOdVPFKzenTJKA&#10;zg8NFHKPpyLU1Z62g09IXtrfdR2Vv/cG6XeQ0M9UaTCxSXHioYCUpl0m+hmQeRwP92O5/Pur8et9&#10;B7AgLlm/THyT78or1VjTo4u15P8ARF8ddw7xk/yfdvbFR/A9vk2EsVDpkjEin9afteeYMOCXpr82&#10;PvdcV9enEWmPz6JgWA/1/wCnunThYL0L/ROyDv8A7L25hp4vLjIqv+K5gEEr9pSWmlRyOQJ2VYQf&#10;w0g5H193QdMO1f8AD09/IPddb2X27n2xENXlKLCuNtYeGiR5i0dKzLM6KgJZZqtpXUgcqy/W1/em&#10;NT0+q0FOgu/uFuyP/gdif4IdOpf7zVFLitQtf0/xKal1X/Fr3/F/dfOnVvn0artrF4zYHSPWPU2Q&#10;3JjcJk68nfW64Ejqqied5TL4kjEEDU7pG8rRnyTRAmnjKa7Mws2BTppDqJJ+zoppPXtGf85vHcI0&#10;8qi0WIAP5s5bNFlH1BKKT+Qv4r04GB65wbkwdIHfG7IwSmIftVeZmrq2cE/1X7mChf8A2NL+ffhj&#10;qsh4Afz6wN2Du1ZGkx+UXAM66X/upT02J1CxFn/hkNKZLg2JbUSP1E+98erVAFOkjVVlZkJ2qKyq&#10;qKqokP7lRVyNJIf9dnJY+9AdaL9R5SC1r8KLWHuzceqpUdYiVHuvV89R3kt+lVF/9j/vfttu3q6C&#10;vmesRdz/AGiP9bj/AHr34AnpwIB5dcPenFD1smnXvdOtjPWNmBFhz/j7917rEWA+v+29+691iLE/&#10;4D+nv3XusLPbgf7f37r3WMkn6+/de697cSnHr3WMv/T/AG/vxf0691j9t9e699OT7917rGX/AKf7&#10;f37r3X1nv5cP/bvL4G/+KY9Xf+8Pg/cZX/8Abyf81H/48epp2r/cWH/mlH/xwdHO9pOl/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fM/wDeRHWIZf064lgP8T/T37qoUt1iLE/X/be/dOABeuvfuqF/Tr3v3VOve/de&#10;697917rgXA+nJ9+6uEr1jJJ+vv3V8L11791QvXrgXA+nPv3XglesZJP1Pv3V8L11791QtXr3v3Xg&#10;lePXRYD6/wC29+6uSF6xFif8B/T37pssT1x9+6sE9euJYD/X/p791cCnWMsT/rf09+631x9+691x&#10;LAf6/wDT37r3WMsT/rf09+691x9+691xLAf4n+nv3XusRYn6/wC29+69117917r3v3VS9OuiQPr7&#10;903Ut1jLk/Tge/dXCU49YS4H05Pv3V+sZJP19+69117917rgXA+nJ9+691jJJ+vv3Xuuvfuvde9+&#10;691737r3XvfuvdYy/wDT/b+/de6xM1uTyT7qWp1YLXrEWJ/1v6e2yxbpwKF64+9EU62DXrA31P8A&#10;r+9ha9aLU64kgfX24AF6bJLdYmYG1vx7aPTo6xlgP8T/AE97C160Wp1iLE/X/be3AAvTZJbpabQ6&#10;53jvuoEW3cRNNTK+ifK1P7VJH/XXOw0lh+VTU/8ART7beWnT0UBf/Vjo7mxuitr7Sw32+cNPnslN&#10;pq87LUXSlcKyukLofVJRwGMsEktHNIC8y3SFYExct0YxwhBT9vTVnO1quprl231NgpN75inIpDlo&#10;YiuFoCoVLQiMpCyqAdMjyBE1ALNKh0e9aa5bHXml8lFf8A6b5cxt7YUq5ftPfse6ew4l8tNi4Eaq&#10;psbIVuv22Pg8MEU1mH7svgZhYpp/taoWwBj/AA9U1acsc/6vIf4ek7tp8bv/ACVdvas2/r27jy0m&#10;S372XIlU5jjN2p8djYhFjafxn6NpmSMk38knoa1CuK/kOrIA+aY9T/m6wdpdw5FEG0tl09dS5KaM&#10;QQ01JEVqKeJh6ZGijXVHVzoQ0UKqppkIkktUlEpfKnrw69JLTA4/z6RXWnTEdOG3v20E23tjHSLN&#10;Djs8wp5KuUn0/cLKVeOItwI2tJMx0gaD6rs9cDpuKLzfHy6x9ob42PvDKI2W3VmsthcYfBhdrbKp&#10;BT0sIUafJLXV4jEkrrxqjpWVBZY/SSTpQRwHW5WU8T+Q6UHUmF2tl1rN1SbG2/tzY2DVpqzPbpkl&#10;yVVUvGP0wvUiOhijiIvK605INo4z5CXTT48+tx0OaAD55/4rpN727Gm7ArajL19VlNvdTYKQ4/GY&#10;nHv4J8xOgUinVQQpkkWzOxDR0UBBIMrqJtBKfb1pn15qQo/n0XLcW4a3cVYtRULFT01NCKPHY2jB&#10;WnpKdCTHT06EkrGpJJJJeRy0kjNIzMXQtOmSa5P5fLplijZ3VERpJXOlI0BZif6AC5J97Jp1Q1fh&#10;0sKTrffNfCtX/dvJUdExsK/MhMdTH68ieuaniKj8kNbj22WAz/s9PLE3kOn3E9ZQ1lfTY2o3ptRc&#10;jWSiCmxmBafLVDMQWb1UcTUaqigszvUoiKCWYAX9+Zsef+Dr3hajSo/LPT/W57rHZeMye1cSdybt&#10;rKmUwZ7cGOlpsbDXIpBFJHKUyEy49GF3WPR55F1NLJEIx7pk5P5Dq4KoKCp9T69IE78x1DcYDYOz&#10;cZY3WqycU2VqL3+pbIzTU1/p+mBebn/W9k8SeteIBwA/w9Ntf2XvvIwtSybnytPSMbtQ4phRU/8A&#10;5zUawQW4HGi3+Hv1OtGRj59IhvLI7PIzM7etnkJJP9SSeSffuqju/wBVehI2/t7H4LEwb43fDHNR&#10;SOTtfbM1w+VmQ2Mko/UmMgb/ADr8eZh4YzdmZNHOOn1AUVp9nz6R2fz+T3LlKnMZioeqrakjUeFR&#10;EUaY4okX0xwxIAqIoCqoAA974dayePTGZAv0Av8A4e/dep1hZyeWPH9Peiadbp0oNqbUzu9cxBhc&#10;BRvUTyHXUVD3ENPEP1z1EgBEUSDkk8k2VAzkKaF69WVdXQxbq2zuDH44bK2ph6nBbXjYVGYzu65K&#10;fDzZmpiuTVVByM1MY6KG96anJso/ccNK3p8KD7erlTTHDz6CxtnY2C7Zjf20KMrb/Jse1ZkJefwp&#10;oqSWl4H1JnUcWub+2z1XTTiR/h68KPrWhI8uV3juBwTqSipKTHRn+gSaapyEh5/LQLwf03Hv3Xu0&#10;evWE7m2fRELiuvaOqcKUWXc+Rraxrk/q00LYqFmA4AMZX8kH27Svn06DUdDCd2V3WWCWrrcXtzGb&#10;9ztEJcLgsXi6CBsNTOPRW1s3hetkrplN4KeSUrGp8syliqe6aa/Z1tm0/n0X/M7q3TuBmbObhzWV&#10;DNfTkquaZRf+iySMoH+AFgOAAPeyPTHVA3SbJUf2gf8AW591p16p9OsTMg5JYn8fQf8AFffsdez8&#10;uhR2NtPF/wAOqN/b4jeDZWKmMNHQAsk+arQrMlBSsOREGX/KJhxGlwPVqaPxPVgKZJ6SO9N5Zbee&#10;Yny+SeOOyLSY+gpQEp6OljuIKOljFhHBApsPyxuzXZmJ9w60e41PSN9T/Uk/4n3rrfXMKF5/3k+/&#10;de6XuwtlDd1bV1uTrBhtnbdhGQ3Xn5bAQwX9MMOoEPV1RBSFLEludLW0nRNOtgV649hb5G66yio8&#10;XRDDbQ27C2P2jt6OwEEFxqnmsSJKyqKh5nJJLcam06jsdaZteBw6DY88n6n22+TTr3XaqzsqIrM7&#10;MFVVFySeAAByST78E9evdCr1z1Hn955eJ8rRZPBbUoojkM5uCsgkjRaePl0p3kTTLUSj0oF1WvrK&#10;lVINi3V9J8+lF2QcjumuooBV7S2hsnbdOcbtHbs+XoZXggH65p6aknq6r7qoKh5S8eskqgLkajut&#10;Orn0wPXoM/4HtOAlq/fdLVDgkbax9bUt9OV/3IJiELD6cMVJ/tWsTRn9OtrSmOuJm66pCQKXeWes&#10;bKzzUWKB44LIIcubE/VQ4NhYNc3Ggtc9WNOhX62xey6qjy2+Ny7JxVBsTaq3mq8jUV1VV19aQPt8&#10;fSr91T0UskjENKWp3ULYWQMXWo63jpDbp7l3lufMTZhnxeLVP2MXDRUNCs1NTqSYadKw033fjiB4&#10;vJYMWZQuoj3bjk9Nl/TpA5Xd268yunMbnzuTQLoWLIVlRMira2lUeRlVQBYKAAALW91PVgaDpMnS&#10;fq5P+AH/ABUj37r3RlsIkPR2x4921SKO0d945otoUUukvicbJ6ZMjIhB0VFSptEDyAQOQKiMb4db&#10;4dFqlldmeomZpZ5mMjSSEszMxJZmYkkkk3J+p964dUqTjy8+opdj+f8Abe9dboOl31tsTI9jbqot&#10;v0jmnpLGuzeTf9FJRREGeodj6RYEKl7AyMqkgEke62B0ou49+Y/c+Tx21tpKaXr/AGTAcRtikj4E&#10;xWyzV0n0LyVLqSGb1FfUbPJJfZNer69PQNSMIxoB/wAWt+fezjHTagua9RwGldVRWZ2IREUXJJ4A&#10;AHJJPuvShRTo025GTo7q+PZFMwi7J7JpEyG85kJ8mPxhDCGguLaJJgzK45PM97qYSNU6ozdFYWwu&#10;zfpXm39f8PexRemmJbHn1HeQsSSbXNz7ZLFunlQL0aXryKPpnq/KdsZCONd57zgfb/XNJMFLQwt/&#10;nshocHjjWDpIKJGt9NSbXU6RXz8urEV6KpJJLUzvJLJJPUTyGWWWQlmZmJZmdiSSSTck8k8+6BSe&#10;tk+fWOdxfxqfSn1I/J97Y+XVFHn0bDrRI+nOpM/25WqIt3bzjfa/X0MmkukTX8taEPIGuNnuRYrD&#10;GP0zi/h2ivV+ikSzPLI8kjvNNK5eR3JZmZjclibksTySeSfdOvddSnQoj/tEan/4p7ucCnVBk16O&#10;NmsXkOp+hsXsvF0NXNv7t1xldyQ0UbyVEGNCKVp2WMM66omSIqwsTJVgcj36tB1cAk/Z/h8/83RY&#10;P7g7ujZErcLJhS4DKdyy0+LWzcKdWRlpVCn8G9j7p1uh49K/ZHVM27dz4Tah3NtqGsyVYpq6Oinl&#10;rJvAl5KpopaGnqqIPFAjsDJOiMQAH9Qu5Ty6qBXPQnfJLd2yc1u6j2pDkM8mH65oP7t0OFw1LTCm&#10;WdAiz6KyWtLKUEccDD7UhTDwzcj3Vj04DTouwyuzadx/D9n1la2q3+/lyckyH/HRjqfFOo/NvK1u&#10;RqPFq9aBHp0cDrLMr110jvntlMJhMFkcqp2xsuLGwvrZ9XiEvmqZaipmT7ti7o0pBFITa5v7cBoO&#10;qUBOft6JhXb23lkIftavc2cai1a1ofupUgUngladHWFD/wAFUe2+lGodK7o7ZQ372htPAyRrPjxk&#10;lyWYBvp+0pL1E6sQDYSpH4wf9U6j8+7KKnpqR8dTPkNvdN+ds7rysU7VGOx9X/d/Dlbaft6ImLUh&#10;5uk0wklH/LT3omp60qnh0Cepfwg/xLE/8Rb3rpwLTrNO/iiSMABn9bW/33++t72RTqikMeoBYn6k&#10;n/X966dp1kj41Ofoo9+6q/p1GZ/6f7f3oGvV+sf15PvfXuscn49+6cj6x+2y/p1tmp17231QKW6x&#10;OTci/Hv3ToFOsTGwJHv3W+sPv3XuvfTk+/de6wHkk/4+/de6xlwP8T7917rGST9ffuvdde/de64F&#10;wPpyffuvdYySfr7917rr37r3X1ov5cP/AG7y+Bv/AIpj1d/7w+D9xlf/ANvJ/wA1H/48epp2r/cW&#10;H/mlH/xwdHO9pOl/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fM6Lk/Tge8iOsRAlOuHv3Xi9OHXvfumya9e9+61&#10;1737r3XRYD6/7b37rYWvWIsT/gP6e/dOhQOuPv3VS/p1xLAf6/8AT37qoBbrGWJ/1v6e/dOBQvXH&#10;37qpf069791UKW699OT7904AF6xl/wCn+39+6qX9Osfv3VQpPXRIH19+6dC06xl7/Tj37rfXD37r&#10;3XRIH1Pv3XusZcn6ce/de64e/de66JA+vv3XusZcn6cD37r3XD37r3XvfutE0697900WJ6xl/wAD&#10;/b+/dbCevWJmt9Tc+/dOAU6xFif8B/T37rfXH37r3XEsB/r/ANPfuvdYyxP+t/T37r3XH37r3Xvf&#10;uvde9+691737r3XEsB/iffuvdYixP1/23v3XuuvdXNB1ZBU9YnINv8Pr7oFr1ctTrGSB9T7cAp02&#10;TXrGXJ+nHvxWvXg1OsLNbj8+6l6dWCV6xkk/U+2ya9OAU6xuSLWP196630sNnde7t33Vfb7dxM1R&#10;Cr6KjJT3jpYfpfyTsNGoA30LqkI5VT72ZBGM9eWEzHH7ejSYXpHYPX8dNW75qqjeW4ZU81DtnFQy&#10;zCVh+IaKG9RVKG4MkuiAXHkVRz7YMpk4Y+fSpIlj456FTcW5oNvYrHy7myND1rgFQsmExrJJkp0F&#10;tFJAKdWWnVVI8zU6syuxSOWNEE81BnAz/g6Ulwozgfz6QFLvcdoefD7P2mBtHGtry24t5yNHjI9A&#10;1u89HDKrZGUr6is9QRcLLKiE6xamniemxJ4mAMfPh/s9NG5+wt15DGnanTeHyVXQU0Rp8hvimpUp&#10;KQWvrWhbRBRUsYH0luptzHdrTHdB+LrUjlsIPz8vy6Dnb3R9PiKY737a3Bi6HbMBFZJR0VQaiask&#10;YlxE08fofyn8QPLJJ6gChBYWL+Q6oIgmW6Vm/wDuHbVDjdvDHbVleekjirtr7ayswhpaOJEvTV9Z&#10;Q0RW0roymliedmVP8oCwkxNNoJ1t5tIH8usnX9ZuObE1fY++8rTbI2BTk1lPh9uU8eOfKSliwaR4&#10;FWtqIpZDYB5Xeoc/lSzPpqA0GT1aOp7jgcf9X+r/AGS/dpdqZfsrLLLKrY7buPcrhMKp9Ma/pEsg&#10;X0vUOv1PIUehOLlnFXT0zNJrP+T/AD9Sepup8t2XmFM8dTj9qULiTLZbTp1jkinp2caXmktYkXES&#10;3dgToR9O+kfPrcMVTU9Dz2RAuWjpNuvlsFsPp/bM8dFUmKriaqrpUGpIUpaY1MyHi8aTJ5La6qSO&#10;RgqK2Psqen5O7HBRx9fs6ADc2T68yNXA9fuDO5Sjx1MMfhMBtKgSko6SmViwjSqyEvnkeQsXklak&#10;1yyFncm4AuK/8X0y2lvM08gMU/b0nTuvZ+Nv/BevMfPKDpiq921tVXuBa2ow0xx9IWP1s0TgfTkX&#10;JtQnz6oGXyH5nP8ALqLL2nvNFaLF5Kn23Ay6BBtOlpsZYf08lHFDMx4+rOzH8n3Tw6n/AD9OeIeA&#10;x9nSUgjzu6crTUwfI5zL18wp6ZJneaaR2+g1SMTb8kkgAAliACfe1FMnpssXNBk9K/L5Og2djaza&#10;23a2GtzGQj+23buaka6MoPqxmPccmjDf5+YW+6ZQq2gUeTwBY1P5Dq+IxpH5noLWKi5JZj+fx/xX&#10;3oAE9V6x69X0Qf7Hn3amnrwUnqXSUVbXSiCjpqqtmb6QUkbSMf8AkFASfp/T22T06sf59DBtHqjJ&#10;x0826N54eposVRvbGYHKyx42XJ1HBSN5aySnWloFuGmmZgWX0Q6nN0pq6eC9Mm4MXUZ3JS5Xdm/d&#10;kY+YxiGKlo55q5IYYxohpaWLE01bTxQxKAsaCRVC8lrkk6rp61prkkdML0PXNH/n9zbnzThrGLEY&#10;2GmiI/NqirrWlFz9P8m/HP1t71qr16gHWL+NbFpLfY7HrcgwUDXuXKyyqxvcnx46nxjKCOLeQkfX&#10;UT7vQ9eqB5dPW3s7uPceZpMHs7auycVW1bMUlhxtNN4I1XVJM9XlBXywRQxqWZ9dwt+SxF6MM9bB&#10;J4U6ft8doZeHGJsbbm5sjXY2inLZjcSyeI5CoWykUyRlVpsbGVtDGgHkA8slyVC7VaZPW2kJwD+f&#10;QEOzOzO7l3dizuxJJJNyST9ST7v031jJVf6/1t7aNPn17rGXv+OP99/re9VHp17oY8Jj6PrLF0e8&#10;9yUkFTu/IItZsja9WARTpyY8xkIv1aVYXpYWsZGHkI0qCLcentOgD18vl0EGSydfl66qyWSq6itr&#10;q2Zqiqqqli8kjubszseSSf8Aig490Jr1XC8ePTc36T78DQ9aDEnqKzEGw/2/vzGp6d6ETYWyabOi&#10;t3Jueqlw+w9vMr5vKhbyVEhIMeOoVNvLW1F7C3ESnyPYaQ2utgdQN872qt419OUpIcPgcTT/AMP2&#10;5tyiJ+3oaYWsiX/XNIRqmlPqkfk2AVV31UnWa/s6StDiMplW8eNxmQyL3tooYZJjfji0asb8j3rq&#10;wFelH/o+3hGQtZhmwx/ruOemxYH/AAY5GalC/Q/W3AJ+nv3W9J6UG1epshurJvjl3VtCi+0pmyWV&#10;mWqerSmpIhqnqJJqOKejVY0+nknjVmITWCePdbCV9OlRvXc/XDYnG7K29nNxw7QwTmcUmKx0WrKV&#10;pFpchW1VTXQPqawEK/bMsaE2sAqjXWjQ4/bToKzlNiUxDUu1c5kZRYs+byiCJrX/AN0UdDTSoCfq&#10;PuGNvoVPPv3XhQeXXH++MdOQ2K2hs3GMlipNHJkDcW5K5efIo1yLkadNyRYLZRvrWqnp0pNo5Ts7&#10;fOfpdt7azdXipq0lqpsL48ZTQQLYSz1Ax8dOiU8an1emxJCgF3ALZBPy6sGLY6cOz990U9FT9f7S&#10;yNTXbTwk4lyudqHZ585kFGmStnkZmZqdSLQJqKhQrfQRhLgdeaT04/4OgNYiRr3Y/gcAAD/b+2yR&#10;1RVPXEkLxbj6m5/5F7soB6eC06W3XmyK7f8AuBMXTSxUGMo4GyW4s5UWENDRReqaeR2soIUEICQC&#10;31IUMy2OOraa9PvZ+/KLcU1BtbaiSY7rvaANJt+h5U1MgusuRqBZS9RUm7AsNSqx4Vnku3x+zrTH&#10;y6CJ21G/0A+g/oPdSa9eAp1gZgeB/X6+9db6HDqjaGHp6LI9p77hvsrakoFDjpAL5fJ/qgoYlYWe&#10;NWs0pN1+isCglKe62B0G+8d3ZffW48lunPzeSrr5rrEpPjhjXiKnhB/TFEtgPyeWYlmYnY9T1Vj5&#10;DpHyNra/+w9668BTruGGapngpaWGWpqqmZaenpoFLu8jkKiIqgszMxAAAuSbD37rfRlN6VUPTGwx&#10;1jipojvzeFLHX9k5KmYMaWmdSYMSjre2pHPkseVLH1JOuj3Xq9FiJ8S6v92N+kf0H9fdvh60BrNP&#10;LqJ7r0+WC9GK6T2zicNR5fubesAba+yT/uDopbA5HL8fbRRA/rEDsrE/QSFWJKRyge6qCT0CW6Nz&#10;5fem4spuTMz+fJZeraqqHHCoOFSKMEnTFDGAiC5sqgX/AD7oSSadabtFT0nJZV/QvIX/AHv+vvZF&#10;ceXW41pk8ehO6b66n7N3rRYibXFgaBf4tuatB0LFRxEa013AWSdiI1N7jUXsVRrbAp050sO6qveP&#10;Ye6zU0G1sxiNl4GmGF2fFX070NMKOK6idGqVgiX7gpqA+qxiOMn0D3qnr1ulegp/ubVUMerI53aG&#10;OaXgOcpR1hQcA3jxkldKp5+hTVwbDj35jTpums/Z0s+tOqMVv7d+N23Bu+nyCyE1mSkwNHWssVLF&#10;zKzS10FB4i3pjVtDgPItlb6e2wtT05gCvSm7x7E2NuvclNiqGkz1ZtjZdK229uUOHqaWipFSLRG8&#10;8LvS5BpElMQVTpTVEkX0N7+Y169joHIc7tymvJR7GxcwQ3jkzdXkamS97qf8mqaCBrfQhoipH1X6&#10;3so8+qOw4dDZ0DRV++N9RvXY/a+J2jtaA7k3HUxYzHIUigJaKH76anesjE0g9f7wJhSQ3uL+9AEn&#10;PVtdOH5U9eg77f7Zz3Ye887k6fNZOl249UaTCYpJ5kiWki9ETtAraRJOB5ZLi+tyL2A96JqevDt4&#10;dA9Gqr+4TqCf4cX/ANj9f94/Hvajz6ox8ujfdHx03WXWe/e9MpADkqmnba+xo5ivrmZwjyIrKQ6N&#10;VBAbeoR089xYn34HierjHROqiplqp5qmoYzVFRK0888pLM7uSzMxJ5ZmJJPunXunXb+Jr8/lcZh8&#10;ZD58jmMhFi8dEBbVLO4jW9hwoLXYn6KCTwPdgOtV8h0Zr5U5yiwKbH6XwUxOJ2HhYavIqvHkrJot&#10;MTSrqIEogLTE/k1TG5v783p1dCAK+v8Ag6J0WJ/1v6e69eLFujhdHn/Rt1H2p3BLaDKT0Y2VtGU2&#10;DipmMZlkjubsEmlp2NrcQS8mxs58I6qo1Eft6J0z8kkkseT7b6eLBeu4B5ZVDfpHqb/Yf8b97HTT&#10;MT1wnk8krN+L2X/WHvxNT1eNNI6wFgP8T/T3rqxanXOQ6YkX+1J62/1vx71IaCnr02ne1fTqN7pH&#10;09172517rHJ+PbcnV0NOsftvqpNT1wLgfTn37pxBQdYWb8k+9gV6v1iZr8fQe7laDr3XH2317rhI&#10;QFN/ewK9e6iFif8AAe3NNB17rj7a6910SB9ffuvdYixP+t/T37r3XH37r3Xvfuqlqde9+6bLV6+t&#10;F/Lh/wC3eXwN/wDFMerv/eHwfuMr/wDt5P8Amo//AB49TdtP+4sP/NKP/jg6Od7SdGH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fM395EdYglq9e9+6r1737r3XRIH19+68BXrgX/p/t/funAnr1j9+6sWA66JA+vv3&#10;TZJbrGXv9OPfurhKceuHv3Xi1Ove/dUy3XvfurhKdcC4H059+68Xp1jJJ+p9+6pluuvfurhKdcC4&#10;H05Pv3V+sZJP19+69117917rGX/A/wBv7917rGST9ffuvde9+691jL/0/wBv7917rH7917r3v3Xu&#10;ve/dNl/TriWA/wBf+nv3VQpbrEzX+psPfunQtOsJf8D/AG/v3W+uHv3XuuiQPr7917rGXJ+nA9+6&#10;91w9+691737r3Xvfuvde9+6910SB9ffuvdYi5P8AgPfuvdcffuvddFgPr/tvfuvdYmcn/Ae/de6w&#10;l/wP9v7917rGST9ffuvde9tuenEHWBjckj3SmK9XrmnS+2f1hvXfDo2Dw032BJD5iuvBSLbgnzMP&#10;3Cp+qxCRx/qbe6FgvHpxYy/D9vRmdtdCbO2rTHN7xq4twNRqJ6mpyT/YYam5ia7M589YfUdB/wAx&#10;LzG6oefbZkPAf7P+x0qW3Vctn/B/s9LXHdsUmYqYtsdWbam3I9EiwS5NY/4XhaOPgXHoeRY1KkrH&#10;oDsLiJn/ABXw/Nv856uJgTRRX+QHUrdG4tybMx8iU0m3P49kohLX7kzkkOMxNKSAq+JJpXr8nKAB&#10;pJacg8ll1eE6AD/5vP8A2OtvVf8AOcD/AD/6uPQKv1fgaqik7K7d7CyOWo5ikgeGGWmFX9WSClap&#10;VKqWJwD41ip4VMfriYJ61cDeQHTHhebHpGbi7+yUlGNu7H27g9s7XpF8GPgqKeOpm0q2pZGjlD0q&#10;yMbNzHIwckmVyS3vYjHE56oZyPhx0sMVgavG4uk7B72zGaysbyB9rbAq3eSSrmXlA9CxEar9GEIV&#10;VAIachT4219n7enADxck/L/Y6bM1/pB3s6753PhUo6WnmaHY+0888VFjKUL9a6uNfLTQyJEtiqm7&#10;1UgXVGKVBG+wQuB+3rR1N3MPsHl/q/1cOse2OoqKjWo7P7Z3Lia3bySHKslJLJUffzuxYeSXxos6&#10;SOfSkBlEx9IYIDq0X8h1tIaHUxr5/LpN9jdvbO3nV0xl2/uTLY3GroxWGrK2LH0MPBHkamo4p5pZ&#10;Sthf7lQF9KBBfV6mjrz3Ct5E/nTqB15PubfW4YcLsvbW0Np0kRE2UzVHjY6uWjp76df3OTetnMz/&#10;AERUdGd+fSqsy1LUFT1qFqnAAp50z0KXaO/BmaOt2RgszW02ydrolLv3eUjmaaqkJKjG0pa3nnnd&#10;WGlSqMQ1/HSROx8q0z5nh05JJqwMDzP+TopG5dxNnKinhpKRMVgsZGabB4WFi0dPGSCzMxsZqqdg&#10;HmmI1SP/AKlFRFeAp0lZtfyA4DpMEhPU5uT9Le99a+LA69DDU103go6Woq5m/TDTozseQP0oCfqf&#10;959+rTq6oTgfy6WdD1lv+ueBE2rlKP7qRYab+KotCJWb9IRqxoFct+LE3/HuusdWMLHyPS+nweI2&#10;ViZ8VT702fQbkyNM1NuXNNPPVy00T3SXGUEeOpqxkY8rVTN42fmFdMWtpGzV/I/Lp5UEYoCK+Z9P&#10;s6Dc47rqjuavdG5MzIC37WGxkUERt9D9xWVokUMf+mY2A5549+LE/LqtFHmT9g/z9Y2zGw6Tih2X&#10;kMkRpvJuTKSOrEcn9rHU+PZFJ/HlYgf2r+6Co6uFX0/n/m66/vzUU/GJ21svDcEL4MbDWMtzf0yZ&#10;U5CUH8XDah+D79Svr1bVp9B0ucDndxTYuXdO9t1bgptoU9Q0WP29jamSjOYqlA1U1PFB4oY6aLj7&#10;moCkRKRGgMrgDRHkOth8VJ/Z59BVujc2R3XlpspkXjTUogpKOnBWGmgS4ip6eO58cMQ4Avcm7MWd&#10;mY2Ap03qLGp/4odJlilrEsefoLf8b96Ir1vrGSv4X/bn34KB17pyw2Hyu4cnSYfC0j1mRrpfFBBE&#10;B/QlnZjZUjRQWd2IVVBZiACffiadWAqel9uTO4namKn2TsytFc9VGIt5bsg4/iEgNzR0jfVMXCw/&#10;wNS41teMIDoCuT14kDA/M+vQSk/kn/Yn3YmnWusRe/0496Br17rh7ZPHr3Q57K2PU4TFU2+M1tjI&#10;7jr6sq+x9nU9PNP92/8AZyNfFErSLjomt404NW5AFoQzN4D16dC6BUj7B0jc5trsDcGXrsxuSn+0&#10;yeSqGqqufc9XR41tRtwVr6imESoCFVLKqKAigBbCxbyHXircemb+6dND/wAXDeWzccbfT7iprfxe&#10;18XSV63+n5AueSLNanXvD9SOsTYzZFP/AMDN35WrYf2cHivIjf4B62uoHUG318ZIuDpPIG6V6uFA&#10;6WWydqbF3PVVs09Luim27hKf73cW6cpW01LTUsX0Vft4sfVPPUzt6YYVqFZ3H1YXtUmnVqDrrdfa&#10;OLr4qPAbf2PgaXamAkddvUmSevmkUMSGqZ40rYqSWpn/AFO0sUrrfR5GXVqvSnVC4b7OkOd+Z+EA&#10;UUe38QE/zb4nFYynlXi3/AlKX7pv9dpCRc88m+qde8T0/wAHTVkN5btyqiPJbpz9dEBpWGqrKmRF&#10;A5CqjSFFUH6AAAfge9de1n59RNu7dyu6s1Q4DB0slbkshL4oIl4AAGp5JGPCRRoCzseFUEn37r2T&#10;0J29dyYXauCk6y2NVrVUImWXe26ac2OYrI/90wsDxjKU3CLfTIwL8gl5PdbY+Q/PoEGk1Ekhf9j7&#10;91ULTrCZT9F/2/09+63TqXjMbkc3kaPE4ulnr8jkKhaWjpIBd5JHNlUD6D/EmwAuSQAT7owJ62B5&#10;Dob93ZOg6v2/WdZbYq4anceTjC9m7mpSbFh9MPSScEU8NyJ2ABkYlWt6418op1dzoFBx6L+w1H+i&#10;jgKPei/p15Y6ceuiwXj/AHge2+nepuGwmW3NmcfgsLSSV2Tyc601JTRflieSxPCogBZmJCqoLEgA&#10;n24hoOvcehm7AzeM2LgH6e2ZVRVJSZZ+ydz03/Lwro/+UKJv1Ciom4t/acEWUiQy7pXrTHT0X+SR&#10;eFX9I+g/4k+2yetAefUcsT9T/sPeurdL/rbYNd2FuOLFRSigxNHEcjuPNzWEVFQxeqaZ2ayBtIIQ&#10;EgFvqQgZl91sDp97W37Q7orcftvasJx3XuzYmxu2KBbgS2P7tfMDZnnqmu12GoKfUBI8hawGrrTt&#10;ToHpH1EAfpXhR70T1UCnWIJLK6xQo8kj/pSMEsf9YC5PvXVujT9S7JyGw9t5DuHNbar8lmqctj+v&#10;duS08rFqpkYNkqlNIMVLTgHS7Ff0sylXMDN7qwHQIZTbu6svka/N7ir8KMhX1T1mQmy2XxcU7SOz&#10;F2aB6xZ+CCNKx8W0KOAPe19eqsDw9emh9u44EtWb12tTOpOqCIZKofj6hWpsdLTk8cfugH63sQff&#10;ia9WA04r0rdhddYTfu58dtbFbgzlVXVbGSeejxcf2sMCC8s0k82RiljRRxcwG5ZFALsE9669QdLb&#10;uHf+xKpsX13t/E5mt2fsANQYp8fkIKanq6oApUVk0Yx9RJUMz6tMomQNeR1UeUk+6uCBx6BY7ixF&#10;NHoo9jbe8hFxU182TnkUG/1tkIqZjY/mH68jm3vZFPz6bDh2qeA6wpvHOs6QY+h23RySShadMdh8&#10;X59TNwscxpJKslibW8hv+kcce2yfLp7XX/iujMdi7mzfU/VuK62mz1bWb+3nCM3vCczyO2Oo5AoS&#10;gh5CwGQJoZU4IWdj6ZYz73TFOtM2c/l0TO5ld5pZJJGLankk5LH+pJJJJ9+GeqOx4eZ6xs4Y3sb/&#10;AEFz/wAa90LA9WVdIp0baA/6DOk5Khk+27H7fp/HTm5E1BiNP6rE6oneOW9xpYSSpf1U/G/hH29X&#10;p/q+f+x0UX1syqvBP1IHuoqeqmg66me5CKTpTi/9T+fe2Pl1pR59G33ZbpLorHbJRhBvrtbTl9zg&#10;emamxwUWpn51LdSIbEWZmq7Hj349o6uONfT/AA9E65ZgPyxsB7p14muen/b+ByG6dw4TamIXXkM1&#10;kYsdCbEhWlYKXe3IjiW7ufwoJ/Hu59B1VRXJ6MJ8ntx4/FT7U6b25KrYHrrFQrW+O37tfJCBql0+&#10;lpY4W1sRz5Z5g3I96Y+XVq46KcNUjBf6m3uvHr3Do3PxdwGOp8xuftHPgR7e6zwc1TFK9vVWSQyE&#10;lAeHeGlWSw+vkkiK829uef2dUHD7eiu7t3HXbv3Lm9z5Nga7OZKXI1CqbhDI5ZY1J/sRJZF/2lR7&#10;b6v0zUkElTURQxRvLJI4SOKMFmZiQFUAcksxAA92UVPV2IUfb0a35H1cey9pdY9J0Eq6tu4ddybo&#10;EJBV6+p8gFyL8iR6hwCT6JY/xb35+PVQadFB91611JBEMDOeGk4X/W9+6sMdQC5P+A9+68Xr13Gu&#10;t1X+p597Ar1QmnXKZtUjW+g9It/h7pINR6ciFB1i9+VdPTvWMv8Agf7f3ov6de6xM1uST7oAW62B&#10;XrEWJ/1v6e9EU6dCheuPvXVS/p1hf9R9uBqDqy8OuP05PupavVusZf8Ap/t/devdYX/Sfd0Hn17r&#10;D70xr1omnXvdemy/p1icjj/D37qydcPfurE0697902Xrw69791TrokD6+/de6+tH/Lh5/l4/Aw/+&#10;AY9Xf+8Pg/cZX/8Abyf81H/48epw2n/cWH/mlH/xwdHO9pOjD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mb+8i&#10;OsP+ve/de64FwPpz791cJXrGST9T791fC9de/dULV64F7fTn37rwSvHrEST9ffurkheve/dNliev&#10;e/dbCevXRYD6/wC29+6uSF6xFif9b+nv3TZYt1x9+6sE9euJYD/X/p79051jLE/639Pfuvdcffuv&#10;dcSwH+J/p7917rEWJ+v+29+69117917riWA/xPv3XusRJP19+69117917r3v3VC9OuiQPr791TLd&#10;Yy5P049+6uEp1hLgfTn37q/WMkn6n37r3XXv3XuuBe3059+691iJJ+vv3Xuve/de697917r3v3Xu&#10;ve/de6xl/wCn+39+691j9+69176cn37r3WMv/T/b+/de6wswH+J9+691iLE/X/be/de669+69173&#10;7r3QwbN6L37vPwVQoP4DiJbN/E80GjDIf7UMFjPLccqdKxnj9wDn2xK4HSmKFj8vt6GzA7E6o2fk&#10;xh6Cjru298wWM1BSxxy01M1yhacFxjqONXAD/cSyyIbEDm3touSPQdKkjRT/ABH/AFfl+3oX81vy&#10;j2jQhtz5vaeGyEcQ+329T1DutOoACiQxQyV1UUWxXw00CHmNjYq/trTq4dPM2njQf6v9Xl0F2bx2&#10;287Qje3bed3HUYGN/Lh8ZXL/AAqlnJF1WhxMEs9e+tb/ALk00cxWzEGP1hwVGB1RlBy5NPLy/l0h&#10;a7tPN01FSYrrvbw23Bk4iNo7Sw1OstXIjFVOWyBjDvqbQRBCP86by1DzQqgm2F9c9N+KQKLj0H+X&#10;pz291lQ7KpTvftOvxmc3hUL9zjsDuPIQRwRSHUwlrZ6qRmqpFb6qiy6TfSkzepKlq4Xh6jqyIE7m&#10;yfnw6DDdmUxe9c6lZu7f1ZuTIvL9rjNvbCx088MRkYBKemkrmoUBLaQXWOZ3NrlyB7uBp4DptyHN&#10;SfyA6E18N1l0vh8bufOYCqq96zx/dbf23l6xKqoRjws06wwQUkHjJ5Jjl8bL+3I8g9Nal+rlFhFT&#10;x/n0H03be+K2Nt67ny/2dLIzw7d29h1FFJXOhIOqohUVwxlM/wDnWM95XBgiYMZXh3pHAdaWUgVP&#10;DyHr1J2Xsw56Ot7g7iyEqbZp3+9pqevLa8g9/wBpEjvcUgNkiiQDy2CIBEOdM1MDraJq734dBl2d&#10;2fl+ystGqxvj9vUD+DAYCD9Ma/oV5FT0vUOvHAsg9CcXLWRNHTUsplPy8h00ba6w31uuuoqTG7by&#10;0NPVzrE2Wr6eaGkiU8tI87oE0ot2IXUzWsqsxAOiB5nqqwsx4Ho2Wbx+L2Fsyq2HsrcuCwsVLGs/&#10;ZW9amfXUwLMRDIiU9Ms8yVtR+mGNtBVLJEWkYyJSlTWn2dKgtBQYpx9f+L6LTuat68qTS42n3Rmh&#10;trEnRicLt7G69RYAS1dTU11Tj2krKgqC8hp20jTFGqxIqhwV6bIQ+eB5U/z9JFct1/RD/JNpZvLS&#10;2P72eyirGTfginoaOnkXj6/5Q3+uPe6HqhdfIEj5mn+DrC2+3pnJw+09k4dgQYnWg+/dbAWKvl5c&#10;idV+b/W/It79orxJ/wBX2dWV6DAA/wBXz64f357AyrRYyn3DnQtXKKeHF4Z3pkld2ssa01GIo3Zm&#10;NgNJ5NgPftAHl14yk4B/Z/sdPuVyA2DTz42krVrd/ZCJ4NxZyOTzHGRuNL4+kmBINa6krVTqT4xe&#10;CJrmVjWmv7P8PXjWP5t5n06CBnUHklj/AIe79Vz1jLqf7N/9cn/iLe2m49ep1k/23+8f8j96r09o&#10;+39vS72vt7HPSybq3a1RBtSgmMMUEJ0T5OqUBhQ0hPIAuDPMAVhT8+R41NSfTqwVVz0wbp3PXbqy&#10;QrqqKno6amgWhxWKoV0U9HSx38VPAn4RLkkm7OxZ2JZife6U4dNsxkPTHSY/JZF/HjsfW1z6tOii&#10;ikla/wDSyKxvyPfunVB6fxsDegVZKjbWWx0TqHSbLxGijKn6MJKvwoVNjze3B54Ntah1YIT05Ynr&#10;XPZfIUmKp6/bH8QrpfDTUcOTo6uUn6m8VBLVyKEUEtqUFQpLAcX0Wp1sJX06XFbJs7Z+3qnaWH3r&#10;jny+UDU+9txYekrKmaRVcXxtDI6U0H2AK3kkWa9UbatMQ0e9ZPW6DhX7TnoLXTr+mI/y/eOXPBKi&#10;losePxezmsyRsObEoCeLgfT35mI6rRR69cDltmQ80mzcjVGw/wCL7lWmU/S/FFR40gfWw1ccXJsb&#10;0oW69UDy/n10d2wxXOP2fs3G/wDVNUVn4tf/AHKVdf8AW5P9Lnj6LpcC068Hp5DoVNs5zK7dw8XY&#10;O7KiGhx8srJtLbOCpaPFvlaiP9UshoKenaLGU7MPI6j9xv205uDTTU9XDFRU/kOgd3Pvbc+78hWZ&#10;HO5vIVj1s7TNSmWTwRhixEcMJcpHEgYhVH0H9SSTfC9Nli3HpHMy831WHH4HtvB6uqn5dYTIv9lf&#10;9ib+7BOrUPr0rdlbNye98s1DSPTUNBRU7ZDO5yuISmoaSP8AztRO7cWUcKv1ZrAWFyNmi9bC1PHp&#10;Rb63rQVNFSbK2WlVj9iYWUywRTm0+RqrWkyVbYDVLIOI4z6YkACqpJVa/D9vVSdePw/4egruT9Sf&#10;dOqlvTrE5Frfm/v3W09epGPx9bla6kxmNpZq2vrp1paOkp1LPJI5sqqo+pJ/4qePfunAK9DXuLI0&#10;PVGErdibdqoqneuVh+37A3PRtf7ZOCcNj5QAQo/5SnH6mGgk20xb687acDj/AIOgCZixuf8AYD3r&#10;qqrp6wyfj37q3XFEeR1jjVnd2CIiAkkk2AAHJJP0Hv3XujDXi6OwGlCjdvbnxt5G/O3cfOv0+voy&#10;dUhB+mqJfppHM1ePTnwD5n/V/q/zdF0lkMjE3ZgTqLN9ST9Sf8SfdWOrA6bUE9cSxPCg8ni3197C&#10;U6UdPlHtXdGRGrH7bz9cv9aOjqJR9SP7EbfkH/bH3QjPXqdGKp9vZLp7aOihSgh7V3lQeKqyFfW0&#10;dGMFjpQP2o5KueBVr6m9mZTeP8MpRTJ4Zx1uoAr/AJei8vth4Qy124trUA5aR/vVrP6m5/hq1xP0&#10;vxc8/wBbgbY+XVAvmeo38H21CT91vWhnF/rhaKvmNrj8VkGOF7XP1t9OeTpp1vUPX+XThhsDtjN5&#10;Wgw+Hn3luDKZKoWloqGKhoqItIw4HkOQrgFBuWYqAqKSbC5XfVVAY5r0Ne+9w7Q6ywVX1BtfH1WW&#10;lqZ4qvf2ZWtCmeqUE/w5poaWN5qalNgwTw8hkYa2mvvT04WC9AK+5cXCojo9k7WhZfpUzPk53P6f&#10;1JNknp2Pp/45AckWtYe9kUx1QNmtP8vWBt55aMWgpts0gtpX7XEYoOBYA2mNG0/Nubv+SPpx7rTq&#10;5boUeqaXde/crWVGe3nuHE9fbYpv4vvKtirKiCBKdNbrTokciRiapIYCwuF1uAWAVtdeDEnpFdq9&#10;iz9lbokrokkotvYqL+GbYxX0Smo4+FJUXAnm0h5DzzZNRREtsCvVHcj/AFcegtkkVrAL6V4W5/3n&#10;/Y+9k16qqkZPE9YxdiFVLsx0qqgkkn6ADm5PutenAOjS5OoPQ3Wi4GnKQ9p9l0AqM7KtvNicS1wl&#10;OD9Y55+QbchvIb3hhY+6tTT0VQNpHkcsbcKtzyfewem6ajQdRGYsSx5JNz7ZerHpQAFHRk+ittYr&#10;CUmZ7q3lBq23sYXwNHJYGvy1h4I4tSkN4HZbH6LKyPfTFJbarTrYNc9ATujcuV3juLK7jzM33OUz&#10;NY1VUML6V+ipGgJJWKGNVRBzpRQPx7vXpsiuT0n5WAtGv0X9R/qfbbGmB1ZV8+hp6I6/pN6brlyu&#10;4PHDsrZdN/eLdVVU/wCZMUIZ46dzYjTMYyXH/HFJLc296UV6cHSX7a7Equyt7ZTccpdKEN/D8FRu&#10;eIKKEsIUt9FZ7mRwOPI724t70TXrVKdByW8UWpj+5ILKP6D/AH3/ABHu3wj59U+I/Z0Ofx32HTbu&#10;3lJn88kcezdh0x3JuKqqf80TEHkp4X+t1ZomkcWIMUTqf1C+lFerE0/ydB/2pv2q7J3zm91TiSOm&#10;qp/tsRSyHmCjh9FPHYcBivre3BkdyPr70TXq4XV0gYwIladvr+mIf4/n3ZcZ6o/Gg6Nb8d6Ci2Rt&#10;ze/e+4oFeDbtDJh9qxzGxnrZgFk8f0N2MkcAYXGmWb/UG3l9evH09f8AB0U3L5StzeVyOYyM7VOQ&#10;ytdLkK2ockl5ZnMkjG9zyzH3TrfHqPCNCmSxZ2OiJRySTxwPzz7uuM9UOTTo4fbkn+iPo3ZvUdO3&#10;g3FvAjc29FT9QGpJHif6/WoWOFWUjUlIwIsx9+bAp04R5/l0Sv3TrXRifjVtCn3B2LQ5PKeNMHs6&#10;mfeGZqJ+I0FLY0wdj6RaoKyEH6pHJxYEhxcf4fy6qO4/Zgfb0EnY+8Kjfu+dzbsnMmnMZSSajjkJ&#10;JjpktHSxG/5jp0RT9BcE2H09tnPVz0iFu7hFH1PJ/wB79+60cdcqlruEF7ILW/x92bqq9RvderdS&#10;IvRHJL+f0L7sMZ68VqQOopYD/E/09ts1OlHWIsT9f9t7aLV69117117rE5HH+Huytp6sraesZIH1&#10;96Jr16pbrGXJ+nA966uEpx6ws1uPqffur9YySfr72BXr3XXtwJTr3WNmBFhz78Xpw60xoOsRIH19&#10;tdNZbrEXJ/wHv3VwtOuPv3Xi9OHXvfumia9e9+691jL/ANP9v7917rH9eT7917r61P8ALg/7d4/A&#10;z/xTDq7/AN4fBe4yv/7eT/mo/wDx49ThtP8AuLD/AM0o/wDjg6Of7SdGH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fM1LAf8U95EdYgBSesZYn/AFv6e/dOhQvXH37qpf064lgP9f8Ap791UKW6xlif9b+nv3TgAXrj&#10;791Uv6de9+6qFJ66JA+vv3TgAXrGX/px/j791Qv6dcPfutBSeuiQPr7906BTrGXJ+nA9+631w9+6&#10;910SB9ffuvdYy5P04Hv3XuuHv3XuuiQPr7917rEXJ/wHv3XuuPv3Xuve/daLU697900WJ6xl/wCn&#10;+39+6sE9esTMB9Tc+/dOcOsRYn/W/p7917rj7917riWA/wBf+nv3XusZYn/W/p7917rj7917r3v3&#10;Xuve/de697917rgXA/xPv3XusZJP19+69117917rgXA+nJ9+691jJJ+vv3WiadcG/SffuqBqnrD7&#10;9051Jo6KsyNTFRY+kqq+snbTBSUUbyyuf6JHGGdj/rD3omnWwC2B0O22Pj5ujItDNumqg2rTzIJY&#10;sfoNZkpUJUakoqckpHdrO0jKYjy6WuQ00wHDpQlsTxx/h6HbGYzpnqDS+Qaijz8RBiOVePI5jWSw&#10;QpTUqyxUZPHjZF9amzspB9sktJ/qx0pASH0r/PpT5zdePrKBchvGjzOD2/WN/uM27Wu8eQyZUn0J&#10;iqBzVsr3AInqPH+ky0qqQwb0muP2+n59OFtQzX/KegdydR21u/Rtjr/aC9W7XceWKmdoMZVzR8KZ&#10;plXxVKq1vUIIj9bO8g5937VFSanprU7YAoOk9jaXqzpepMu5K7+/XYUDampsXEJ6THTDn6zSQxvM&#10;r/V3JlUgEQxm5bx1PwwOtDTFxyepWJq5uzcq+eGxn3FXVDPS4KTeFZNVRkxlQ8rQUyUWPo8XSFgZ&#10;SYZDNJanh1zvJJHulPPq4PiGtPsr/q8unrePb8PXFHV7fwGVo9zb7qP2s1nKanp6egonA0+KCnp0&#10;SOaWAekeQyFWH7rtp8C0Eerjw608ujHE/wAuimxQbm3vm5DT0+W3JncnUBpnQPPK7NwGkbkKoA/U&#10;xCoo+oVeHsL0noXPr0a7D7KouksKMtOuAzPZddSn7eTMV1HSUOMVwRqV6yaBpXH0bxAzSfoQRxln&#10;ZnV4mPL+Z6VKghFeJ/kOganwOOyNbPvvsjfuNytHUZApVQ4UVc9RVzqoc0dO5poKZYo0KhzBI6QR&#10;lFujSRXcrQUA6bKVOpyD9mehNwOydk5ehl7W35VZ5Nr45U/hNNmIaehp6iGL009NS4+KWtl+yHCQ&#10;xicNKeSHUuz1LUwOnAgI1n+eB+zOP8PQX7/72qN4VMcMW1NvR4jHSEYamyiTVLRIAFVmg860HkKj&#10;/jgxQHQHK8mwSnTTT18h+fSKxW8uxs7kqXC7ZrZaCuyc4paSg2lT0uM1Fr+kfYQ01kVblmY2Cgsx&#10;sCfeyoGT1USMcD+WOjS1BfqvATbYxeaXKdjZXH/xLee9cnJJNDh6PgNPI7lpAF1aaWGxknlIfQS0&#10;cbNV1Z/1HpUDoFK1PqfL5/5uifbs3PBkiMRhBVwbdo6lqqIVraqmtqmuJcjkHBPlq5rnSCWWFD40&#10;/ts7oHSV5K4HD/D8z0hiQPqfduqZbrGXP449+6uE6z0lJXZCdKWgpKqtqHICQUaPI5ubABEDMSTw&#10;LD3qvW6V4Cv8+hxTZ26dgYz/AHH4HKzb1y1IYqjOeJo6TDwSaddPSVcgWCTJyqwSaVHIpkcwxkys&#10;zI0WDGnl/h6dWNk8u4+foP8AP0FzbKyiHVX5PauPvyfuMvjpHH59UNNUzzqTcWugve/0uR4v6deE&#10;dPMftHUc7c2/T/8AAzfmBfn1RYmmydQ4+v5loqSA34tplIsTcgixvqPp14KPM/sqeuQpOv4P1Zfd&#10;2TYX1LDj6SjT/DTK+Qq2IPH1iUjkWP19ttUnqyqp9f2dLbb2I2JNQ1W5cvt3cNPtXFy/b1FZkcmj&#10;vW1JVmjoaKGnx9GTNILGRjKUgjBkduURq5OB06aefDpn3B2c+bejjTZ+0qOixNN9hhqPx1c6U8AY&#10;lUWOerelLm4MkghUysNbgkn34rTquuvkPs49Jxt+bgUWpmwuL/Cth8XjKRwOf9209JHMSL/UsW+n&#10;PA9+pTres+X+ADpurt5btySGPIbq3DWQ20iCorKl0C8+lUaTQqjUbAAAAkAe/U69qJ6ZsfQ5DOZK&#10;mxmMpqnI5TJVIgpaeEapJJHP05P9eSx4AuWIAJ974daFT0JmWydH1vQV+09tVcdXurIU5od57qpH&#10;usSEgyYrHOLWhVhpqJxZpmBRbRr6qjOerE6cD8z/AKv9X+QHy35Nh/vv8fduqU6xM5v6Tb/W496p&#10;1vrgST9ST/r+99e6E/ae1sVj8bFv7fSMNsQzsmDwIOiozdVEfVDF+Y6GFrCpqLWH+aj1SGy1J8ur&#10;gUFT+Xz6Re6t1Zbd+Wly2WmRpGRaelpYF8cFNBHxFTU0Q9MNPCvCIP8AEklizGhamB1VmLZPSZLA&#10;f4n3TrXURizMfzz9Pbwoo6eBoOlNtPaeU3hmYMNi0jEro1RV1lSdFPS08Y1TVVTKRaKCJeWY/U2U&#10;Asyg0L+nWql+HS03puzEY/FL17sV77Yo51nzOcClJs3WRj/gTNflaSJiRTwXKqAJGu5GnXw/b1V3&#10;rgcPM+vQRFvyx+vuvHquW69HHPUv46eGWZ7X0QqWa39bKCfz7904qdPsGyt5VSq1LtLctQruI1eK&#10;hqStybfqEWkc8fX37pyh9D0O1Jt2t6jwEn2smEHaeco9FXXZDIY6mGApJkOqng+7qovJk6iM+t0U&#10;+JGsrchpNjrbVQY4/ljoCZdtqGZ8hufa1Ebkteqkqzfi/OPgrdRJP1FweTe3PvRNeqqmkZP29YWx&#10;O26f/gRvCmqbHn+C0VZNxc3t94mOubD8kC5Ava5HurADzP8ALrE0eyYRqGQ3Xkjb9Bo6SjsbDjV9&#10;9X3F786RwBxzx7rw0/PoccJSbP6swOL7FyW3ck27sqpn2HtnPV0NSFj+i5ipjix9L4I0BvCr+Quw&#10;DppNpIqnPViQgr/q/wAHQN5XetPlKysr6jae3anIV87VVZk66XKTzSyOQWdxJkjASTf6RKBchQAF&#10;t6nWlbUSSP8AD01f3xyUfEFHtikAN18WHxbMp55WWSjkmB54Ovj8Wt79herawOu/79bwUFYdz5qi&#10;iI0mHGzyUsdhaw8dO0SWGkW44sLe6HPV9R6GLa6r19tyn7W3w0+Z3Fk9S9YbcysjyF5gvOXqY5GL&#10;fb0+oeIfVmIYadUUi+p16uKnoveXy1fl8jXZXK1U1dlMlUvV11XMbs7ubm5+gH4sLAD0gAC3vxNO&#10;mdWrJ/IdNJcm/C2/ofdePXtRPXBdV/xc8AKB/wAU9+r1dUp0ZiiC9D7PTM1SL/pb3tj2XB0kli+E&#10;xsl1aqkXnRWVI4QEXW2k20TI2w3ViQg6LPPM7M7yyNJPK5kmkckkluSSTclieSfqfeydPVAdR6hF&#10;/wAD/b+6dOdPO29u5bducxu3cHTNV5TK1IpqaIcAXuWkdrHRFGgLux4VQSfp7914CvQ09tbjxe1s&#10;LR9J7IqVmxGFqPud7ZqHg5PLAjyKxF7wUrKFsSfUqrz4VZtjPW2NOi8OwVfEn0/tn+p97OMft6bA&#10;rk/l1GLgfTk+69X6MN0ztrE4PH5Lune8SttvaMvj25jJbBsllwLwRxA/qWB7Ne1tdmJKQyj3unVl&#10;FegU3RufL733HldzZyo8tflKk1NQwuERRZY4YwSSsUMYVEFyQqi5J5PgK9ebt+3y6TUj6zwLKOFH&#10;vR68vYPn59KrY2zspv7dOJ2riF/yrJ1GmWoYEpBCo1TVElvokUYJ/qxsi3ZlB114At0KXfG9MVNU&#10;Ynq7Zb6NjdeIcfE0TAitrwCtTVyMtklKuXVXAsztM6krILUZq46dAp0X8Hwpf/djjj/Af8V9++Af&#10;PqldZ+Q69S01RW1VNQ0cMlTWVlQlJSU0I1PJJIwREVRyWdiAB+SfdAK9OdGn7VrKfqHrbD9K4eoj&#10;O5c6ibi7JrqVgfVIFaOiDryUJRRb03hiQkEVDe3QKY60M5/Z0U2NQTqb9K8m/ttR59UkamBxPXFl&#10;lqp44okkmmmkEUMMQLMzMQFVVFyWYmwA5J+nvRNerKukdGz7Oki6b6iwPUNDJEu7N4Iu5OwJ4SNa&#10;RllMdMWH9lnjEQsbFIJCVtPzY4FOtjOfyHRQUvIwVf8AYn+g91Ar1sv4Yr064jE1+5s7iduYiL7j&#10;IZavixtFEPoZJWCBmP8AZRb3ZjwqgseAfdmNcDqka0yeJ49GW+Sucxu18Zs7ozbMqti9l0EVfuCV&#10;ODNXSxs0fkAPD6ZpKhxypaoX6GPjTenVwa5/1U6KKoZ5FjX8nk/4e9AV60TTowfxy2PHvTsugq69&#10;UG3dlRjcuXlm4iLwsPtYmY+kapwHYNwY4pQfdzk/IdeQUz0gu49+P2L2HuHcokZsc9T/AA/Bo3Gm&#10;ip7xwcHkGUAysP8AVyN+PdCa9WPQZwjyyAfRR6mP+Hvaip6qTTo2cE3+jD42ZCu5p9z905P+H0vI&#10;DpiKYMrNa3KSRtJzf9NWh4I97J/n/g68BT8v8J/2Oihe6db6zQDxpLO34uqf6/v3VWzjqCeeT9T7&#10;91br3v3Wx1zqH0qkS8aRdj/Un3ZsY63H3VY9RPbD8enuuiQPr7p17rEWJ/wHv3XusbNpt/j7sq6u&#10;rKurrCST9ffmwenCQvXvdemyxPWBjckj37pxRQdcCwH+v/T3YA8erdYyxP8Arf09+LV691jY2BI9&#10;+UVPWiK9Yfejx60WC9e966aLE9e9+611xLAf4n+nv3XusRYn6/7b37r3XXv3XuuBcD/E+/de6+tX&#10;/Lf5/l4fAs/+AX9W/wDvD4L3GV//AG8n/NR/+PHqcNp/3Fh/5pR/8cHR0PaTow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5l/vIjrEQtTrokD6n37qmW6xlyfpwPfurhKceuHv3Xi9Ove/dUy3XvfurhKdcC4H05Pv&#10;3Xi9OHWMkn6+/dUoW669+6cC06xl/wAD/b+/dW6xkk/X37r3XvfuvdYy/wDT/b+/de6x/Xk+/de6&#10;97917rGX/p/t/fuvdY/fuvde9+60TTr3v3VC/p1xLAf4n+nv3VQpPWJmvyTYe/dOhadYS9/px791&#10;vrh7917rokD6n37r3WMuT9OPfuvdcPfuvde9+691737r3XvfuvddEgfX37r3WIsT/gPfuvdcffuv&#10;ddFgPr/tvfuvdYixP+t/T37r3XH37psv6de9+6qAW6Wm1+ut5b1YDb2Cq6umMnjfIygRUqEfXVUS&#10;lYyVHJVSX/opJA90aQJx6URwFuA/PobKXpPY2zWpX7O3klRk6hlFNtTbSySTzM/CIqJHJWzK7em6&#10;wxAG37ntkzM/wj8z0qFuqfEfyH+qvRhtvridqYd6zHbNpNg4J1C6sm0EeSqeCbTEzrFTMVF0kqaw&#10;sLWeJTb222fOvSlQFHCg6RlTmdy9ife0uC3di9n7ZpyZcvktsI9VMFC/uPVZdxQ4+FyFuy0kkrov&#10;LM6e/ABOIqf9Xln+fWqmTgaD1Gf5/wCboDJ959b9W1UideYsb03RG58u8tzN5YInvZxRxxiHXfn9&#10;xdBIP+dlU29vaGk44HoOkxdIfhyfU9Pm2E7e7P8ANn8xuWq2ftKQWq8pi4RSz1Ua3HgpFpo1q6wm&#10;xUF3db3UeRh4zRwqYHTia5cnA+X+qvXPdGXz+JoKjbGxMUvX2Cm5y25t31sFDl8ibaTLKayaOtRX&#10;/CohltYKsS3i9+UKcnPyHDrbFqUXA9Scn/L0jdkdJUW4knzmX3liYdsYp/LmMhjo6nxaUN5IkrKy&#10;Ckpy+n9TxedI7gtyVVvPJ6DqkcGKk4/PpUbu712hQ0FRtLY238gMLHGtE+RpKr+H/cRxgoIxogkq&#10;zTlfoRLBIQW1ABmBqEPn040wGAP8nQQbcymb3HmKTAbF2NtGjyFU37Tii+/eNR+qWWfLyV6xKg5L&#10;gLY8KNRA92OMk9NqSxooH+r7a9DturshuosLLtXGbgm3X2DVKDl8k5BoMaxWzR09KmmCOVLelNF/&#10;7c5sEh90Ua8+XT7yCMU4n16K5jKGbcNRkdx7myFUmGo5hPm8tMxeeomkuyUlOzh/LXVIU6b3WNA0&#10;r+hCC5WmB0nVdfc3DzPQ1bK2ZTbnjXsvsfw7c6x2zCEwGDYt45oonulPCrDXJC8p/dexkq52YC7M&#10;zK2xpgcenQNXc3AcB5f6v8PSF7E3lvPt/LqMPt/NvtnHuYtu4PF000qpGPQssiQIytUOtgbXVAfG&#10;nFy1kAT7eqSs03CtPs6QsHXm75poqd8ZT4+eeRYooMxV0VC7OxAVFSsqIXLsSAqgaiSoAJZQbeIO&#10;qeA3+oj/AD9G32Jsqg6fws9RXV+D/wBKGbxM1XA2TMz02PpIl1StI8EUrRwRDmaVtEcsgSnSRbh2&#10;bZtfSuOIRDPE/s6L1u/cezssr0K7u3LVUs9QMhmayjxiPLlq7kNV1UtVX0bxRIGK01OInSnjFgNb&#10;yOdgH06ZkdW8z88cT+fQfGr2FTL6MLurJyf2XqchS00f0P6oY8dUSHk8WmW1vzqsL56p21xX8yB1&#10;iO5sLDxR7E24ri5WoyM2TqZB9bek18dM1uPrCeR/Qke9UPr054irwA/mevDfGaDBKCi23jrtaMY7&#10;EY1ZQbiwWdqV6r6gW/cPIB/VyaaSf+L6p4zVxQfYB0I9dvTdOw8X9pkNx5ur3xkqfUcdPUyGmwUM&#10;gspNMH8P8XljAIDKDSJpOnzkeLVAeH/F9O62Tjkny8h/s9ALUVEtVM89TPNUTSHU8szF2Y/1LMSx&#10;P+J9uCvTWesF1HNj/sT7o3HreesJYfhVHP1+v+9+3OvU6W+1drQ5OmqtxZ6aTG7Qwsirkq9APLUS&#10;n1JQUKsVEtZMP8dMKXllIUAM0zkGg6fVRSrcOoW7t3VW56mmVaeLFYLEwmj2/gKMnwUcF76VvzJN&#10;KfVNM3rlf1NxpVa9epqyfyHp0jS/4H+39+6t1w9+691zpKOsyVbTY+hp5autrKhaWkpYBqeSR2Co&#10;iqPqzE2Hv3XhnoWMnVUvV1JU7dwlTT1m+q6mNLujcdIwdccjgiXGY+Rbjz29NVUKb/WGMgB2Nfi6&#10;sTpwOPmfToHCTyfz9fduq8OnKm29uGv/AOAeCzNZyR/ktLPJ9LX/AEIfpfn3qo63pPp1ObZW7I7/&#10;AHOAyVBYkE5SM0gFvrc1PiAFza/0vx9ePftQHWwhPl0v9p9ZRwwvurfdRjKLadEzClposlQB8rVx&#10;n/gBBNHUuIQpF53/AFogIRS/KVLenVgnmcD/AA9MO7qp92ZQV+Y3ds/GRU9OtBicRRCvkpqOliB8&#10;VLTrR4+ojSKO9r39bEuSSSfdaeQ60y+pH+bpJNjNtRf8CN2+cD9X8HoKiW/HOn7tqC/PAvpv+dPu&#10;tOvaV9f5dcTT7Ki9QyW6q/i/jNDSUnNvpr/iFbwW/Ongc6TewsEJ612jjX+X+fp625h8FufMUWBw&#10;W2NzV+TrZNEbT5SmSFVA9c86piC0UEQu7t5fSo+vvTAjqy0Y4BP5/wCx0t9z732ts+grtg7Fw2Hz&#10;GKqQi7rz9ZLW3yNRH9Eglpaqlm+xgYHQNXjla7+PQbybpTrbOB2j8+gmO6WiuaLA7VoiAdN6IVdr&#10;iw/4uDVmqw+ha5ubkk2I1TrWvyoP2f5+sJ3nnhcwT42hJv6sVjsfSHn6m9NSwm9uL/W3H049+YDq&#10;3ilesM+9N41KmKfde5Joi1/C9bUlL3vwnl0jn6AD/W916p4jH/Y6Fqhjh6jxNPujcEf33aGapDLt&#10;fEZC0hwsDX05Osjk1/5ZJe9PC49HLv6gVT3Tg7OOT5fL/V/q8+gArq+orqqpra2aWrq6ud6mpqah&#10;maSSSRi7yOxJLO7Ekk3JJJN/futBeoLOT+AB/Qe/dbp11qb+vv3XtI6GjYe18PgsOO0d/QGfA0k7&#10;Q7T205AkzVclwBpJDfYUr2aZ7FWI0eqzI2vl04oAFTw6DTdu68zvLOV+4M7VGpyFfLqfTcRxRj/N&#10;08CknxwQr6VW5/qSWJJ0xp2j8+m6mQ1/Z0lXJFrfn3Qgp04QU6xe6dU6GjrbZ2I+xrOyd/I8exdu&#10;zaKegtaTM14BMWPpwf1R6heZuQFBUkDW8bpxgdKOHSI3vvPMb53BV7hzLqKie0NFRQ3ENJTJfxU0&#10;C/2I41PH5JLO3qYk6J0/b01/aH5f4ekQ5BPH9PdVXV1YrqPXAkD6+3ML1vC9D71nt3D7Uwcvce+q&#10;UT4rHTmDY23ZSFbLZNCdDkEE/aUrrqZrEFlJOoR+OVnrwPn0Du5dyZfdecyO5M7Umry2WqDUTPyF&#10;UHhUjUk6Io0ARFv6VAHPu47ft6bHeek05uOTze/unTooMdYgL8DkngAe/db6NArL0DsRnYCPt7sH&#10;HFI0PEuDxT/k/wBqOsqCL/gq6gWBgPk2OrcOivO/iBZzqnk5JPJAP/En3b4R8+mf7Q/IfzPUIsT/&#10;AID+nunTnS96z2BkeyN2UO3aImCl5rc1kj+iko4yPNMxPGqxCoDw0jKCQCSPdbAr0q+6N+4/cuQx&#10;mzdn2p+vtkRHFbdpouFqZF9M1fJ+ZGmN9DNyVJkIDyyX2BXq5cLU9AnIwUCJfoP1kfk/8a97OMdM&#10;glu49RnYi1vz7r06i16NhDfoHqtqpiKftbtKi0Uw+k+KxBsSxv6oppLg/wBk+Ur9TSn3WnTg6KhG&#10;oN5ZL6VNzf8AJ97VQuem5G8hxPWN3LsWP1Ptp21GvV1XSKdGZ6HwGL2ph8/3ru6APitpI9JtGhmN&#10;jW5V10KYwQdXjLhFYAhXZ5OPt2IcJp1s+n+qnRdtw5/Kbrz2U3Dmag1WUzNa9bVyn6anPCoP7Mca&#10;2VFHCooUcAe28t14mnTPM+kCJT9P1n/H3tjTHTaCp1H8vs6MZ8ddpYz+I5ntbdo8e0etqdsmHkW6&#10;z5BU1wRpyNckF1kCjkytAtiHt78gr070Bu+d4ZPfm681uvLMfusvWNOsAJKwxD0w06X/ALEESqg/&#10;Jtc8kn3ZsDr3SaZvBDccSS/T+oHvXwjpv4z8h0a3444fH7MwO8e99ywBqDatBLjNsQycGetlUJIY&#10;yfozGVKdG5W80l7FDbS4z1c+nr/g6KtnM1X7gzGUz2WnNTksvXS5GtmP9qSVy7WFzZQTZR9FFgOB&#10;7p1vqAp8UbSfR5OE/wBb/fc+7jtFemj3tTyHHo4dU3+hP43Q06j7fe3cj+WVgdMsWPeMMQeQ2mOi&#10;kCkcMktY3+p9+4D7en+HRKSSfr7p1Xpb7C2nWb03Vt7aVFrSfcGTSllmQXMUA9dRN9DxDTq7/wCw&#10;9uAUH29Njvb5DoUfkxu2kznYA2zhtEe2+u8fHtHEU0JvGrwBRVFRcgFJFEH+KwKfdG49O/8AF/t6&#10;Lt+Qv5JsB711rrlUvYJEDZUFz/r/AO+/3v37rVOoYYE2H9Pr791dRXrPEAWZj9I11H3ZetyGgoPP&#10;qIzF2LH6k+9E16cUaRTrEzEcD/b+6FanrfWL3V/Tr3XRIH19t9e6xM1/p+PewadbBp1jZgv+J966&#10;2F1dYWb8k8e9gV6dAp1iL3+nHtwJTj1vrh78zAY6910SB9T7a691jZr8fj37qrcOuHv3TPXRIH19&#10;+691iLk/4D37r3XH37r3XRIH19+691iLE/4D37r3XH37q4T16+th/Le/7d3/AAK/8Uv6t/8AeHwX&#10;uMr/APt5P+aj/wDHj1N21f7iw/8ANKP/AI4Ojoe0nS/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mVl/wAD/b+8&#10;iOsQgnr1jJJ+vv3VyQvXvfumyxbr3v3Vgnr1xLAf6/8AT37qxIXrGWJ/1v6e/dNli3XH37qwT164&#10;lgP9f+nv3TnWIsT9f9t7917rr37r3XEsB/iffuvdYiSfr7917rr37r3XAuB9OT7917rGST9ffuvd&#10;de/de69791QvTrokD6+/dUy3WJnJv+B791cJTrEXt9Offur9YySfr7917rr37r3WMv8Agf7f37r3&#10;WMkn6+/de697917r3v3Xuve/de699OT7917rGX/p/t/fuvdY/fuvddEgfX37r3WMv+B/t/fuvdcP&#10;fuqlqdSqKhrclUx0eOo6qvrJjphpaKN5ZHP9FRAzMf8AWHv1adNirmgz0NGA6D3dX+KbcUtNtOll&#10;TzJTVKvV5GWO1y1PjKQSVEhU/qV/Gy8kjj20ZQOGelSWh/Fj+f8ALoaqDZPTHWHjqt2zUk2SjAkE&#10;e65I6qpbnh4sPRGVUglAujzeSRD6WUG/tou78OlgWOD4uPzz/Lpd1u+ochiBX1E2U2XssxiOHLZE&#10;x4yapGkBY6GnQTZCoDcFPClCxXlHa1vbRXNOJ/bT7f8AUen9YYVOB88V/wAv+DoGajcW4ZJnpulO&#10;sKvCffP9s++c3Tf5bVNJa4iqsizqoci95ZpXIIYiNufboUfjNfkOH8ukxZvwL+Z8/wBvSek2fgNt&#10;1sOa783pNls26eek2fT1E9bUG9iBVzxeUxRn8KhRGsNMrWKe76icIPz6poC5kOfTj0zbl7Fwu9ai&#10;i25jMZu3LYhJFp8Hsvby02HogQboDBCmUqKphySdUfN2RYrke/BCuTT7eJ680ofABPyGB0sxSbD6&#10;qxqZHe21dqyboqIRLjNj0PkyFQoI9MuQqq6aqghN+QYY4wLXj8x1Ba5k4E09enO2EVIFfIcT/P8A&#10;1fb0BW7+2d77vqZHrMzVY/HkeOnweHkkp6SKMfpTxRsPKQONUhZrcAhbKL6FTpkytJ5kD0HQh9dd&#10;KNVUQ3r2IlZjttQp97S4aJXNbkFFiv7aAzJDKSAoUeWW40BAySMy7+Q4/wCDp+OGuW4enmem/sbL&#10;dgbzMGJh27LsjZWPsuH29kngxUPjUXjmqDVyUsbvp9QH+bjB9NzeR9hQvzPmetOzSeVB5Dh0j9pd&#10;Q53eGT/hWOzO2vPGolq2gqHq0hj5JZ5qGGpplPBChpVDt6Vb8jzOF6qISfMf4f8AB0L2S3n111Lh&#10;K7Y2y8vlZNyT2i3JvDDUsM8ryJdZIYppquBadkJsnjEyRDUB++TKKgF8n8h07qWPA/PoD8HSbOzd&#10;XVyHEbikx9Chr87uDN5GIQQRFra2p6ehSWSomc6YohUlpZGCD6M/u5r/ALHTaBSa0JHmSf8AN0Om&#10;ycXgsviG3dujbG3trdUbZMs2Cpq9amoqK1jJZndaiqnhkkmdVSR1iMkpVKeIlUBVsmhpmvTq0I4A&#10;KOFegf7A7x3RujJmPA1Eu2dtY8CnwmLoBHHIkaDQsjyINSSsnAVGCRr6Fv6ndwR6ePHplpy3w4HQ&#10;T5DcO4MxqbLZ7MZPV+s5Gqnnv9Tz5Ha/JP8At/dgvTbSGmST+fRruptg0nXuKpt/bqoDV7ryamPZ&#10;u3ZmSMxao2c1EzuSkBEN5JZXAWlgV3e8jBVZkNcDh0shi0ip4noDuyuwp9wVdfQUlaK5KqoD5/OQ&#10;hkGRkiY+GKBGOqHE0f0poTy7XqZgZntG4i0yf2dMTSasD8z/AKvL/i+ggJ/J49249M8OsTPf6ce/&#10;de64e6Ma4690K9JAnW1PDXVMaVPYmRp1kwuLZQ/8Fjl0tHWVKEMDlJUN6eAi9OGE8gEviQVpjp4D&#10;wv8ATeXy/wBnpCLt3deXmeeDBbhyc1Q5mkmipamZnd2OpmYIxZmb6k3JP+PvakdbRGPkf2dcjs3d&#10;CAefDVNBf6fxUx0f9bX+6eGxNif9YX+nPu2sdOeGfTrEdp5EeqfI7XhT8N/F8ZLze1tNPVzOP9fT&#10;b+p5F9awP+K68Er5j9o6VO3euqLJRVGazG78Hj9rYmeNM3kqda2SQaz6KelvRCGerlA9MauzIt5G&#10;TSLGjOfLqwj8yRQcesm7M1t3PS0lKufmoNuYaJqXb+BwNBJLFTxEi7M1VUUJnqp2GueZgGkbngBU&#10;WtNP29WYB8k48hT/AIrpHSR7Lhvpr9zZAXNlakpaMkf2RcVtdY/kmx/pb+178AT1aq+v+DrEazZi&#10;fowO45WW9mnylMEbiwLRpiQw55sJP6C/Fzqh/wBX/F9a1L8/9X5dZKbKYqepgpMbsjGZCoqZUpqe&#10;nrKjJzSyOxCoqClrKTVI7H6BeTYKByDs9W1A8B/h6FDLbho+q40xuDxm2I+w5YyucyWOSSpixCsu&#10;lqCmkqpqky1rAkVMusogJgQE6mFaauvF9OBx/wAHQRneOb/Ui4One9zLR4rFQPwb8vDRI5F/8f6f&#10;0HvdOtBiOFP9X5dYv78buVSkW6NwQR6dPjpaueJLX1fojdV/Vz9Prz7oCOvaiemKry+RrbiuyOQr&#10;bixFVPJJcA3AOsni/P8Ar8+7069Unpb7L2jQ1tLNvDeMkmN2LiZxHO8dxPkqgDUuOoASC8slv3JA&#10;QsKXdmBt70T5Dj1sLTuPD/D0nd5b0yG78hHPNFBQYzHwChwWDoRppaGmX9EMCWt+AXcjVI3qb8Ab&#10;Ap1osWNT+Q9Okdrb+v8AtgPe6da66LEfVj/t/esDr3U/DYjKbjy1DhMLSS12TyVQKalp4hyzH6kk&#10;8Iii7OzWVVBZiACfdGf062BXoVNxZvGde4au2Fs2vp8jlMlF4N97vpP93nkPi6GSwYY+Ii0rg3qX&#10;ve0Y0toYz1Zm09o/M9AmT+Sf9ifdOPVOsTPfgcD37r3WJmA4/Pv3Vgtehx2zh8b1vhKLsPeFJBXZ&#10;/JRGbr7aNYD+oH0ZeujNiKSIi8CEEzNZlsAHX3T2IxXoGs5msnn8lW5nL1k1fkshUGoq6ucjU7H/&#10;AFrBQAAFUAKqgKoCgD37ptW1Hpl9+6c66JA+vv3XuhU662Tj8rBXb13nNLjuvttyj+ISx2E2RqeG&#10;jxlGNSM00wPrZT6E5LKSGXR6so8z0wb/AN85DfGZFbURx0GOoYFx2AwdJxT0FHGAsUEKfpDaVHkY&#10;Aam/AUKq7pTrQBlyeHkOkESB9fdahenahesTNq/2Httm1dNs2roSetdgf3zyFZXZarGF2XtuD+Jb&#10;s3BNcJDAORBEbEPVVBGmNBc/VgrEBW115Vr1z7L7AXd9fR0mKpP4NszbkP8ADdn7ej4WGBeDUSi5&#10;DVVQRrkYkn6KWcguznwjrzPqx5efQVs7MTc/X22TXr1a4HWJmtwPr72GoOt1K46FTqzr+n3dW1+e&#10;3LUNitgbUiGR3Vl2JXUo5SjgI5apqTZQFuyg8eto1fXHryrqyeoHZfYNRv7NJVJTpittYaAYvae3&#10;oLLFSUkdlQBV9PlkChpG/JsgOhEAsBTJ627ajQfmegyaQsSfyT9fdSa9a1aRQdYSbAk8+/AV68oJ&#10;NejB9V7bxW1cHUd076pVmw+InMGyMFLw2Uyik+NwCOaamdSS3I1qzciIo9jjA6fAp0DG5Nx5bdmc&#10;yW5s9UNVZPKVJqJGP6V/CRxrzoiiQBUX8KAPe6gDptjqx0mJW1Ncm5P19t8etgU650tLUVtTT0VH&#10;BLU1dXOtNS00ClnkkdgqIii5ZmYgADkn37rfRm971dL0nsEdXYaeOTf276aPIdkZWmYH7andSYsX&#10;G6kjlGIYg8oXe2moTR7qxNOHRXf80n/N1/8AeB/xU+7/AA/b0x8Z+Q/meo/unTvQ/wDRuycXV1WT&#10;7M3mBDsTr4ff1JlFxWVy6Xp6NFNlkIZkZl51M0UZBEtx7q69Bbv7eeV7E3dld0ZVyJchPalpgdSU&#10;1MnEFPHwBpiTgmw1uWc+piTUHqxYKK9I+RgbIv6V/wB791Y6sDqqjTk8T0qth7Nye/8AdeI2rihp&#10;nyVRpnqWF1ggT1T1D/7TFGCbcajZR6mHuunNOt6tXQpfIHe+LnrsT1ds1hHsjrmL+GQiI3Wqr1BW&#10;pqHYf50xsWQP/akM0gJEgPu+mv2dXHReF/ajMjf5xxZAfx73UL023eaeQ49ScNiMjuDLY7CYqner&#10;yeWrY6Cip1+rSSsFW5PCqCbsx4UXYkAE+2uPTvRlu+cxjdibY230NteoSWDBwx5fe9fFwamvlHlW&#10;N/zYFvMVJbSrU6A3hI93J04HXq9FTiUE6m/QvJ/x/wAPelzk9UdqY8z06YLB5Ldu4cRt7FR+XI5r&#10;IR4+kQ/pBkYLqc/2Y41uzn6BQWP096J1HqyinRjPkhuDH7aoNpdHbYmvh9j4+Kqz0sfH3GQlQuDI&#10;ASNarK8zD6a6gi10FvNjHWxnPr/g6KfEnkcA/QcsT/T35RU9VY0HQvdJ7CbsvsjC4SWMvhaF/wCM&#10;Z02uv2dOyF0PHH3EjJD/AIeS/wCPez3HryLoGfz6mfIrsMdhdk5OailV8DtwHbmCEVtDR07t5Z1t&#10;YEVE5dlP/HPxr/Z91Y16tTTjoDYU1uL/AKRy3++/x97UVPVXNB0bDopIdhbK7G7yr0jE2Jx7bT2W&#10;kwUh6+o0apFVhc6HeFSQD+2agfRT73Xz68i6AB+Z+z/ZPRSqipmqZpqiaR5Z55WmmmkJLO7EszEn&#10;kliSSfdOrHPXKmsuuZuQg4/1/dl9eqtnHr1AkdndmY3JYn3Xq1KY64gkfT37q6cepLERU6oP1ynU&#10;3+t/vv8AifduA+3rQ72r6dRCQPqfdCadPdYmNzf22Xr17rGxsL+6lade6xEk/U+9de669+691Hle&#10;x45493Va9Opw6jkk/X26BTq/XvbTE1p17rGX/p/t/ewnr17riAzc/wC8n3VsHqpYDrkVAU/1/r7r&#10;02Wr1gZrGw/2/vZFOq9Yveuvde+nJ9+691jL/wBP9v7917rH791YLXrokD6+/dOABesZf+nH+Pv3&#10;VC/p19bT+W7/ANu7vgT/AOKXdW/+8NgvcZX/APbyf81H/wCPHqbdp/3Fh/5pR/8AHB0dH2k6MO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ZP7yI6xCL+nXvfutBSeuiQPr7905QL1jLk/Tge/dUL14dcPfuvBK9dEg&#10;fX37pwCnWMuT9OPfut9cPfuvddEgfX37r3WIuT/gPfuvdcffuvddFgPr/tvfuvdYixP+A/p7917r&#10;j7917r3v3VSwHXvfumyxbrGX/p/t/furBPXrCzAfXk+/dOdYyxP+t/T37r3XH37r3XEsB/if6e/d&#10;e6xFifr/ALb37r3XXv3Xuve/de697917r3v3XuuBcD6cn37r3WMkn6+/de669+691wLgfTk+/de6&#10;x+piALsSbAD/AIge/daJp0K21OlOw92eKamwkuKx8liMlnb00elrWZUZTUSoQbhkjZbD6+22lVen&#10;FgeTyoPn0J1F1j1VtSsioN0biye/dzHUE2jsyJ5XZ0tqiYU7PIGAuf3Jqc250WBs34jNwFB6np5b&#10;ZE4ksfQdDxQ5HGbLxhklwe2etMXJFrixjVFIMrUpcaWlkeWmpoJRf9LS1bkXGm4t7aILep6VrRB5&#10;KPy/2P8AL0jJc/uTsCKvXA7so9obUiZny2Z21TTaRYBXarzNeuJgRjYF/skkK351i597NI+Iqfn/&#10;AJhXposZuBoPl/nNP5dAhVbu6t66q3fY+Hk39ueN9bbq3cxko4peCzU1OiwGc6r2kYIymzJK4Pt4&#10;Kz8cfIdJTIkPwDUfU9Pu36ruTtOc7hqszFtHb8AYSbnhpo4HC3N46KRVFfVNckKqzaA11DB+DU6I&#10;scfl07G8s+a0H2f4PP8An1Lzmeze2YajF9f4jI46rnj8GS7K7GqIqTIVSnk/bfxaWn+2hfgrwCy2&#10;YRq41nwAPH9g/wBjp12KCig/NmOf50/1eXQYbY6e3Bvusrqr+9WAmEDmpzeUeepqwl/VI8lUkDUc&#10;ktjqKtUh2F2F1DMLtKE8umFgMhrUH1PHpeQb36w6qpKvDbHOSzu45I/tslvuCKm9Vx60oZJzKkSB&#10;h+IZIzwdUpCsKFWfJwPTpxXSLAqT6inQOfx7EZXKf7j9k1W4Mvk6qyncuRra+onmkNhf7AYsySMT&#10;xwbn63Hp97qfX/J1XB8qn5kn/BTox2DxeK63goandOE2tW77ykZq8HsnF0tIooUQeQ1lfkp1qKin&#10;ip1QtJIZdCqHIExQujRBk+zzPT4onkK+QHl+Z/w9AP2R2zuTdla1FBna04ilke7UbS08VVI1leUQ&#10;BgY6YBdMEb3ZY/VKTNJKxsqaem3lLcD/ALPSf6864zvY2XNJQA0mNpj5cxnalSYKZPqbm4EkzD9E&#10;YILfUlUDOvmbT1VELnoSN8dl4LaeFl636kY02KX9vcO7YSRU18wGmQRTAKfG1rNILBh6IQsPMlVX&#10;Uat+z06ceQKNK/mfn0AOEwdduHJxY2gSPWyGapqqgkQ08KcyTzuAdEMS8sbEnhVDMVUucM9MqCxo&#10;P+K6M1sTrSn3LAtVkafIYvqzbMrVxWaF0rc9VxqddS8UaGfwkEpGi6jHGfDDqmeeb22zU+3pQqav&#10;sH8+kP2xuHde/q+DH0+Npdr7Pwf+T4PB5KroceAq2iWaaOoqYUEpX0og9MS6kS58jNtRp+3rUgL+&#10;VB86DoIf7rmIaq7P7XoVAuxFalVbgn/lAWsLWA/s3P4Fzx7tX7emtHzH7f8AN0Y7qLqHGUSU3Ym6&#10;qyjzGGgdJNsYuhhqx95UlrRyNFWU1JJIFcXjUIY3N5GcRISzTyeX7elEMIqCc+nSe7V7N2/uKtym&#10;Oiz2bnE7mjyFRi6OnaBqdHV46GkqXrlYUqSeqdxETVzIr6/AkKJ5EI9OtzSg4qfnToCTVbJh/wCX&#10;Puir/IdsjSwD6/QxjF1Btp/Iccn/AA5e0kZPSTUtcVP5gf5D1gGawERvDs/H1H0/4ulXXyfm5/4C&#10;1FF/rD/D+p591yPPpwuvkv8AM/7HXR3NHGLUe2tr0VvoRTy1P9T/AMp9RV35N+b/AEA/Tx7oft61&#10;4nyH7P8AOehMp89XbExMOYzFJgP735SBKjbeEhxeMpzQwkao8pXCno4pDK170kDkA8VEqlBGr+C1&#10;6cDGMVPE8BQD9tOg0qd+b0qXlkn3ZuJmncySqlZUIrMSSSUSRUuSxvxzc/197ADdU1s3mf8AB0mK&#10;3JV1c3+W1lZV/Rj9zK78gEA+onkA2/1vdlXT1cV8zXpuuPwo/wB59+ZtPXuljtPabbgeryOQq1w2&#10;18MFmz2emXUsSsfRBAn1nrJyNMUS8seTZAzBuurqypq48B59Yt27sOcNHi8ZTtitrYQNDgcKrX8a&#10;sbvUVDCwnragjVNKR9fQgWNVUXC049eZq4HAcOkbrNrfn+p90Y169XHXAn6n/Y+69PUp1wjjmqZY&#10;oII5JpppFihghUszuxCqqqAWZmJsALkk2Hv3XuhhqWg6kpWoqSWnqezK6naPJV8LB1wMUi2ampmF&#10;0OUlUkTTAn7dbxxess4r8XWydOBx/wAHQNMzOzO7FmY6mZuSSfqSf6+7dVAp1jcgKbm3urZHW+op&#10;e/0496VKde6X+zdm0+Wp6rc256uXDbIw8oTI5FAPNVTW1Lj8ercTVco+p/RCl5JCAAGsTTrYHTZv&#10;felTu2up1ip0xW38RB/D9ubfpiTDR0y2sq/TyTSEappW9crkljYKB4CnXidXHpEe99a64s2n/Y+6&#10;s2nr3UrGYzI5vI0eKxVJPkMjXzino6OnGp3dvoAPoABySbBQCzEAE+2st1sCvQxZrJ0PVWIr9mbd&#10;npazeuUpzSb23XSsHWmja2vEY+QH0hfpUyixdrp/ZHjsqeZ6uW0YHHzP+r/V/kAppPr+T/X3vTqO&#10;em+sZJP19t9e669+690Mez9s4ba+Hi7J37TLUUjEtsjacxs+XqY/pPOv6lxlO1i7EWlNlGpSEl90&#10;+vaKn8vn0GW6d0Zbd2brs/napqvIV8vkkb6KqjhIokuQkUSgKi/gD8m597PTZrIa9JssT/rf0966&#10;uFC9cD9D/re/da15x0IHXewZN5VlZXZOrOG2bt6EZDde4pQdEEAP+ai9LB6uf9MSAE39WlraW0TT&#10;p1RXrP2Nv9dzz0GHwlJ/BdlbbiNDtfAoeI4xfVVVHJ8lbU/qdiSRfSCxLu+yKdarrNPL/D0FrP8A&#10;0/259tl/Tq5f06x+2+m+lhsbZWX37uCmwOJVI9QNRkcjPxBR0yczVM7XAWONfoLgsxCL6mHv3VlX&#10;V0t+yd7YgY6j652EzQ7D2/LqmrRdZc1XC3lr6ngFo9QtChuAoDCwEaRuhfXrTvXtHQIsxYlj9T71&#10;pLHrap1xJA+vujCh6coF6Vmxdk5jsLclHt7DpoaX96vr5R+1SUyEGapmNwAkYPAJGtiqKdTD3rqn&#10;xnpedob2wslFQ9b7CZ4ev9rTEyVl/Xl68cS18zLYSIWuIha2n1AKNCR2Arny687UwOgLdy5ueAOA&#10;B9APeia9UVfTrh7106Ep0KPVfXq76zFVUZao/hmy9tU/8W3fnHOlIaZLv4lfn96cIwW1yFDPY6dJ&#10;2MZ6uueuHafYf9/M1CmOpzitl7bphido4JBpSCmjAUOyAlfPOFBb6lVCR6m0ajsCuT1p28h0E0kp&#10;cn8L9AP8Peia9eAp1gZtNv8AH3rrfRmetMXj+qtoS907rpYanNVyvj+r8BVfWaoZSr5GROGEMQJ0&#10;m4smph65KdvfurDHRdclk6/NZGuzeXqpa3I5Kqesq6mc3aSVyWZj+ALngDgCwAAAHuwFM9Nsa46a&#10;ySxJP1PvRNercOlPszaWV3zubFbXw0eutydQIzKQSkMQ9U1RL/SOGMFj+TbSt2IB11sLXoXu8N4Y&#10;mip8X07seVhs/Y7mLJVaEXyOTF/PPIVADiKRnH+pMhcqNCREUf06dGBnou5PjXSP1Nyx97VadMFt&#10;Zr5eXUcsB/r/ANPfiwXq4Ut0bPHMehOpJM3Jel7Q7SpTS4lDxNjcV6WMpH1SRgVf6g+V4QVJp3Hu&#10;pNPtPVwv+r59FEiTWxZz6V9Tsfz/AMj92Br1530/b1jmm1sT/sAP6D3Whfrarp6NZ0hjaHrjZm4e&#10;+ty08cklLDLguvqCe/8AlFbKGikmAFjpLAw6gbrGtU1uEPvS4z1s5x+37Ois5TJ1+cylfl8nUSVm&#10;SylZJXVtTJ+qSWVy7sfwLsfoOAOBx7rx68TTqFK4jAjXkj9dv6+7NjHTaDUdR/Lo2HQ+Oouu9m7r&#10;763HTJJ/DqaTCbHpZuPPVSkwyyR8g2aQiDUvKxipJ4X35cZ6cOcft+zopWUyVbmclX5fJVD1WQyl&#10;ZLkK6pk/VJLM5kkc/wCLMxPunW+PWGRvt4Qo/wA5Lyf8B/vv+J9ufCPt6aU6z8h0cXbbL0l8d8nu&#10;uUGn3z20f4dg9XplgomR1jlT+0gWnaSoDDgvLTBhcA+9cB07XP2Z/Py/1fb0Sr3Tr3TpR0VVWz0W&#10;LoIHqcjlKqOipaeIXZ5JXEccaj8s7MFA/qfdzgU9eqDuPRk/kXX02z8JsLozETq9Ns3Ex5jc7wn0&#10;y5SqVpLsODdVmkmF7+mpQXuvvTYx1cGv7f5dFQAuQB9SbD3XpwAAV6z1D+JEhX621N7u2MdMoc6u&#10;m9mA5P1906t13CDLKq/2R6mH+HvYFetFtOeu6ibXIxX6D0g/63vzmvT0a6R1G+vJ9sAFur9e9uBa&#10;de6xMwPA/r9fen4de6xFgP8AX/p7oFr17rGWJ/1v6e9HHXusD/X/AGHtxOHTqcOuHvZanWy1OsTX&#10;LW5P+HvwOK9eDYqeuQS31590L14dUL14deLAcD6+6dU6xM39T/sPex16lesDG5J9+Y1PXusZcD6c&#10;n3rr3WMkn6+/dbAr117904Ep1wLgfTk+/deL04dYySfr791Shbrr37pwKB19bf8Alu/9u7vgT/4p&#10;d1b/AO8NgvcZX/8Abyf81H/48epr2r/cWH/mlH/xwdHR9pOl/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fMn95E&#10;dYiBadcC9vpz7914vTh1iJJ+vv3VAC3XvfunAtOsZf8Ap/t/furdY/ryffuvde9+691jL/0/2/v3&#10;Xusfv3XuvfTk+/de6xl/6f7f37r3WP37r3XvfutE0697902Xrw64FwP8T7914LXrEzf1P+w9+6cA&#10;p1iLk/Tge/db64e/de66JA+vv3XusZcn6cD37r3XD37r3Xvfuvde9+691737r3XRYD6/7b37r3WI&#10;sT/gP6e/de64+/de64lgP9f+nv3Xul1t3rHfm7EE+J27W/YlfIclXAUtNp/LCeoMaSAfkIWP+Huj&#10;SKvE9OLCz8B0M2G+OsVMn3W6czVVaRIJamn24qQ08cbWKzSZXJeCnaJRfWIYpWHOm9uWjPXh/PpQ&#10;tr/Ef2f7PSrw+6updi1cVFtjD02c3G0gip6XZtPLlagzD6gZauEfmhlABIpIoypva9r+6lWcZ/nj&#10;/B1dHjj+EVPyyf2npZ5TPZfJwGTduJyFBSNFqj2VhpKrKZSVNN71EVB9tTU0bp6h99JUoOQygj3Q&#10;KBwP58B/q+zpwsTxH5ZJ/l/l6CyfL9kblnbbHXWG2915jJbLJSYiooUyTKLL5qv7LVU0qk8lkhiA&#10;JKmR+fbgCrliT9vDpOxd+1QF/ZX+XSOGD6w69r5Z+w89N2DutZDJNgtuhp6SGU3OqsqZpKf7li1t&#10;SalYch4mBB921NJ8IoPXpoKkJrIdR9OP+r8+m3Mb8l7JyNDhMftXO5xVfRitsQVa02OiUfp0UFBT&#10;QuixjlpJapyq39aKCTsJozWnz688/jmgUn5VoP2D/KellJJsfqql8m68FszM7waK9NsnA04qoaVi&#10;AVavr8i9fOkiG3pjcEH6CRTrWuZOBNPX/iunDptx3Ba+gH+U16BPdvau9931Us1dm6yiodPjp8Ji&#10;JJKejijW+lFhjYByo41Sa3txqsAA6sYXy6TNM8hrWg9Bjpa7M6eZ6CLePZDV+I26xE9DhaaOR8nk&#10;yeQsMKgyxpJceojUQdXoQiX3Rpa4X/iulEdtTuetPTzPWffO5N67ho4tsYTa1VsLYdH+1RYKVfsR&#10;MtxaStnqTCJmZjqK6tGogsZHHkOlAXJyf29WkZnFAKL6cP8AD0HuB603FubJwYjGT4CetmGsR0+Q&#10;pqoKnp1SSGgkqjHGuoXZgLfT62BszjppIi2AR+3/ADV6HSjl2R0tFJhMJlKXP9rVtqCry8FJLWLQ&#10;vLZPt6KEaY3lu2nSZFdm/wA6LaYPbJq2fL7elShY8V7vsr0EW5Mvtyh/i2Nqc5uTcOeylT5N1Z1I&#10;6eN5iArCgSc1dWBDBKCZdCsksiIEYxRxn3bLfZ5dUwlakk+Z/wAnTl1r19h9+18ksGAzGP23jdUu&#10;b3Fm8lG1NEiAuyIIcfR6pihBI8tkX1uQLA1dtH2+nW41D+Rp9v8AsDp13z3DicbQPsDrLD0NHsuk&#10;LwVNZUeYyV7niRzaVHaCT6Hy6zKtgwVPR70sZGW49baYDC0p0D+Pzu4crW0uMxGPwIq6uUQUsVHi&#10;sWjgkC96hqXyKgVSzu8mlV1MzBdR92IHn/l6oHJOKfsHRjNkYrJZulnlr91ZXH9dbaZ6/dm64KiW&#10;nXLVUN/JTUTRuhTFU4JXWgDTt6iPI0S09CQMef8Ag6fFTxJoP5n/ADf6vsBrt3tqfsCrhxOKikxu&#10;zMPJpxGNFlaUqCgqJwL+srcInIjU25YsxcSPpmafVjoFiBa7Cyjn/X9uEU6T1J6HfpXqr++1a25N&#10;xxtT7LwswM2oG9bMtiKaOwJMYJHlKi5uIk9bEo08mnHSmCDxDU8B/PpT939umonm2ntt0pIaKI46&#10;qkoGQRU0OjQ9FAYiY/M6+ipkQ6VUfaQkxCeSppHHXJ6cnm04HHoqhP8AaP8AsF/4r7UCgz0hJ1YH&#10;WMkk3PupNergU669s6Sx630JuHoaHZWOod27hpY63N10f3ez9s1akoVBsmUyCG16RWF4IfrUsNTW&#10;hU6908h+3p5R4YqePkP8vQc5HJ12VrarI5Gqnra6tnaoq6ypYtJI7G7MzHm5P/Gre7061prk9NzO&#10;B/ife+r9YiSeT7917pWbT2pJuSoqp6msiw+3sPEtXuHP1IJjpoWJCqqj1TVM7ArDCvqkfjhQzK3J&#10;1dE1fZ1l3buqDKLTYPA08uL2jhnb+D4uRgZHdgFkra1l9M1dUWu7fpjW0MVkXmvw/b1pmrgcOkKe&#10;efeia9aAr173rpwJTrpQ8rpDCjyyysI444wSzMxsFUC5LEmwA+vv3W9WadDBIkHUlIqBqep7Or6c&#10;+V1Kuu34ZF/Qlrq2WlRvU3/KMvC+tgwr8XTpOjA4/wCDoGpJHld5ZXaSSRi8kjkksSbkknkkn6n3&#10;bpsCnUd5QvCi5/qffut9RiSxuSSffuvdL7ZezI85HWbg3BWPhNk4Rx/GczYGSWQjUlDQo3E9dOPo&#10;OVjU+ST02DaJ6sB5nh1F3vvFtzTUlHQUaYXa+DgNFtzb8DFkp4SxZndif3aqoY65pT6nb86QB78B&#10;TrRNekF731rr3v3XuudNS1WRq6ahoKaesrKuZaalpaZS8kkjkKqIigszMTYAfU+6Gjfl14CvQ15K&#10;rx3T2LqMFhaqKt7NydOabcmepGDJh4XH7mNoZBf/ACxr6aidTePmOM6rlak/7A6dJ8PA4+Z9OgEd&#10;2clmJJJufeiS3TXXD3YsRjr3XEsB/if6e2+vdC1sfaOJpMX/AKRuwEddnUdQ0GIwyErPm6xAbU0P&#10;5SkjcXqJjwADGl3J07Ar04oCjU3D/D0hd5bzy+9cxLlspIgtGKWgoaYaKekpo+IqWliHpigiXgAf&#10;U3ZiWJJ1gcOrZfJ/Z0kffuvFgOuiQPr7903Ut0sdi7Kye/M0MZRPHQ4+lhNdns5V2FPQUacy1MzM&#10;yKAq30rqBY8XA1MPdOJH0pOw99YqooaLY2x4pKHYeCl8lP5F0T5OrChZMnXfQtJIQfEhA8aEDSnC&#10;JsYz5/4OrFtWBw/w9A4zFiSTcn3VhUde669tlaDr3TvgMDldz5jH4HCUkldlMnUCnpKaP8mxZmY/&#10;RY40BZ2PCqCxIAPvwX162BXoZ9753Ede7eqeq9mVkVXVVDD/AEj7rpfrW1Kixx1NILN9jTklWHGt&#10;tSm15ddgKZ627acLx8+i9u+o3PAH0H+HupavVAKdYi9vpz7cHDp3XQdTcRicln8pQ4bEUk1fk8lU&#10;rSUVJCLs7ubAc2CqPqzEhVUFmIUE+2n49VAL9D3vXJ0HVm2qnqjalXDUbhySq3Z+56Vjy4HGKpnF&#10;iIYgxWX6EnUrAM8qLsCvV3OgUHn0W6Rw1lUWRf0j/if9f3fTXqqx+vWEsB/r/wBPbPVyQvT/ALT2&#10;vmd7bgxu2sHB58hkp/Gmq4SNB6pJpWAOmKJAWY/0FgCSAfdUqXx0L/am6cPgcPTdObAqfJtvBz+f&#10;dmcisGy2TW3kdmW+qnp3Wyi5Usqgalijc2Arjq7HR0XiV9XpX9C8D/H/ABPvzGvDryinWL6cn3Xj&#10;1boXuoOvKPeWVrc5uab+G9f7Pg/i26spKSquq+pKONh6jJUabEL6gl9P7jRhtkaetjpo7R7Cq+yd&#10;zSZIxfw/b+LiGM2xhowFjpKOOyxqEX0CWQKGktcA2RToRANgV6qzU6DN21HjhRwo96Jr15RTrE17&#10;C17k24966ugqejXoB8fOtRMwWHt3sqgIiBP72IxTf2rX1xTyEX/H73BuaUhvdOFgvRTwQg8rnm/p&#10;B/J/r78cZ6YYlzTqM0hJP+P59tF68OnVQDodeidhY3cOWyG9N2+ODYOwoP4xm56kft1E0Y8kNIB/&#10;uy5Gt0GosoWIi8y+/Kvmerk9B/2Zv7J9mbyyW5q7XHFO4pcRQMbimpIyfDCOSL2JeQjhpGdgBe3v&#10;zAk9aJCDpAzyaB4E4AN3I/J9u0p03HVu4/l0r+tti5DsbeOI2rQa41rJvLkaxRcU1JHZqic34uic&#10;ICQGkZEvdh7rqrw6e6Ez5C77x2ZzuP2JtbxwbJ67g/gmMgpmvHNUxgRzz3HDhNHiRjfVaSQMfMfd&#10;Gzw8utnovit40Mp4LcRj/if99/xPuyrpFf2dMMfEOkfn0oNk7Rye/N14bauKB+8zFaIWnILLDELv&#10;PUSAc6IIlZ2/JAsOSB7rpJ6UBKDocPkru7GpX4PqXarLFtXrelWgmSI8TZAIElaS1g7063RmtfzP&#10;UFr396Y+XXiKdFhhW7GRv83GNR/xPPvaDz6YlamB59CR1BsKbs7sPD7fZJP4YJf4lnZUuPHQwFWl&#10;GoX0tKSsSn8PIp+nvXxHpxF0inSs+SO/Y959hVONxkkX92tlxHbeDhpreK8RAqpUA9IDzLoUr6TF&#10;FER78xr1s46ASFNTam/QnqYn35RXqrGnRlPjbhMeu4Nw9p7jQrtnrDDy5ksw/wA7WmN/t4owSoaR&#10;UV3Ucny+EW9Y97rU162BQUHnj/P0XjdG46/dW4s1uXKvryGcyUuSqACSFMrlhGl+RHEtkQfhVAHA&#10;9062c9NNMOWmfhIxx/r+7qPPqrMeHUR3Mjs5+rG/++/1vdSa9bAp1g0kk/gX+vvXVwtepa2hp3f+&#10;1J6V/wBb3YYHWqAtT0z1B916f697917rFIQLXPv3Xuo5cn6ce/EV691w90L06910SB9fbfHr3WJj&#10;c39+rTrdadcfeutddEgfX37r3WJnJ/wHv3XusJf8D/b+/dXCevWMkn6+/DPViQop1icm5H49vBQv&#10;TXXD2z17romwv73TqymnWIsT/rf09668WLdcffurBPXriWA/1/6e/dWLBesRYn6/7b37potXr63v&#10;8tz/ALd2/Aj/AMUt6t/94bBe4yv/AO3k/wCaj/8AHj1N+0/7iw/80o/+ODo6XtJ0Y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8yAsT/wAU95EdYgkluuvfurBPXriWA/xP9PfunOsRYn6/7b37r3XXv3XuuBcD/E+/&#10;de6xkk/X37r3XXv3XuuBcD6c+/de6xkk/U+/de669+691737qhenDrokD6+/dUoW6xM5P+A9+6cC&#10;06wl/wAD/b+/dW6xkk/X37r3XvfuvdYy/wDT/b+/de6x/Xk+/de697917r3v3Xuve/de66JA+vv3&#10;XusZf8D/AG/v3XuuHv3Xul1t/rXe+5kWoxmArFoGQSfxXIAUtJpJA1CoqDHG/wBfohZv6D3RnC8e&#10;nEiZ+A6GWh6CwuGEc2/d5xxStZhgtrxST1UqkfWK8UlRIL8XSmZSfo/tszE8B+3pQLYL8R/IdLXH&#10;47F7XhFZtLrLE7fpIDol3321OlMIpFI9S0kkktcHb6ARmD1WBRT7bJJ4mvyHV6BPhWnzby/y/wCD&#10;rBWdy4KB0jk3dnN752R9FNT4HHyU2PilZh+1FSrNQVVYjfpvLVSq4sRGQbHwiPpT7ePWvqF4VJPy&#10;H+r/AA9M+fNBURU+V7eqspjcbbz47aWRrQaiZb3AgwmKhoVoQRwZZ6hnDW8hv72op8P7f9k9eehz&#10;JX7Cf8gp/OvQbSdn5JZZMT0/tCLa1I4FO1VjKUVmVqVPAWapKTOAWsVVLsp+kh9u6PNj/m6Tmc8I&#10;1/YKnp6pev8AO1VNBnO5945HGUEy+aj21kchGMhVWI0oBXVEdLQpcj/OMCttJWMkH3XWPwjqywls&#10;ytj0r/nx0z7g3nKaCTbG18xtHrbal9MmPxM9VWVlWLaS1bX4+mrDMzLe6+QIQdLNIAG9+C+ZqT+z&#10;/D1qSTGlSqj5ZP8AIHpt2t1DjMzi5tyZfdNTgtrUg8k2erqEQ004BsY6R56tKiaUtdVIpyhYaQS/&#10;o92aQjAGeqJahhqJx60p/hP+Tp2m7Z2ltHHVu2etdu5Kio5rRVe7JapIMjXBeG1sKWSWGJuSnjki&#10;ZbhlWEllOvDLZY/l1cTqnagx61pX+XQX46vlzWRgx2A2Nhq3L10uinVRkKyeRiLszLUVssBN7uzG&#10;IKOS1lB93pQZP+DpsUY4UV/M/wCE9D22RwfTVIJtyx7f3H2O8Qkott4aioaelxpYFkesqKWmilml&#10;UPwGZiQfQLWm9s6TIcVp/h6V6hAM0LegAFP2dF63N2Du7dddPXZrPZGZpnLJRwyyR08SkghIYFYR&#10;xoLD8XJF2LNc+31QL0laVmPHrLsPr/cHYeV/h+IiWCip7SZXMVIIp6WM3OqRv7TsAdEY5Yg/pUMy&#10;1kcIM/s69HEZTj9vQn7o7E271/h6jYnUjEySjw7k35cfcVb6dLrSSC5SMfRXWyrz4Rc+Z2gpbub9&#10;nSguI+1PzP8Aq/1enQTh22dReZ9S7xzFLriJJ14yknS/lJvda+sib0XsYIG1/wCdlQw7+P7P8PVS&#10;fBHzP8v9k9PvWXV9VvqeqymTqhgtmYYGbObgn0qoCLraGFnshl08sxusSnU1yUR/M/h/aeA6rFGZ&#10;cnAHTr2f2nRZagp9h7Bp2wvX+JURJHEGjkr3U3Ms9/X4i/qCvdnb92W76VjoqUycnp15K4XA/wAP&#10;QGRRSzyxwQRyTTTSLFDDEpZnZiAqqoBLMxNgByTwPd+mujMdd9a/cx5OlqqwYzF0ED/6RN1o6qkM&#10;SKJJcJQVAYxltAvXzi6rbwi6A/cUZv8AY6VRx0r/ADP+T/P0ie3u1It1/abT2lE2I6/wSLTUFBCD&#10;GKpouFnkThhGv+6o2uR/nH/cayORx+Z49J55q4HDoCxYfXn/AA/4r7cLVwOmAtMnoTuqutMj2Znx&#10;Tky0e3sbaozuVAsI4/qIY2I0momsQoP6VDOQQtind9A6VRReIfl0OHc/adDtSgi602CsdAuNphQV&#10;UtNyKSIpYorG5+8dWOoks0QYszfcsRTtxx6zU9KJphGNK9E19IF+bD9I/r/ifakGnSAivWMkn6+9&#10;E162BTrr3rrfQj4LFY3beNpt5bpp4qxqpXfaO15xf76RCU+9rF+q4yCUfp+tVIpiW0YkYVJrgdOq&#10;ugaj+Q6QmZzGRz2Sq8rlauWtr62Xy1NRL9SfoAALKqIoCqqgKqgKoAAHu3Dr3DJ49NR+h/1vfuq6&#10;6nrB79070p9q7Ym3LWzK9VDisPjYPvs9nqsMYKOnBsXfTy8sh9EMQ9cshCL+SKs2n/J1dE1/Z5nq&#10;bu7dNHkIqXbu2aabF7QxDlqGlmI89XORpkyFey+mSrmHAA9EEdoo+AxalNOTx687VwOHSD906p1x&#10;LAf8U9+6dBCjriokmdI40Z3kYJHGgJLEmwAA5JJ+g9+6oWLdDB4IepaaKapjhqOzK6mE1NTvpdMB&#10;FIt1kkXkHLyIborC1MpDkGQqF1x6eA8P7f8AB/q/1Y4g9PUSzyyz1Esk880jSzSysWZmYlmZmJJL&#10;MTck8k8n3vrQFOoxYn/W/p791vqO/wCo+/de6XOzNmf3i+8y+XrP4Hs7B2kz+fkF9N+VpaVT/n62&#10;f6Rxi9r6m4sG0TTqwWuTgdcd6bxXcT0OLxFCMJtHAo1Pt/Bxm5UMbyVNS/8Au6sqCNUrm/4UcC58&#10;BTqpOr7BwHSBZr8D6e99UDVPWIuB/ifdS9Or9d08FTW1EFJSwzVNVUzLBTU1Opd5HchUREUFmZmI&#10;AABJPA9tEk9e49DjNU0/SmPmoabwVPa+SpvHkMjGQ6YCnmjF6amblWycqN+7MtxCp8cZLambY/1f&#10;Pp0/pinn5/LoAXdpHZ3Ys7HUzHkkn3sKW49NdcCQPr7vhevdYy5P04Htomp690KewtkY+qoZ99b2&#10;eWh2FhqkQyLHcVGVqgCyY6iF1JL2/dkuBGmr1AhmTXHHTiL5nh/h6Te+d7ZDeuV+7qUioMXRRfY4&#10;DA0dlpqGkXiOnhRQq8KBqewLsLmw0qu+qsxY1/Z8ukL7114sT1737rYSvHpR7U2lmt75yj2/gqbz&#10;1lSfJNK/EVPAtvLUzv8ASOGIG7E/UkKoLsqn3Tqr5Dpf773bhcDhP9GWwJvLt+nmEm5txBVWXN1s&#10;bH9xmUkiggbiCMGxtrJbh22MZP5deY17R+Z6A4kkkk3J9669w669+61XqRSUlTX1VNQ0VPNVVlZO&#10;lLS0tOpZ5JJGCoiKLlmdiAAOST791vj0YbK1VJ0ft+o2ziaiGftPcNAE3bm6Zg38GpJVDDG0ki/p&#10;rJVIMsim68FTfxMteP2dWY6BTzPRapJbnn8fQe/MK9UAp1gLE/639PfgAvW+vKrOyois7uwVVUXJ&#10;J4AAHJJPupf0690ZaMQ9C7aSZlik7i3djdVPG66jt/HzAguwbha+ccWIulip9KkTaA6eLCIZ6LNU&#10;TvK7s8jSM7mSWRySXYm5Yk3JJPN/z7utOA6bTJqf+K6hl7/Tj3brZevDrnT089XUQUtLDLU1VTMt&#10;PT08KlnkkdgqIigEszMQABySbD2n68EJ6M3l54eh9oSbUxk8bdsbzoUfdWRpirPh6CQBkoYpFJ0V&#10;EwIZipv/ALsvYUze9jPThpGOiuyOADGhuP7bD8n+n+sPdyKDqijUdR/LrB7b6c6Um0tp5je+4Mbt&#10;nBweavyU4jDvfxxRjmSeVgDpiiQFmNieLKCxANl49eAr0MHbu7MRiMZQdL7An17V21Lr3JlorBst&#10;lFI80shUnXFDIvAuVLgBbxwwt78QT+fW2NOi8yOthHHfQv1P9T70T1QDzPWAkD6+9dW6MJ0ttHE0&#10;dJk+4N9RBdm7LfyYyilAJyWSFvDBGrWEixSMv19BkKhjoSYD3V1HQQbz3flt/bnyu6c3JqqchNrE&#10;ak+OCJRphp4r/SOJAFH5JuzXZiTsCvVXx/kHSPlkMjX+gHCj3V+7qygRj59Oe3tv5XdeexW28LA1&#10;Tk8vVLSUsQ+lzcs7n+zHEgLu30VFZjwPegoHV1Orowndu4sXs3AYjorZlV5Mbt/TV72yUNlNdkms&#10;7RyFf1CJ/UyktpbxxHmn926qxp/q8uiyD9lNX+7HFlH9B/X/AGPv3ScnxDTyHH59QGPJJ/r7aYk4&#10;6Vjh0cCiYdAdMyZRtNP2f2tT+LHKeJsfjdIPktbVHII5NZ5U+aSIMD9uw92UU69x/L/D/sdE7jXy&#10;OSxNh6nY+7Y4dVdtI+fl11NJra/0ReFH+H/G/eteo9WhXR/l6N51lFD0z1Jne4MlDGN17ujO39g0&#10;04BZY3J/yjSeQJHjaVgRzFAmk2m50W8/2dOM1eiezTT1dRLUVEslRU1MzTTzzMWd3clmd2NyzMxJ&#10;JPJPJ9t8eqE066qGCKsCH6cyH+p93bAp0zGNR1H8ujibTc9GdB5HerWp999psuP25qH7tPRFW8cy&#10;g8raEvUBhwWelVh70MDp7ol5JJJJJJNyT+fdOqs9Oskt0VYVBLubEDnn+g/xPu7dop1Ve49Gn7XK&#10;9VdRbN6epikO4NyqN6b/ANH67swNPTSf4LJGE/B/yVT9HN9HAp06RT/B0UZvUwA5/HuvWus8x0Ik&#10;I/4M3u7Yx1VBqNeovunT4QDrpTqYIvJJ+vvYFetNJTr1RIGcKDwg0qP9797Y9Uj456we69P9Yy/4&#10;H+39+691HkJNr+/de6x+6Pw691jL/wBP9v70E9evdY/dmWvXuve22WmOvde92CevXusT/X/Ye9Px&#10;691jP0P+t7p1sdYPfurF/Tro8An+nvYx1rSTnrCTc397qW6r117uEpx691jcgiw5596c16sor1iJ&#10;A+p9t9OYXrGXJ+nHv3VC9euHv3VOuiQPr72BXrYFevrf/wAtvn+XZ8CD/wCAW9Wf+8NgvcY7hieT&#10;/mo//Hj1N+04tYf+aUf/ABwdHS9pOjD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mPEgfX3kR1iMBTrEXJ/wHv3&#10;W+uPv3XuuiQPr7917rEWJ/wHv3XuuPv3XuuiwH1/23v3XusRYn/W/p7917rj7917r3v3VS1OvfTk&#10;+/dNklusZf8Ap/t/furBPXrCzAfXk+/dOdYixP1/23v3XuuvfuvdcSwH+J9+691iJJ+vv3Xuuvfu&#10;vde9+691737r3XvfuvdeRZJpEhgjeaWRgkccQLMxP0AAuST/AEHv3XuhNwPS/Yu4AJkwUmKpLAvW&#10;Z5hSqgNrM0bg1GgjnUIyLc3t7bMqjz6eW3ZvKn29CTt/o/aTztDld6HcldArNUY3ZSeWKFkvZamu&#10;CVKwIxFiZIo9NxdhcH3RpT6U+3p1bdfM1+z/AFHpSy5LqzZUoptrUUeRzsemWOk2lSx5XIRSr6WV&#10;8rXGvpESSxDfbxLItyAFNia0Z+P8+H7B04dEeFyfkKn9pr1kj3J2dXumSnpsD1NhZKhlh3LvyZqj&#10;Ii9/JFD/ABOQyPqsWWJKeGEjhTp91IUf0j6D/Y61rf5KPU8f59JnIdg4DCQvFi92R7myjkyVOU3E&#10;tZNEsp4L0eFo4UxF/wAq808jA2v6ePdghPEU+Q/z9VadVwGBPqan+Qx03Vu0os5HFuztfeG6qHFS&#10;X+1fPxQUNVKum5THY1JMhIU1WPEUKaTqC292DUwoH5Z6oYteZCfzoP5Z6S0fauA2WZaTrLaVHRho&#10;mpptzbkaSoyc6kAa0MMkKUWofVYyVPBsp4928Mt8R/IcOqeOsOEH7eJ6xbbx2+97msz0j4LbW345&#10;DPld6Zejo40j9QuUrp4Xrama9gAJSdWkO6kgnzUT5n068gkm7sKPUgf5enbL9w0e1aZsT1/W5bPZ&#10;MK0VTvzdTyTONQ9QxdFKzQ0cRP0LJqI9LI1lf3oR6uOPkOvPc6MLUn+I/wCToBy2c3VmLk5HPZ3K&#10;1FhfyT1E8h/5KdiAP9YAfgD27hR6DpJ3SnzJPQ2QbT2d1RBDk+xDBubeTRifH9f0MiPBTkjUj5SZ&#10;daWHB0DUpvwsyklWtRk4YHr0qWNYMvk+S/5/9X7egv3nv7ce+q1KnNVSilpfRjcRRjx0lKn0CQwg&#10;2FlABY3cgAFrAAOKgTh1SSRpst+zy69sjYW4N/ZQY7CU4EMVpMjlKm601LH+XmksebA6VF2axsLA&#10;kedwnHq0URlNB/xXQrZXfO2OraGr2x1XJHkc9PF9rn+xZlVnY/24scDqVYw3AcejgMvlbTMGwpfL&#10;fs6dMgiwnHzPRdaipmqZpaieWWeeeQyzTzsWd2Y3ZmZiSzMTckkknn29SnSYmvQk9c9ZV++JajJV&#10;tSuD2fiby5zcdXpWNFQB3iiLkK82nkk+mMEM/JVHbkfRwyfIdPRQmT5D16UG/u0MecV/cHrimbB7&#10;GpSY6mpQFanJt6dUs7MBKI3YfQnU628gVbRJpY6ZbJ6vLN+FMD/D0HeJp6fCUEW6crTxVDyOy7Yx&#10;VSAy1M0ZKtVzxm+qipHH6SNM8wEXqjScL4nXjptOwaj+Q9f9jpW9edcV3YFTkd07myT4naOPneu3&#10;FuWub1TNfyTJE73DzNe7ubhCbkMxVGqzeGMZPTkUJl7m4eZ9esvaPaNPn6en2Vsqn/gvX2FtBSUk&#10;IKNWshuJ5wfX49fqVGJZmPllvIQEoq0yePV3k1YGB0B5sBc+7dN9GT6r6xyNVVh5mkxeQNP58vmH&#10;Gn+CUUsRcBC9lXNVsLXS9/sqdvO48rxiOjN0pjiP+ryH+c/y6Yu2u0KDIUlP19sMHHbDwYFKTTkg&#10;5CSNr+Rz+poNYLjUbyuTNJdtIXarTPTcj1wOHRfWN+TwPwPbgqcDpnAyfLpU7J2bmd/bhpNv4WK8&#10;sx8lZWOD4qaBSBJPKRb0oDYC93Yqi+ph7szCIV60iGdqf6gOjT9kb4wnSu1qbrbYDKu4Gpw2QrgA&#10;Xi8qeurmb+1WTXBiU30KFb0xrErpVUuanpdIwiFB0SJnaRnlld5HkcySSSElnYkkkk8kkm/P1+p9&#10;v8OkXHPWIkk+9db669+690IO3cJjcXjY957siWbFeR49vYBiRJlqmLgg6Srx46nkt9xLcaiPBFdy&#10;xjqTXA6dVQo1N+Q9ekhns9ktxZKoymUqPPVT2T0AJHHGgCxwwxqAkUESAKiKAqqAALe9gU6oWJNe&#10;mQmwv7314KW6wsxN7/T+nv3TgUDp+2ztyt3PXvTU8kVFQUUBrs1mau4p6KlQjyVEzD8D6Igu8jlY&#10;0BZgPembT04q6unndm6aCoo6fam1YJaDaOMn+4j84AqchUgFGyFcy/WVhcRxD0QIdC8lmLY7cnj/&#10;AIOvM+rA4f4eg+JA+vupavVesZe/0496691xAZmCqCzMbKo5JJ+gA/JPv3Vglehgip6fqemhr8lD&#10;FUdk1lOtTisXUKGjwcUiho6uqRgVfJupDQQkEU4tLKDJoQa+L7OnaiP7f8HQP1VZU1lRPVVU0tRU&#10;1MrT1FROxd3dyWZ3ZiWZmYkkkkk8k+99Nhuo3v3TvXRIH19+60TTpZbN2ZLumesr66sTCbUwqLUb&#10;i3FUqTHBGf0xRL9Z6uc+mKJbszG5soJ96Jp1ZcipwOsm9d4Q50UODwFHJhtmYANFg8QzandmJ8lb&#10;WMDplragm7MOEFo09IJbYGn7fXrzNq+zyHSBJA+vv3WuozfpPurcOqhdPXGGGWoliggiknnnkWGG&#10;GFSzu7EKqqqglmYmwA5J4HugT160W8h0OloekqIO5pqrtbK0XpQaJU29TzL9f7QOVmQ/60KH86vX&#10;sn9n+Hp0Vi/0x/l0AtTUzVc0tTUyyTTzSNNNNMxZmZjqZmZrlmYm5J5J5PvanV1QCnUUv/T/AG/v&#10;Rf0631j+vJ9t8evdCbsHY1Lm0qt0brqZMPsDBSj+L5McS1MttSY+gBH71XNxe3ESHW5HpDe6cRa5&#10;PDpr37vyp3hWwQ0tNHh9s4aM0O2du0nEFHTA8C3+7KiWwaaVrtI/JsoUDfDqrNr/AMnQfe9dV66J&#10;A+vv3TqdOuBweW3RmKDA4KjlrsnkZxBTQRgn6/qdjayRxrdnY8KoLGwHv3VwK9C9u3OYjrzBVfW2&#10;yqyCuyFYPD2BvCmBDVkyk3x9I59S0EBurkW8zX+ilw+xwr1qRtOB+fQCN/aJPJ/J966aBqesHv3T&#10;3XaqWIVQWZjpVV5JJ+gA/JPv3TZyejGY6Cl6MwUWcyUUE/bO4KAtgcXUBXGCpJVsayqjYG1dMpIj&#10;jYekXDceRDX4unyfDHzPRb66vqa+onqameaonqJmqKipnYvJJI5LM7uxLMzMSSSbkm5Pu3TQHmeP&#10;UL3VjTq3XvbeW690YrZOFx3Vu26btbd9JDV7gySH/RjtSrBvJJYEZaqTgimhBDRfTVcMpDNC42Bn&#10;pwUQVPQC5zNZLP5SvzGWq5a7KZOpaqrqyU3Lu34H+pRRZVUWCqAqgAW9uU6oqFzqPTHJ+PeqherO&#10;KdY/bZavVOjL7KxlB09tSDtXc9LFVbvzcLw9Z7bqBcrrWxylQn1CIjXjH5UrYhpEaPXSgnSK9F3y&#10;2Ur8rkK7KZOrlrcrk6h6uvrJjdmeRizc/jn8DgCwFgBax7ft6TgGQ16aPei1elHXOKKSaSOGGN5p&#10;pnEUUUQLMzMbKqqLlmYmwA5J91690aLKSR9A7HOBo5Y/9Lm/Mer5yrhIMmGxsnIpY3BOiplI5K/2&#10;gXBtFAzXGOt8OisMRGugH1H9Z/4j3tm6bHdnqKX/AKf7f231fpddbbBynZO66DbmO1RQufustkSL&#10;rS0iEeadvwSAQqAkBpGRSQCSPdbHS37r39js7U4vYOy9NN15shfsMRFAfTV1ChlmrnIA8mpiwRjc&#10;tqeW95mA2BXreoLnoCZXAAiT9K/U/wBT72T5dUU1z1GLAf4n3XqwGro2Oy6eHo3rSo7Ny0UY7A3x&#10;SNjNg46pUFqWldQzVxRgf1KRIbggp4Y7jzuB7p3C9FRklmq556yrllqJp5WnqJ5mLPJI5LMzMxJZ&#10;mY3JPJJ592UdJ2P8+ory6iT9Sfeia9bAp0OXQXX9DujcVZu3dRjp9i7Di/jedqariKSSO8kNMb/q&#10;X0GSQWN0XQeZFvXh/l6UDh0he1ewq/s7euT3LUiSKkkf7PCUDm/29HGSIY+CRra5eQjgyO5HpsA2&#10;WJ4deHaOg/kYRR+JeWI1SH/iPdiKDphTrav7OhD6f67quzt84vb4WUYuJv4huCqjuPFRxMvksw/S&#10;8xIiQ/6twbWB9tgV6UjpU/ITsSm3tvFMTgmSPZ2yoDt/blPTn9lvHpSeojA40yGNUjINjDFGeCSP&#10;fj1roC4z41MhHqPCX93XtFemXOs6f29CZ0117N2X2DiMHJHI2Ip3/iu4pl4C0cLAyLqH6WqGKwqf&#10;wzhrWU2qBqPTvAfZ0oPkT2NHv7fs1Pi2QbY2lG238BFBYRMI2tUVCKPSFmkUKlrAwxxcA397fpom&#10;mP8AVXoC4VA1Sv8Apj5/2Pvy+vWgOhy+PGz6Tcu+pNz57xQ7T6+pDu3P1NQLxAwBnpYnvcEGSMyk&#10;EENHDIv5HvXE1PTy9vQXdkb1rOwd67h3ZVmRVytezUVPIeYaWP8AbpYeOLxwKoYiwZtTWux96Jr1&#10;s9JCnULqmbhUBsf97/3j3ZPXqjZx1FaXUS7fViTb3UmvT6kKOsRYn/W/p711Ukt1mjPiieY/U+iO&#10;/wDX3cYFem2FTT9vUAGxv9fdOnE49eLE/X/be/dPdde/de6xORx/h7917rC/0/2Pv3XusXv3Xuve&#10;/de66JA+vvRNOvdYy5P04HtsvXr3XD34JXr3XFiADz9R7uaKOvdYfbPTigcesbOPoOf8fexnrzP1&#10;iLAfX/be3SQvTfWJmJ/wHtstXr3WEv8A0/2/uvWwadY/ryffutceve/de6xl/wCn+39uBPXpwJ69&#10;cQpb/ip92LBenOvrify2+P5dnwHH9PhZ1Z/7w2C9xbuGbiX/AJqP/wAePU07V/uLD/zSj/44Ojpe&#10;0fS/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mL+8iOsR+vfTk+/de6xl/6f7f37r3WP37r3XRIH19+691jL/04&#10;/wAffuvdcPfuvde9+60TTr3v3TZevDrgXA+nJ9+68Er1iZvyT/sPfunAKdYi5P04Hv3W+uHv3Xuu&#10;iQPr7917rEXJ/wAB7917rj7917r3v3Xuve/de6dMXg81nJjT4bE5LLTL+qLHQSzMP8WEatpH+JsP&#10;eiQOPVgpbgOhEx/T25ZpzT5apxmGnjdfNjVaTIZAI1vWMfi462oW1/8AdoiHBuQOfdDKP9WP8PTo&#10;gPnj+Z/lXoRKXrTrHbBaTeebeonpifNjspWU1FI6m5R0xtFPU1rDgEiSopntxp1ce2jKzcB06IUT&#10;4j/OnQhY/NY3H481OysdtzY+3mi8b7zr6BkSQEAgocg+Pklci62Q1/50g/mtKnOT6f8AFV6dBAyt&#10;APWn+en+XoG91dg7PaYmprd1dp1yHUP7w1LUOEilH6ZKfHU0cEjr+CrCJSLcHke3VQ/IfzPSd5F+&#10;bfbgfs6c3yW/8vh4KndNXtTq/YzqrUlDPj4QsirZgcfiZVqKiaUXDBwEuORJb3qig4qT9v8Al6sW&#10;YjNFH2f5Ok3W9u0uDhNDsqnyddUIeNzbwl+4dW49dFilP8OoiGW6todyps3Iv7sI68f5dMtdacLU&#10;/M/5B0lsXtXefY0tTuXN5NqbDxNfI7w3TOyU0YBsUjeQ3lYfRYohYGynQCPeywTA/YOm1jefJOPU&#10;9O53fs3YI8PX2PXPZ9Bpk31uSFSI3H9rG0D6kh/weUM/1BVh71pLceHp07qSH4cn1P8Ak6DSWo3N&#10;vfNoHkyu489kZBFGGLzzP9SFUc6Y0uTYWRFv+lR7cwo9Ok5ZpTipPQpDa+y+sFjrOwZYt07uCCam&#10;2Di5QYKdrakOUql1DgkXiW9/6SoT7a1F/hwPXp7w0gy+T/D/AJ/9X7eg43j2DuTe80QytTHT4uj9&#10;OLwGNUQ0NKgFlWGBeLqvGptT241abAOKgXpmWdpePDyHl13snr/P76rJYsZFHTY2iHly+erz46Ok&#10;jA1M0sp9OoKCQg9RHPChmHmcJ16GBpjjh5nyHQjV++tsdcUdRt/qoCtzM0Zpsz2LWxqZpP8AVx4+&#10;NgwhhJHDf4XGtgs3tsIXy37OlRdYRpj4+bev2dANPPPVTS1NVNLU1E8hlnqJ2Lu7sbszuxLMzHkk&#10;m5Pt6lOk/Qpdf9YVG6qefcefrk2zsTFtqyu4quy6wpsYaRWFpZWayarFVYgWd7Rs276cDJ6eji15&#10;OB69Td89pUtTjBsjr2ifbWxqYskqR+mpyTfRpqyS+sq4H+bJOoW8hICJHpY/M5PVpJqjSuB/h6BQ&#10;kn6+3ek/Qxdc9YR7gpZ93bwrP7u9f4vVJWZWZgj1TIbeClBBZrv6S4Vrt+3GGkuFZeSmBx6URQ6h&#10;qbCj+fUXsjtN91R0+2tt0Y27sPE6YsZg6ey+XQfTPU6b63Y+oKSwU+ol3u5siacnj1qWbXgYHSE2&#10;/iaaqWpzOaaWLb2JZfvWiIWSpmcMYaGnJBHnqNJJaxEUSySkNpVHsx8hx6bRa5PAf6qdCXsjY9V2&#10;bk6/de56mHb+xcEAMnWofFDFBAg8dBR6idCRxaQWN9CnU2uRwGac6BQcen41Mp1Hh039o9pJuhKb&#10;am1Kb+B9f4S0GNxsAMZqTGfTPOv1tf1IjXNyZJCZD6aKtMnpySXVgcB0CpIAufd6dMV6HXqTrXI7&#10;hr6LIvBF5pkNTiVqoxLDTRKxU5SsiYFZI0dGSkp2t91OpZv8nhl1tu2np+OOuf2f5/8AN6/Z079v&#10;9nY6mx8nWmwJiMDTzM25M8rlpsnVM15y83BmR5BeWQ3EzelLQqofSCuT1uSTT2j8/n/q8/X/AAlm&#10;Fvq3P+HtzpjqdisPk9xZWgw2IpZK3JZGoFPS00X5Y/kk8KiC7MxIVVBZiACfd1OmpPVShcgDo4uW&#10;yuD+N2yY8DhWpcl2NuGAVNTWsgbSf0+aRSbrSwepYIz/AJxwzlf85ZM1Zjnh0vxbLQceiT1lXV5G&#10;rqchkKmarrKydqmrqqhizySOSzszHksxNyfb3DpETXj1DY3P+A+g9+69117917pdbZwGOSifdu6t&#10;a7aoqk01Lj4yVnytUgDmjpyLGOFAymon+kSEKuqV0X3UnyHTiLTuPD/D0ndx7jyO5ci1fkGiXREt&#10;LR0VKojp6Wnj4ipqaIemKCJeAo5JuzFmLMdgU6q7FzU9J/3vq6r1jdgeB/W/v3VmNB0+ba2zkt1Z&#10;H+H4/wAMSRQtV5HI1jeOmo6aPmWpqZTxHDGPqfqTZVDMwB0zBeqIpkPT1ubdFEmOTZu0tcG1qOcT&#10;Vla66J8vVJcfe1YuSsS8/bU5JWJDqa8pJ9t8Mnj5fLp9m8hw/wAPQds1v9f6+/KurqnWIkn6+9uK&#10;Dr3XXtvr3Qu0cFN1ZTU2aysMVT2HVQrVYDB1ADJh43XVHX18Z4avdTqpqZhaIWmmF9Ce/Ur9nT9d&#10;Azx8h/q/1f5Akra2ryNXUV1dUTVdZVzNUVNTUMXeR3JZndmJLMxNyT9ffumgC3UX37pwKF6xl/6f&#10;7f37qpf06WGzdm1O7KmrnnqosPtzDRCs3JuOsB8NJDewAHBlqZj6YYV9cj8AABiNE060qF8nh69T&#10;N67ygzKUm3duU8uI2Pgm04fFtYSTyWCyV9cy8TVtQRck3WJSI47AEtsCn29Ok1p6DgOg7L/0/wBv&#10;7917rH7917rGqyTOkcaNJJI4SOOMElmJsAALkkn6D37pmpfocYoIOlqGHI1iwVPamTpTJjsfJpkX&#10;AQSpxUVCG6tk5kb9qM3EKnW41FVLZNfs/wAPT6jwv9N/g6Aqrq6muqZ6ysnlqaqplaeoqJ2Lu7uS&#10;zO7sSzMzEkkm5JufeqFutdQ5Px784p17rH7p17oRdgbFXdT1+YzVacHsrbqCp3FnnH0HBWkpQRaW&#10;tnuAii+m4Ygkoj+49XRa5PAdYd/b9fdTUGHxNGMHszb0bUu29vwm4jQn1zztc+arnPqkck8kgE+p&#10;n3w4fn1Vm1/IeQ6Dj3rrXXvfuvdSMXjMlnMjR4nFUk+QyVfOKajo6Yand2+gA+gA+pJsAASxABPv&#10;3Dp2Podc5ksf07hK3Ze2qqKs37mKYU2+d1UjgijQ8vicfIpupU8VEosSwt+rSIfAVyf+L6s76MDj&#10;69F6dibseT72TXpjqOST9feutjHXvfutliejA7TwuM6v2/R9l7wo4K3cWSjM3XO06wXViACMtWp9&#10;Vp4dQaFeGZrMLEo6a4mnTqgRjUePkOgJz+bye4snW5jL1k1fkcjUGoq6qc3Z2P8AvCooAVVFlRQF&#10;UAAD3vrwFcnj0ye/db6970RXr3Q4da7Kw9Li6jtHsGNl2VhJ/Fi8UwtLmq9QTHSQqSNUCuv7jfoO&#10;lkPpWYpommOnFFMnoO99b3zO+twVe4M1KvnmAgpKSH/M0lMhPipYF/sxxg/67MWdrsxPupxjz6aY&#10;+Ia+XSHL/wBP9v70SVx1fVQdYma31uSfdT1o9Dh1VsnDihre0ewlaHYm2ZgKShYDXl69eYqOBGIE&#10;kQYfuEnSx9BOgTNH4dXRfM9IDfe+MxvzcdbuXMuFnqP2MfQxkmKjpUJ8VPCLABEBNzYF3LORqZvd&#10;zjPn1T+1Py6Q5N+TyTySfegpbp/rom3J90690ZXrXDYzrPa57p3jSR1FbITTdabcqR6qqrsSK+Re&#10;CIIbXR/wLyD1mDV7rYx0X/OZvKbgy+Q3Bm6qSty+WqWq6uol+pZvwB9FRFAVFFlRAFUAAD3cdvTZ&#10;Os/4ek/JzYn6m/unV+slJSVVfVU1DRQS1VZWVCUtJTQAs8kkjBERFHLMzEAD8k+/de6NDvStpejd&#10;hDrLCzwydhbvpUrOwsrTMGakp5E/bx8br9NaMR9eUaSSw88ZX3VuHRVXYQpYm8jcn/Af0/1/d/h+&#10;3pgHWa+X+HqEXJ/wHunTvQ4dIddUW7cxW7m3S0dJsDZMX8X3NVVNxHN4wZEpBblvJpvIFufGCos8&#10;kd/dWXHSY7U7Er+zt31WbnVqbGwj7Db+M4C01HGT410glfI99chHBckL6QgGwK9Vdugylkv6FNkX&#10;+n5/x97J8h1VR59SsLicjuLL47BYemaryeVrEoaKBeNUkhCi5PCqL3ZjwoBJ4B91OOnlT16M13Xm&#10;sb1ztDD9DbUqVlalSPLdgZSDj7mskCSiFuSQCwWRlN9KLTx3Olx7by3ViQvRU09C+Q/U8IPdgoHT&#10;DuXx1gY3DE/U3J97PDqy9HFqj/oA6RFCNNP2Z2zFrqSpInoMdosVJFmjeOKXSP0kTzOQW8HtqtOl&#10;HD/V59E2jTW1vwBdj/h78or0276B1jll1NZeFXge/Ma9ajXSPmejl0R/0C9CTV7FqTsbtsCOjDcT&#10;UtCFNmHF1MVNLqP0ZZ6mMEHxcb+EdXbH+rz/ANjolwFyAPqTYe9VLdMdcqiQACFP0ryx/qfblOvA&#10;9Gn3w3+hzo/B9eRD7fenZxXcu8iOJYKEW8NI/AZNRVYyLkakqx9JPdWPT4XT/q8/9WOijAFiAPqT&#10;Ye2+PXiadZap9KrAn6R+r/H/AHx593bGOqp3Z6g+6dOqteuwLsF/JNvewK9OEhB16pkDERrwkfH+&#10;x/33/E+9t6dJ19fXqN7r08q0z10SB9ffunOsRcn/AAHv3XuuPv3XuuD/AE/2Pv3XusXv3XuuLEgc&#10;f1t7917rD9eT7oy1PXuve9hQvXusZf8Ap/t/dS/p17rGT9T9fdaE5691gLE/8U9169Xrifof9b37&#10;r3WD3YKT17rAST9f9t7r17rr37r3XAuB/ifdwlerBK9cPUx/r7vhenQKdcwgH1590L16314uB9Of&#10;dOqF6dfXA/lt8/y7PgOf/ALOrP8A3hsF7jK//t5P+aj/APHj1Ne05tYf+aUf/HB0dP2k6MO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YoXA+nJ95EdYj9YySfr7917rr37r3XAuB9OT7917rGST9ffuvdde/de6979&#10;1Qv6ddFgPr/tvfuqAFusTMT/AID37pwLTrCX/p/t/furdY/ryffuvde9+691jL/0/wBv7917rH79&#10;17rsAsQqgszGyqOSSfoAP6+/de6EDFdWb6y3hZcDUY2CocJFU51koUbV9PGKlo5Jr/0jVz/h7oZA&#10;PP8Ay9OrCzeVPtx0tm6o2rttRJv7sLG4+eNys2FwqPNVWH14ZGnjN+BrpghNzrAFzTxC3wjpzwVT&#10;4m/If6v8nSmxlFsvHU6ZLA9dCfGpr0bw7Tq0o6J/oEK0snmStHNx4FWQnjR+BoknifyHV1CjIX82&#10;4dd5PuyloYUx9DL/AHiYRilGLwVL/DMPa5smmoFTkKr1W5UUh+mlh+NeFX5fbk/5v8PW2uKYGfsw&#10;P51PTLkq/sPMY+Gfee56XrHaU6f5Ni41kgnniP1EGPgLZGsT6c1DiPm+sD3sBV4Cp/1efDqhZ2+I&#10;6R/q8uPSCO7tqbYATZW3ErMhH9N1bwSOpnDAiz0tANVFTaSLqXE7gHkgi/u+ktxP5DprWE+Efmeu&#10;UO3N576Q7r3fnGxWABs26N1yuIyCb+Oih5kqGIB0xwJouNOpfftQTAH5DqwRpMsaD1PWQ7w2lsy8&#10;PX2H/ieXjax3vuqKOSVWH9vH0BDQUouLq8nklsbMB79pLfF+wdUaZY/gyfU/5OkZDDu7sPPiOP8A&#10;iu589W/VpGaVwgNrs7HRDBGW+pKxoD+B7sSEHp0wA058yehBbE7D639W4pKbf28YuRtzHSEYqicX&#10;4rqlRqqpY2HMMdkuGSTghvdKl+GB6+fSgRrDx7j6eQ6D3dm+txbxqI5MzW6qalATH4mkXw0VKgGl&#10;Up6dPQgC8auXIADMbe7qoXh01JOX/wBWOnLZvXWX3bFUZaonp9v7Ux/ryu6ct6KaJQbFYgSpqJvw&#10;ETjUQGZSy30zhcefp1qOEy5OB69KfK9kYTaNFU7b6lpJsfHOn2+V31XgfxOtAuGEFwPs6c/VQoV7&#10;Wa0b6i1QhbLfs6cacRjTH+beZ6BCSSSWR5ZXeSWRzJJJISWZiblmJuSSTck/X270kJr0L+0etKZs&#10;Um9ew699s7KQhqVCLVuTb6rDRQm7aXt/nCpGnlRpDSI00maLk/4OlUVvjU+B/M9N+9uzKncNHFtn&#10;btCm1tjULWotv0JsZrG4lrZBzPKx9RBJUNYnW41nax0ycnpx5ajSMD06C3250z0OGzeusTjsPH2B&#10;2fNLitqKQ+Jwqm1Zln+qpFHqV1gb6k8MyXYFI/3fbTPXC8elMcQA1PgeQ8z0j+weystvueCmEMWF&#10;2xjAIsHtigstPTog0IWCqiyTBONWkBQSEVQSDZE0/b03LKZPkPIdBv7v010N/XnW2Olx3+kDsWc4&#10;bYNA+uKN9QnycgNkggRf3DE7AhmX1NYrHazyRsvJnSuT/g6URRfibA/w9Jfsjs3I77qoaSnhTC7R&#10;xLePb+26QKkUMaroR5FQBXm0cf6mMErHYFi10TR9vr1WaYy44AcB0h8Jh583XLSRyxUsMcTVdfX1&#10;FxFTU8YvLPKQCdKD6AXZ3KxoGd1U2Jp02i6zT+fp0Mmztjjses8plk251Xs7yCoylYURmACyVEjM&#10;bxmvqwqvM/qSnj8cYJSOFGZZ9A9SelCR+KfRR019p9oUu4YKbZey6UYbr7BkRUVJECjVjoSRPMD6&#10;tGq7IrXZmJllvIQEoiHicnq0kgpQcP8AD0CHt8JTj0mL14dCt1f13V7zydPUS0ZqcbDV+KKlcsi1&#10;UqaGdZHX1R0dMsivVSKQwVkhiPnnhHukrhR09BEXyeH+HoVu3uyKTaePrOuNmVglyNR6N6bkpx43&#10;aQKsbUcAT0xIkaiPQh0U8IWmj+jaU6KWyf2dKJJNGB+f+r/VToohNzf290m69Gks8sVPTxSTzzSL&#10;DDDCCzO7GyqqqCWZiQAByTwPfutqKmnRxcHj8R8dtlf3p3DFT1/ZG5adoMViXIJp1IDeHg6hHGSr&#10;VUi2u2iFD9Hdk1c44dLRS3FTxPRQ81mspuPLV2dzdXJXZPIzGeqqJLC5NgAqgBURFAVVUBVUBQAA&#10;B7eAp0jZixqemdmv9PoPfuq9cCwH1/23v3XuljtfblNX09VuLcU02P2liJljrJoB+/WTsNSY+i1e&#10;lqiUC7sfRBHeR7+hX0T5Dj04iCmpuA/n8um3c+5qvclcs0kUVDQUcX2eGw9JxT0VMpJSCFf8L3dz&#10;65HLSOS7E+/BdOOqs/iZ4eg9OkwWA+v+2976r1iZifrwPfunxw6dtvYHI7nysOJxaxCWRWnqKuqb&#10;xwU0EY1TVNTKfTFBCg1Ox/1gCxAOidPVgmvHSm3PuDGUGObZmzaid9vJKk2azEimObM1cd7TyLfV&#10;HQwk/wCTU5+nMsl5W9NQPM8f8HW3YL2j/i+g59tceq9Yn+oPt1OvdYiwH+J/p72wr17oXcXS0vWN&#10;JS7kz1NBV74rIBVbX21VqHTHI4vHk8hG1x57eqlp25BtNIBZF9tUqfl5n16dAEeTx8h6dBRkMhW5&#10;Wtqsjkamasrq2dqmqqqhizySObszMeSST78T14LXJ6glgP8AE+9dbLAdYiSfr7900SW6WOzNnVO7&#10;a6oD1CYrA4mD7/ce4akEw0VMt7s308k0pGiGIHVI5AHAZl0TTp1I68fz6cd5bypsnTUu19r0suH2&#10;Rh5S9Bj3I81XNbS+QyDrxNVyj6D9EKWjjAAJbYFPt6sTq+zoNn/UffuvdcffuvdcbkkKgLMxsoXm&#10;5P0A/qfdC9OvdDZSUsHTdFTZvLQQ1PZmSpPuMDhahVdMJDIPRXVsbXvkXU3p4GFoR+5KC+lB74vs&#10;/wAPW6eH9vQIV1dV5KrqK6uqJqusq5mqKmqqGLySO51M7sxJZmJuSfdqda6ie99e6xSsBa/+29ty&#10;de6XGw9jT7wqqqtrqpcJtDBKtXujcc/EdPDf/Nx8Hy1c/wCmKJQxZiOLfVvj1dVrk8Bx6l9gb7gz&#10;4pNt7ZpHwew8ATHg8MCNUjWs9bWMCfNWTm5LEnQDoUn1s9jjHWmfX8gOA6DH3XqvXvfuvdSKSkqs&#10;hVU9DQ081XWVcy01LS0yl5JJHIVERFBZmZjYAck+/deAr0PVZUUXR2Hlw9A9NWdtZuhaHOZancSL&#10;gqaZf+AdK68DISIf3ZQT4xwhN1Y6GePD/D0+f0hTzPRd5JGkZpJGLMx1Mzc/X3YmvTHHrAzX4H09&#10;66uVoOsRYD/E/wBPfuqDPQ47C2lh9u4SPtTsOmE2EhmK7O2u5AkzFbGfSzowP+4+BheRiCGtYhls&#10;kuuOB0oCiMVP/F9Bhu/d2Z3tna3P5yp+4raxxwg0xxRqLRwQpciOGJeFHJPLMWdmY2OMDpo1JqfP&#10;+XSTcj6fm/vXTlfLrH791voVes+vId1y1+4Nx1bYXYG2E+73Nm2uusLYrRUpsddXPcABQSoYGxdo&#10;0erHqyrXqD2V2HNvfJ06UdKmH2vg4f4dtTbtPYRUlMoVQxCgBp5goZzzbhQSqi/lWnVXbxD8ugqY&#10;kk3P59+wvXuuPvwo2enEFehM6v66ff2YqZchVriNn7dg/im7dwTemOnplu3jVz6fPMEYID9FDPZt&#10;Ok1Y16tQP1J7T7Di3lX0WOwdIcPsTbEP8O2lgkGkCNfSaqZQTeontc3JKg2uzF3fY7em3euB+Z6C&#10;MksST9T72B59OKKDHXXvRenDq3Qy9Sde0G5Z8ju3d8v8P672egrtw1kpKipdbNHQREEM0kxIDBPX&#10;ZlRbSSx+2x1sDpPdl9hVvYm4nzNREKDC0Ef8P21hI7COlpE4jQIvoDsADIRxeyrZFUC3zP5dNs1T&#10;pH/FdBi8pYk3uT9SfdSa9WA0ig6wM1uTyT711vo0XW2Mx/UmzG7o3XSRz57Jo9D1lt+qHMkjpY5B&#10;1uGESqSQ3ForlTqmhPvXVhjotmUy2RzOSrs7mKqWuymTqnrKqqn5Z5HOpmI4AH4AAAUWCgAAe3AK&#10;Z/Z0yx8TH7emSQkuxJuSbk+6dXAp097Y23lt357GbcwlOanJZWpFNTobhVH1eSQgHTFEgLu1uFUn&#10;37qwFeh97r3PidoYLHdF7HqPJisC4qN65SKytX5O4Z45LE3EMihnUltLiOIW+3F/U62cdFjkYQJo&#10;BvI4u/8AgP6e7nt6bVfENfLqCWJ+v+2906UABejb9VY+j6f6/wAj3buGnik3Dl4Xw3XOJqgQWaUM&#10;rVRX9QWQKxv6T9uj6WP3Ce/daLdFXra2uzOQrcpkqmWsrq+pkr6+snN3klkYvI7H/VMxJ9+6Yd6f&#10;n1BkcE/0UcKPfutqvRgPj1sOi3HuGs3lufx0+yOv4f45l6mp4ikniBlgha4IdE0GWVRe6qqMP3Re&#10;lanp9EpnoN+1OwK7sremV3PVCWOmmk+zw1DIQft6OMsIIuOAxuXe3BkdyPr7oQTnr2odIKRjDEIw&#10;f3JPVIR+B/T3Y9o6aX9Q1PAcOhk6B63TsPfNP/E41/urtpBnNzTzcRGKMkxUzubKv3LqQ1yD4llY&#10;G6+6KK9KB0195dlN2Vv3JZSmkY4HGn+D7chv6RSwsR5rcWaqk1Sni4VlQk6Afd6a89NScadBIhEU&#10;Zmf9TDSg92wo6apqNP29DJ8f9jwb035DX5nRFtXZsB3VuWqn4iEdP64opG+mmWVbsPzEkp/HtsvX&#10;pQiUz0je1d9VHY++89umXWlLV1P2+Jp34MVHD+3TIR+GMY1v/wA3GY/n3oinW9VeHSCi0xq0zf2R&#10;ZB/U+7rgV6akqxoPz6hO5clm/rf2306MdYS/9P8Ab+/dXDUHWaL0I8zfX9KX/wB9/vufd1xnpljq&#10;NOopP1JP+ufdOlCgAV6xl/6f7f37rwap6x+/dX66JA+vv3WiadYy/wCB/t/fumy/p1w9+62gPHro&#10;kD6+/dXJp1jZr8W49+60GqesTNb/AF/dWanVusRJP19t5br3XXu4SnXuuDOBwOffmenXusJIH19t&#10;de6xFyf8B72OPXusTNbgfX24zU691i9tgFuvdcH+nH9be3QoHV049cQn5P8Atvei/p071zJVf+KD&#10;22TXrRanWMsT/rf0966aLFuuPtwJ69WCevX1xf5bX/buv4D/APilnVn/ALw2C9xfuH+5Ev8AzUf/&#10;AI8ept2r/cWH/mlH/wAcHR0/aPpf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zD/eRHWI/XEsB/r/09+691jLE/&#10;639Pfuvdcffuvde9+6qWp10SB9ffumyS3WMv+B/t/furBPXrEzgf4n37pzrEWJ+v+29+69117917&#10;rgXA/wAT7917pTYzZO7c01OKLB1xSrbTST1YFNFKf6Ry1Bijkb/BWJ+nHI91LgefVxEzeXSoPW9H&#10;irHdu9MBgn5V8dRiWurkccCOSkjWORCx4DXK/m9h7r4leAPTng6fiIH8z0potp7QxUCVdRg8h9tJ&#10;DdMr2PW/wqnc82kpsZQK2Vq4z9RoY3AubXt7prJ/2BX/AGOr+GoFafmxp/IZ6yR9gY3GS/YbUoaj&#10;I1tSBTpTbUpFwlOzAcKs1P59wVq8f26qnYgm6+96CeP88/7HXvEAwM/YKf7PXeUrd0RCeXem6qTr&#10;+mql1VO39vIHy1SpF9NRFDJ9y2sCwbIVQtxwR78APIV+fl/q+zrbFvxHT8hx/wBX2npCNvPD4RvH&#10;snbcFPU30jce5RHkMgWvw8MbIKGkbnjRE8g4/dJ5930k8T+Q6a8QL8I/M5PThPtTOZMpuXtDc8u3&#10;6arTywPnmlqcpUpc2FJj9XnEZPCtJ4olBBB0+66qYUV/wde0E5c0+3j1GbfmJ22rU/XWDXEyhSj7&#10;szojqsq4+hMV1NNQBgbEQqz/AEPlv79oLfEa/Ly694oT4BT5nj0mMNt/dW/clVyUaVOSnH+U5fN5&#10;OW0MC/VpqurnbSgCgn1MWYA6QxFvdywTqio0h9fn0q/vdh7C4x0VL2JuyIkNlK1WGFpJB+aanOmT&#10;IOjXAeTTCeHRT7oQz/Ifz6uXSH+kf5dB/uHc+e3VXHIZ/J1OSqQCsXmNo4lJvohiULFDGP8AUoqr&#10;/h7uqhcDpK8rSnPS12/1sWxkW6d85IbQ2nJzSyzrqrq8gX8dBSn1vqFv3WGgAhwHUMRRpKYUVPT0&#10;dtjU+B/M9ez3Zgixsu2NhY47P2xJ6KowNfI1/BGuvqwdZDAn9pDoUMUu62A2sfm2T/LqzzhRpXA/&#10;megnAeV1jRWd3YIkaAkkk2AAHJJP0H9fbnSUsW6GzHbDwGxqCm3L2s8onqIvuMJ1/Rtprav66XrW&#10;HNJTXHP0Y8gkOvidkuXwv7fLpSsKwjVJ+S/5+kLvbsPO72lghqvBjMDj/RhttYtRFR0qC4ULGgVX&#10;kCkguwvyQulfSLpGE+3zPTUsxl+Q8h0hYopJpI4YY3mmmcRRRRAszMxsqqouWZibADkn3fpoCvDo&#10;fsbtPbfVlDSbk7Igiy+6amL7vb/XispKc/t1GUI1CNLjiMgg8qVdg6RsljJheHr0tSJYRV8nyXoK&#10;N37zz++Mo2Vz1X5pFUxUdJCNFPTRX4ip4rkRoLD+rNa7Mx59uKoXh1R5DIanpK/8SbD3bqnRgtv7&#10;OwHW+Ipd8doUv3WTqk8+1Ov3KiWoIA0z1qkN4oVLAlGHpt6wznw+2Sxc0X8z0pVBENT8fIdBHvTe&#10;+f35mJMxnqryuAY6OihusFNF+IoI7kIvAueWY8sSefbiqEFB0y8hkNT0kCQPqfduqdDlsHrrGU2H&#10;HZHZLtjdlUh8mNxhuKnLSi5jiiS6nwyEHm4LgE3WINIGnfOkcf8AB0piiAGt+Hp69I3sfsnL9h5K&#10;GWojTGYPGx/bYLb9IbQUsQAUcAKrSsoALaRYAKoVAB73HGI/8vTcspkPy8h0H9LS1NdU09HRwS1N&#10;XVzrTU1PCCzySOwVEVRyWZiAB/X24TTpsDUaDod9ldfzbrnk2vQVSUe1sTKK3sXeMZURTSxAuKOm&#10;mf0NBTC4U8oz66qTUi06hhnpnz8h0sji8vLzPqfl/q+fp029pdmY/K0VNsHYlOMTsDBuI41hurV8&#10;iE/vS39Ri13dQ92kf96X16Vj2kfmePVJZ69q8OgKJA+vtwkL0nALdLbYOychvrNR0NOk6UEMifxC&#10;ogALAOTohiuNJnm0tp1ehFV5pSsMUjq08nT8UWo/4ejI9l76xvU2CGxtmtTR7trKFKXKVlExdcXS&#10;6SVp4JDZxMxdnUsA+p5KpwJZV9shdeT0qeQRig4/4P8AV/s/aSpnLFndizE6mZuSSfbvSTrAzE/6&#10;39PfuvdGu6w2jhutdst2/wBgw2qPGDs/Byj9x5HUmGUKw/z84BMVwRFEDOfwUaYlsDpXEnhDW3Re&#10;N6bvzO+9wVe4s5N5KmoPjp6dL+KngUkxU8Kn9Mceo/4sxZ2JdmJcAoOk7uZDU9JJ2vwPp7tx6b4d&#10;YHJFrfn3rrfSq2ttlc0avKZWpkxe1sMBLm8uFBa5BMdJSqxAmraorpiS/HMj2jRiKs1OnETVk8Bx&#10;PXDdO53zs1LBT0y4rA4mD7LAYOJi0dND9WZmNvLVTsNc8pGqRzfhQirZe3rTt4mOA9OkcXJ+n+39&#10;+6qeuHv3WunLBYLK7my1NhsPTNVVtSx0rcKiIoJeWVzZIoYkBZ3YhVUEk+9E6elCLqoB0sNxZ7FY&#10;fEybJ2fIJse7o+59yAES5aojNwsdwGixcEn+Zj4MhAmkGogLUCpqfy6s76RQfmfXoNffmbpkKSan&#10;rokD6+2unOo8rk2twPbkfXuhYw1BQ9cUNLuvclHT1+666nFXs/a1YupadW5jyuRjNrIPrTQNzKbS&#10;MFQKTpm1YHDzPToAjFTx8h0FmTydblq+ryeTqpayvrqhqqrqZzd3kcksxP8Aif8AWA+gsAB71TVw&#10;6aJrnptLk/4D3oinVtR4dcfeuq9LDZ2zqzdtbUAVEOKwmLhFbuHcNaD9vRU97F3+hklcjTFEvrlf&#10;gWGphomnTkaavsHn07bx3jR1lFT7R2jTzYrZGLm8sUMpH3GQqANLZDIMttcz29CfohSyIOCT4CnT&#10;pauBw/w/M9BqX/p/t/e+tdYmYD6m591LU691iJLG39eAB7bLFuvdDdi6ai6koINwZykp63sbIQLU&#10;7X2/VgOmIjcEpka+I3BrGBDU0Dcx/wCdkGrSF2Fr1auj7fLoGMnka3K1lVkMlVT1tfWzNUVVVUMW&#10;d3Y3ZmY8kk+3eq9N305Pv3XusZf+n+39+690stk7Frd6VtQ71UWH25h4vvdy7lrQfBRwX+p+nlqJ&#10;bFYYl9Ujf0UMwbfy6uq6vs6d9/78o8tSUGz9oUsmH2Jt9j/D6NjaatnI0vkK4rYSVU1uPxGpKJYE&#10;3qPl1t3rgcB0FXu4SnHpvr3ujcevdc445JpYoIY5Jp55FhgghUs7uxCqqIoLMzMQAACSTb3Xr3Rg&#10;AaPovEpNNHBV9vZmhJijYrIm3aadSAbAsrZSaJr88RK3+p/z+wtePDp6vhfb/g6LrPVTVM01TUSS&#10;T1FRK0000rFmZmN2ZmYlmZmJJJNybk8+/E16bVdXUckn6+9dOYXrg36T7902zV6F7rvYuLkx1T2J&#10;v4y0mwsLN44aaM2ny9Yp9FDSrcExlh+9ICAoDKGW0jxa446cRKdx6SO/9+ZTfucfLZEQ0tNBCKHD&#10;4mkAWCjpIyfFTwooACqPq1hqa54FlGwKdbqWyfyHSDLE/wCA9+6o/XH37raLTpfdd7ByG/8ANNQw&#10;zR43D46H7/cefquKehpFuXlkckLrZVYRqSNRBJKoruuiadOqurp+7N7Ax+WgoNlbKhkxnXe2m04u&#10;lN1kr5wCJMjWcKXllJJQMAVUk6VLFV0Fpk9VZ9eBwHQLs/8AT/b+7de6xMwF7/X+ntrSSevdKnZG&#10;zM52DuOi23goQ1RUt5Kmpk4ipoFI8tRM34jiB/12NlUFmAPmFMdWUFsdCl2bvHB43D03VXX8x/uZ&#10;gphLnMunEmZyIt5JpGFtcEbqAg/SxUFbxpER5RTJ6s7ae0dF/dy5uf8AYAfQe/UL56oqdcCQPr70&#10;x8unuHS16+2PluxNzUm3sUPDGwNTlMlILx0lKhHlqJPoAFBsoJGp2Vbi9xXrSkuaDpe9tb6w9ZT4&#10;/rfYgNN17s9/Gs6G7ZOtW4lrZnAAcF2bxm1mLGSwDIkdgK9bkk09o6AOWUyN/RRwqj8D3omvVVGg&#10;dYveuvBqnoaOnuu6DdNbX7r3bIKHrzZiff7irJrqtQ6APHQxkcs0nBkC3bQQgs8sZ9+6cA6TvZ3Y&#10;db2VuabMVCGiwePT7DbuHWwSlpENo0CL6BJIAGkI4vZR6FQCyj16bkfyHQZuxdibW/oB+Peia9bV&#10;dI6iSOAxtz711bo2mDjj+PvW7brro4x2t2DRtS7bopgPJi8ewBaokRrhZG9LkMLlzFEVsk/v3Tnw&#10;D59FPaSRmkrKmR5p5naRpJSWZ3Yks7M1ySSbknknk/X3Yduf2dJy2o0/b03yNqa97k/U+69PK2kU&#10;6FzpbrR+yd2JT1rNS7WwcYyu6ckxCJHToSRD5GIVHqCpUG/pQSSWIQj37r3HrP3Z2SOxd1qmKVaX&#10;aO3IjhtqY+JQkawJpVpxGAAhqPGpAsNMSxpa6knQFOtMegemkEaiFDc/WRh/X3vqkSazqP5dZcRi&#10;cjn8rj8NiqaSsyWUq46Gipo/q8kjBVFzwoubkmwUXJIAJ9+6U4GOjTd2ZbH9Z7JwXRG16pJKiOKP&#10;Ndg5CmNjPUyBZVhb6G0jBZdJ5WJKZbkah71w607eQ6KXHZR5m+i8oD+T79Xz6YIqdP8Aqp1G9c0g&#10;CqzySOFVVBJJPAAA5JP0HtqhbPT2EwOjkb1cdEdJ4/YFM6w7+7JiOQ3XLEbSU9I40yQki/AT/JQL&#10;6WJqZFINvez2inTladEviQySBP7P6mP+H/G/e0Pl0048+uFRKHfSv+bT0qP+J9+ILdeBC9Gy3k46&#10;X6Pw3X8Q+33v2hGNw7wYemWnoOBFSvxqXUAIStyupav/AFYvoUr04xoKef8Aqr/m6KGt5GCLxc/X&#10;34nUeqAaR1zqHFxEv6UHP+v/AMa9+Y+XXlHn1Ck/HunV+uKqXYKPqTb3sCvWiadc6mVQREv0j4/2&#10;P++/4n3tj5daUefr1DJJ+vuvVuuvfurJx64FwPpz791cvTrGST9T791TLdde/dXC064F7fTn37rx&#10;enDrEST9ffuqAFuve/dOKtOsLkE8e6Yfq3XAsB9f9t7saL17rEWJ/wBb+ntotXr3XH3Xr3Uf37r3&#10;Xvpyfex17rAxuSR7coGz17rr3ssB17rokD6+2i1erIadYy/4H+39662X9OuHuwWvWgpPXRIH19uU&#10;C9OUC9Yy5P04HuhevDqhevDr65P8tn/t3V8Bv/FK+rP/AHhsF7i+/wD7eT/mo/8Ax49TbtP+4sP/&#10;ADSj/wCODo6ntJ0Y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8wouT9OB7yI6xH64e/de69791omnXvfumy9euB&#10;cD6c+/deCV6xM35J9+6cAp1hLk/4D37rfU7H4nKZaRosZjq3ISINUi0cTyaR9Sz6AQigAkk2AAJJ&#10;sPeiadbCluAr0/U20ZWqIqWtymNgqpW0xY3HM2Sq5Dz6Y4cetQgk4/RLJEf62Pupf0/zf4enBFmh&#10;I/LJ/l0p22vtfCHVnZ3p2UahBnp1inbg3R8RjDWVsbk2t56ulHBub/Suonh/q/M9X0KvH+f+Yf5+&#10;nTE7ihap+06+2fVZOtgHk+9WH7NIgAbyMaSSTIxxixJafKPHYXZf1Xqy+bH/AFf6vl1ZX8kH+T/Z&#10;/aesGUzMkQmXdu93d5RpqNrdeeEK/wCNNXXRBKEsOQXvXPf9Q5v72B6D8z1pm/ib8l/1f5+k7j9z&#10;ZWWqjxnXu24cLVz/ALcMuLjatyr/AOP30qvNCRwSaZadRa5H192Kjixr/IdUDk4QU/mf29ZanbuM&#10;xc8tf2HuSWqysjl5tvYKaOuyLvzcVdYWkpKM3tfU00w5vDf34MT8I/M8OvFAuXOfQZPTdVdgVlJB&#10;Jj9o0FJs3HSx+KY4kl6+ZTYkVOSk/wAqcE/VIzFFbjxe96K8c/4P2da8UjC4/wAP7esWH2LlMrRj&#10;P5ytptrbakYuc/nNQ85+pFHTqDUV0h+v7alb31OvvzPTAyevLGWycD1PTmd54Han7HXmKeOvT0vv&#10;TcKRzVzH8mkp7PTUC3vpYB5tNrure9aS3xfs62ZAnwftPHoOamqyOZr3nqZq3K5SvnGuSVnmnmkc&#10;2FydTu7HgDkn6D3fh01lj69CPHszCbQhiyPZVTMK54xPRbBxDqK6QEBkavm9S4+Br8qQZypOlVYe&#10;6ai3w/t6d0CPL/s8+k5ubfuX3DTR4mCKlwG2aZtVFtjCKYaVSAAJJQDrqpza7SSlmLXI03t7sqU+&#10;316YknL4GB6DpOYXCZbcWRp8ThKCpyWQqWtFTUq6jYfVmP0RFHLMxCqOWIHvZNOPVEjMhx0LZg2Z&#10;1SA1cMfvrsGI8UA/cxGKkH4mYEffVUZ+qCyI1wdLIrM3mT5D+Z6VUS3+Z/kOgm3FufObryU2Wz2R&#10;qMjXTcGWciyL9QkSKBHFGL8KgCjk2uT7cCheHSaSYyGp6j4DAZndGUp8LgKCfJZGpPohhHCrcAyS&#10;ObJHEtxqdiFH5PvzMFFT1REMhoOhmlr9rdMK9NiHoN39nqhjqs0yiTH4dyLPHSqeJ6uPkFyPSeG0&#10;/uQloVl44H8z0rJW1wMt6+Q6AnKZXJZuvqcplq2pyOQrJPLU1dUxd2P+ufoAOABYKAAAAAPboFOk&#10;jMXNTnrvFYrI5zIUuKxFHPkMjWy+KmpKYXZm+p/wCqASzEgKAWYgAn34nTk9WSMuadDwZ9vdIQPD&#10;S/Ybm7Wli0TVvEtFg9WoMsYItNWgcG4Gk/XSt0mZFZvkP8PS2i23DLf4OgDyORrstW1WSydXPXV9&#10;ZKZ6qrqmLu7H8sx/oOAPoAABYAD28BTpOTqyeoS6pHSOJGkkkYIiICSWJsAAOSSfoB731roxeJwe&#10;D6XxlHuzedNT5jsGuh+42zsuYgpQhv01leBcq6/2Vt6W9K/uBnhYJMpoOHmelQUQCrcfIdARuLce&#10;Z3XlqrN56umr8hVNd5ZTwi3JWOJf0xxJeyotlA+g+vt5VC4HSdmLmp6YC/8AT/b+99V6HTrfYGGp&#10;sVJ2X2VrpNm49wcVjHH7uWqBfRFGhIZ4dS2twJCDdhGkh9syOfhXj/g6URRgDW3Dy+fSJ7F7FzHY&#10;mYFbWhaLFUSmnweDpz+zSQ8AKoAAaVgBrewvYABUVVW0cYjHTcspkPQe+3Om+h4636+yuVqRQUV6&#10;LL19GtRmcxJwMJiZ1YM/JFsjkobiJDYpTksbCUvCxI/+wPU/5h0rhjI+3/AD/lP+DrvtHsXEw4uL&#10;rHroGi2ZiHMWQr4Xu2SmU3dmkX/OQGT1FjxK1iAI1Qe9RRmupuJ/l1qab8K8P9X+r59F9PAJ/p7U&#10;HHSUZ6eNtbdym7M1R4TFRGSpq5PXIQdEUYtrlk0hmCID9ACzsVRFaRlUsMaZPShF1Gg6OFuLOYP4&#10;/bNpcHhUhqN7ZSlZqOObS7QCQhZa+qCniSTQAqgst0SFWkjhaR2QNefLpcziBaDj0R6rq6qvqqit&#10;raiarrKuZqiqqqhi7ySOSzO7NcszE3JPt3pDx6iORa35Pv3XujBdM9a46ugquyN9tHQbG25epj+7&#10;4Wtmja1tNiZII3spUAmaUrCoY61DbvTA4npRDGPibgP59IXtPsnI9k7havlElLhqDXTYHFk8Qwki&#10;7uB6TPPpUyEf0VASqL7sq6eqSymQ/Ly6C9mtwPr+fbirXphmp1hJA+vtzC9N5bpRbZ23NuWqqS9T&#10;Fi8Liaf7/PZyqBMVJT6guoqvqlmlYhIYV9cshCiw1MrDNTpRGmr8uJ6k7r3NT5MUuKwtK2L2phnd&#10;cHjHIMrs+kSVtY68S1tSEUu36UULFHZFF/KtOPW3fVgcBw6QxJY3P1976oB11791sihp1PxGLyGe&#10;ydHh8RTPWZCvnEFPClgCT9WZjZUjRQWd2IVFBZiFBPvRNMnq6xlulxncxjtrYur2ZtKvStasUR7x&#10;3TTcCukU3+yo34YYuFvq3BqnGtv2xGvunzP5Dp9m0DSv5n/N/qz0GH+J91LE9N9Yy/8AT/b+96PX&#10;quv06xMwH1Nz70Fr1foWMHjcZsTG0u8N2UMNfna6EVWytpVgupBvpymSj4IpFIBgiNmqWF7CIajo&#10;5wPzPTgATJ4+Q6DDKZTIZrIVeUylXPXZCunNRV1dS2p3dvqSf94AFgoAVQAAPfuqE1yemp/r/sPb&#10;icOtdcPdH49eAr0q9o7RyG7shJTU8sFBjqCE1uczld6aahpl/XNM39eLIg9UjelfyRQmnTyR149P&#10;W89346ahptm7OWppNmYmYyhp7LPk6r6PkKzSB6mHEUZuIowAACSB4CnHj/g687jgOH+HoMyxP1/2&#10;3vfVuuvfuvdYW5aw5JNhb22VqevdDljMZjupMdSbn3RSQV+/6+AVW09p1Y1Jj0b/ADeSyUf1Eo+s&#10;EBsQRqazD9r2Py6sez7egUymVyGZyFZlMnVS1mQr6hqqrqpjd3dzdmP0A/wAsAOAAOPei3p1TptJ&#10;sCfbvW+sJJP1Pv3XulnsjZGR3rkJooZocZhsZD97uHcNdxTUNML6pJGJAaRgCI4wdUjfSyhmWrNT&#10;qyrq6f8Afu+8fV46k2LsqCTHbGws3lRpQBU5KqA0vkK0gAmR+dCfSNbCwsqpoL69bZ64HAdBJ7sB&#10;TqnXve+vdcbliEQFmY6VA5JJ+gA/J90K1NevdGCoKKg6QxcWdy6w13bGXofJgcNIFdMFBMnprKtW&#10;DKcg6N+1ER+2Ddxzb23Sv2dPf2Q+f+DoAK6tqslWVOQr6marrKuZqipqqli7u7kszMzElmYm5J5J&#10;9+Jr0z02gg/T3rqwanXRYD/X/p7914At0KfXGwaXcS1u6d21j4Pr7brh8zkyCHqpOCtBR/mSpm4B&#10;038YYG2pkB99nTqqFyfLpo7H7Dqd75GmSmpIsLtvCwfw7bW3aPiCkplPA0iyvPJYGSS12Nh+lVA3&#10;TTj9vVDJrPQa+9dOddEgfX37r3Sm2btHN773BR7cwEHlq6pi0tRJcRU8K28lRO4B0RRg8n6kkKoL&#10;soPiadbAr0JnYe8sHgcGvVvXk+vbdFNr3LuBLCXN1qkFndgATRwSC0a3KtpUgsqqzaUeZ/Idadq9&#10;q/megAZmYksb3N/e+tAU64+/db6m4jC5PP5Wiw2IpJa7JZKpWloqWG2p3Y8C5IVQByzMQqgFmIAJ&#10;90L062BXHRiN35XGdQbYrOrtp1kVTurLxL/pL3TSk3U6f+LTSPZWEaAkSH+jMCA8jpHWmrJ6cZvC&#10;wOPRZpJNZFhZRwq+7Du6rGvWAuB9Offi9OrF6dTsRicluDKUGGxNLLXZPJVK0lHSxfVnY2H1sFUD&#10;lmNgqgsxABPtrqmW6MXvjK4/qPak3Um0a2Cp3Plo1m7O3PRn+0VNsZA/DCONWKsOLKWDKHmmVdgV&#10;6cZvCHRYZZAfQn6Rxf8A4n3tjXHTSmmfPqMWA+v+29160TXpWbE2Xmuw9zY/bOEj/fq311VUwJjp&#10;qdSPLUSkW9EYP04LMVRfUwHv3V4xU9Ct3DvLDxUmP6j2A/j2RtF9GSr0Ivk8gpPmqJXWwkRJL6T+&#10;lnuyjQsWnYFenHbR/m6LzLIvCj9K8Af8T78T1pRTqMzE/Xge9dW6MB0hsXEy/wAT7V3yqw7D2QPu&#10;ljnFxX1yaTDTIjWEqo5W63s8jRxWZWk0+6sBTPQYb+3xlux915LdWacoJ38dHRgkx01MhPhpo/xZ&#10;QbsQBrdncjUx97UevTcj9IGWUytf6KOFUfge/E168i6R1nx2PrctX0eLxtNLWZDIVSUVFSQC7ySy&#10;MERFH9WYge9dW49Gq7NyFF0119R9MbeqYpd0Z+BMt2Tlqf62lVStGrj1BHWygcf5OoJX/KW966uT&#10;QU6KcLRJrP6m/Tf/AHv3vpk9xp1DY3JN73P19+6d1UFB0bjpfE47rDZGa723RTRy1vikw/XuMqOD&#10;NPJqiecD62kYNGCPUsCVD2IZD7qTTq6rj/V/qz0VnK5PIbgytfl8rUyVmRylXJW11VKeWeRizH+g&#10;FzYAcAWAAAHugBfrzsEFemuaQMQi8InAt+f8fblOmVJGfM9GQ+N+ycfX5rJdlbp0QbP66hbKy1E4&#10;vHLWxJ5YlF/1/ap+8QOfJ4FsRJb3ot6dPRr59Az2Tvmv7E3lmt11+uMV9Rox9GxB+3pY/RTwC3F0&#10;jA1EW1OWf6sfbRNernpFu/hi0Dh5Bdj/AIe3QtOk+vWa+XQ2/HzY1HujeEu4dwqqbN2FSHc+4qmc&#10;HwkwhpKeFzYgh3jMjKbh4opFP196ZunUTzPQe9ob5rOxt75vddUJI4q6o8eNpJDfwUkXop4ePTqW&#10;MAuRw0hdv7Xtrq56RMf7MRlNtTcL7cHaK9MsdZ0+Xn1CZ/6cn8k+2+nusLNbkn37r3WeI+ONp2HJ&#10;9MY/4n3dcZ6afuOn9vUEkkknkk3J906d64lgP9f+nv3XusZYn/W/p7917rj7917riWA/1/6e/dPF&#10;gvWMsT/rf09+6bJLdcffurBPXriWA/xP9PfurFgOsRYn6/7b3VxXqqtU9Y3JFrfn35V09OdYvfmF&#10;evddEgfX22wp17rGXJ+nA91691hLgfTk+9kU691jJJ+vvXXqV6697rTr3XAuB9OT7117rGST9few&#10;K9bAr117dCgdOBQOuBf+nP8Aj70X9OvF/TrEST9fbZNeqAFuve9dOBadfXM/ls/9u6vgL/4pX1Z/&#10;7w2C9xlf/wBvJ/zUf/jx6mvav9xYf+aUf/HB0dT2k6X9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8wf3kR1iP17&#10;37psv6dcSwH+v/T37qoBbrGzE/Xge/dOBadOGPwuYyySy47H1NRTwf8AAit06KeL/GaofTDCOfq7&#10;KPeiQOnApbh/sdThh8LREHM7gikkBs9Dt6P7yQEfhqhngowp+gaKWe310n86qTwH7eraQOJ/Zn/Y&#10;6U2OxztTrkMVtfGYfFsvo3NvuZZkuP1GFZkgoqkk2PijpKiQfTkXvUn1NfkOrqPMAAerf6qfy6wZ&#10;LcGEjjSnr8pmN7tA2qGhiZ8bhomuCfFAoWolQm99EdGf6Hj34A/Z/M/6v29eZx5kt/If6v2dcaCr&#10;3tuKjqUwcFLtvbkZ8dfUYwJjaCMHnTV1zsslQ1hcLPNNI1gFDGw9+OleOT+3rQLMMYHywP29N2nZ&#10;O3yfIZd8ZND+mIzUeKU8/VrR5CsAI/ApV/ozjk7y3y/w9a7U+Z/YP9npvrty7k3IIMNCWjopJQlH&#10;tvAQiCmLm2kLS06gTSkj9Th5CeSxJPvYULn+Z60XL4/kOnobQxO3AJt+ZN6WrA1LtHBlJcix/AqZ&#10;Tqpcep+pDl5gP90X911Fvh/b5db0BPi/YOPUHI76qzSS4nbdFTbQwcy6J6PEM5qKlfx97WufuKr6&#10;n03SIX4iX34Rjicn59eMp4DA+XTHt7bOc3VVPS4WiaZYI/NW1kzLFT00QvqlqaiQrFDGoBN2IJtZ&#10;QTx7uzBePVUQvw6WRrNk7GsmMipd+7pj/Xla5D/B6R/p/k1ObPkXQ3tJLph/Syxtz7boz/Ifz6cq&#10;sXDuPr5DpA57cWa3JXPks9kqnJVj8CSobhF/CRILJFGPwqBVH9PbgULw6aZi+T1P2xs/M7rknkox&#10;BQ4igAfL7gybiGjpE+uqaZuNRH6UXU7fhbXI0zhf83W0jL/Z5ny6Vku8MDsqGXHdcRvUZV0aGu7B&#10;ycQWqcEaWXGU7ahQQkX/AHDedg3JQqtq6S3xfs62ZxFhOP8AF/m6CiaaapmlqKiWWeeeQyzTzMWd&#10;2Y3ZmZiWZmJuSTcn250ly5r0udnbAyW60qslNU0+B2ti/Vmdz5PinhAsSkYupqKggjTGhvcqGK6l&#10;vR5AmOJ9OlEUGrPl6np+zfYmNwmNqdqdY0s2Hw8y+HLbmqQBk8nbg65QAaamJ/TEmk25OnXIhqsZ&#10;bLcfTyHVnuAvan7fM9A2zW5JufbvSMmvS02RsPNb6rZoqIxY/EY+M1Obz9edFLRwqNTvJISoZ9Ny&#10;EBuQCTpQM61Z9P8Am6eihMp9B5npbbh7Aw21cXU7L6p89HQzftbg3nJ6a7JsoItE/DU9JcnSF0sQ&#10;eNIL+VsIWNW/IeQ6deYRjTH+Z8z0B3t7pMFr0oNs7Yze78vTYTA0UlbXVLXOkHRElwGmmexEcSXG&#10;pj/gBdiAdMwUVPT0ceo0HQv5bc+C6sx1VtXr2riye66qL7bdG/4rej666TG31eNVNryqbki4JcIY&#10;mgviGp4eQ6UlxCKLx8z0AEkpZ2eRmkkdi7sxJJJ5JJPJJP19vdJuuEaTVEscEMck000gihhhBZnZ&#10;iAqqouWZibAC5J4Hv3XgK9GQxlJheisZDm89T0+X7UydIZsHgXs8OIjcWWoqrH/PsCbAc/VEKjXJ&#10;7YNZTQcP8PSoAW4qcseA9Oi9ZnNZHO5Ksy+XrJshkq+Yz1VVObszHj8cKqgAKoAVVAVQAAPbwFMD&#10;pMSWNT00Fifr/tve+tdDh1r17ipMdP2J2I747YmJa9NTvxJlKhSdNPAtw7xalIYrbWQUDALI8bTy&#10;Z0jj/g6fjjFNTcP8PSR7H7DyXYOYWqljGOwuPj+0wGCgNoaWAAKAFUBDK4Ua2AH0CqAiqosiaOqS&#10;SmQ/LyHQdkgfU+79N9C51XsDIbsyVPVpRw1MYnaPGU1YCYZZY9JkqaleL0FCHVpR/u6RoqVf867R&#10;tSPpx0/DHqz+z/V8v9jpc9rdgY/b2OrOstjVj1MUlRJJvndTlWnyVXIQZ0Mq/qBa4lYfgCBLRowe&#10;saau4/kOnJpdPav5n/V/P9nRYiQPr7f6SdZaSlq8lV02PoKeWqrK2daWlpoRqeSR2CoigfUsSB70&#10;TTj1sCpx0dbE0OA+POxDncwtLkt45lR9lRr+qecLcIrcstHS6rlgFuTra7vBHEjcmU/LoyVBbrni&#10;f59Etz+eyu58xXZ3NVT1mSyM5nqJn+n9FRF+iRooCoo4VQAOB7dA8h0kd6mp6Z/bwWnTJYnoU+p+&#10;s6nsXOsalno9r4cCp3BlD6QEF2FPG5sBLKAbm9o0DSG9lV2ZXAPSiCPVx4dPXcnZ1Lueel2htMLQ&#10;7E23anx9NTAolTJECgnK/XwoLiEHkgmRvU1lqift6vNLXHkOgHdrcD6/n26e3h0nHdx6jsxFrfn3&#10;oNTrZWvT1tzb1bubI/Y0rw08UMLVuTyVW2inpKWMjy1NQ54WKMEf4sxVEBdlU1Y0z04iajQfn8h0&#10;97o3FQS0lPtjbQmptpYqdpo3mGmbJVP6WyFYo/tsOIYuRBFZASxkd/BaceP8h153rgcP8PQfuxdr&#10;/j8D3vqg6xlgP9f+nvXV1WvUrG43I5vIUmKxdJNX5CunFPSUdMLu7t9AB+ABySbBQCSQAT78TTp4&#10;LU449CHmcjQ7Ixlbs/b09LW5uui+13nuqlIdXBsWxePk/s0kbC1RKLGocFR+yqh6Aasn8utu2jA/&#10;M/5OgqZwP8f8B70VLHqq9YiSfr7tQL1phUdcT9D/AK3uuuvWlSnQqbfw2K2biqbem8aRK3I10X3G&#10;ydo1P0qfrpyVeh5XHRMP20IBqnFh+0GY6ZtWB+Z6foIxU/kOg3zWZyOeyVXl8vWS12QrpjNU1U5u&#10;zMbDgCwVVAAVVAVVAVQAAB4rQUHTdS2T0zlyfpx7sEp17rh78Xp17pU7S2nXbtyMlJTzU9BQUVOa&#10;/N5quOmnoqVCPJPM3F7XsiD1OxCj8kNM3T8YqOnzeG8Me+Pj2ZsyOeg2dQzCaaWb01OVqV4NdXEW&#10;P4/Zh/TEtuNX6faaceP+DqjvXA4f4egy9+60qV66JA+vv3ThNOsRYn/Ae/dNFiehnxuJoOrsbRbr&#10;3VRRVu8slAKzZ20qxbpSof0ZTJRn+hF6eA8sw1Pa3obLV+zp9f0x8/Ien+r/AFfIHstlsjnMjV5b&#10;LVc9fka+c1FVVVB1M7N9ST9AAOABYAAAAAAe60LdV6b/AG4FC9b6xs/4H+392690q9mbMye9co9D&#10;RPDR0NFCa7OZutOmloKVeXqKiQkAAAHSt7ueBwCRomnW1Go/4fl0p9+75xcuNptg7DikoNkYmbyz&#10;1TgrUZerAAaurPodJI/ajP6FsSFsiRaA8z1SSWuF4f4egh926rH1xLAf4n+nv3TnWMksQPrzwB79&#10;17owWHxdB01h6Ld256CGu7FysX3Oztr1oDJjYiPRk6+K+oTk38ERA0kXNpAfC2Tq+zp3EXHj5DoC&#10;cvmMhm8jWZbLVc1fka+dqmrqpzdndjySfoP6AAAAAAAAAe6E16aJJ49NRJP196691HDECw97Ip04&#10;i16Errrr47wqazJ5isOB2Rt9PutzbklHpiQcrTwXv5auc2VEUMRqDFWJVH104M/Z69Zeyewl3OaL&#10;AYCmOF2LttTS7awacHSLhqqpszeSrmuSzEtp1EAlmd3t8P29NM3inHDy6Cf3XqwSnXAuB9Offur9&#10;OmBwOX3RmKHBYSjmyGUyMwgpqaEfn6szH6JGigs7GyqoLMQAT70TTrwFehz3lnsR1Zt2s6v2VWRV&#10;ubr1EfY+7qTg1Egv/uNpHuWWmg1FJSLXOpTZmlUaArk/l1t2p2j8z6f7PRbXYu2o+7dVA09cfeia&#10;db6yRRSzyxwQRyTTTSCKGGIFmdmNlVVFyzMTYAck8D20Wr17ozv+TfH/AGxZTBP3HuzHetuHG36C&#10;Uf7YV0w5+hAK8/tp+/tRXp1v0R8+iu1FRJUSySySPK8khlklkJZnZiSzMxuSzEkknk/U+9Ma9NKp&#10;Oeoj/ge69XYaeuCqzMFUFmY6VVeSSfoAPyT791To01FFB8ftpJk6qKnm7h3ljyMTRy2Y4SgkFmnk&#10;QghamS1rED1XQXSOZX2BXp+ugdFcrKqSeWaSWaSeaeVp6molYs8kjEszMxJLFmNyTyT7sTTA6YNW&#10;NT03l/6f7f3Tr3WWjo6rI1dLQUNPNV1tbUJSUlLApZ5JZGCIiKOWZ2IAH5J9+6sqk9Gk3LV03RGy&#10;H6/ws8MvZu8qJJ975elYM2PpXUlKGF1/Q7oxFwdWktNwJICvgK9P1EY6KrLIEXwx/wDTxv6n+n+w&#10;92OMdML3Gp/LqEXA/wAT7r090uettg5bsrddBtvGho4pG+5yuQ06kpaRGAlnYcAkagqKSNcjKtwC&#10;SPdbUV6EPuvfeMykmL602KVp9gbJApKUwkFa2rQFZat2AHkClnCv/uxmklufINNqVwOqs9OgAlII&#10;EUfESfn/AFR/r78x8h1RB5nrAwAUAf1916c6Nf1Jh8Z1Vsmv7x3ZTQzZSojfG9b4apuGmnkV0NTp&#10;4IVxqAb6rAsrgEvF70enFFBU9FhymWr9wZXI53MVMlbX5GreurqmX6vI7FmsPoFH0CjhRZVAAA92&#10;HTLsT9p6ZZHMjFj/ALAf0HvXW1GkdCX1H1zV9m7zoMDH5IcXB/uQ3BXr9IaSMjXY/QSzEiOP62Zg&#10;xGlWIbJJNOnkUcelV372RSbv3HTbb2144dj7Ih/ge3qalJ8MhiVYpKhQGIZDoEcJuf2lDCxkYe96&#10;dXXmfTjoCHPiTTe8knLH+g/p7cJEYp0wAZDX06k4bDZHcWWx2CxFO1Vk8tWR0FFAv9p5GCi5+iqL&#10;3Zjwqgk8A+2SxbpxMno0ne2axvXWzNu9C7VqFf7Knjy2+a6E2aeoe0yRSAf8dZCJyrXKItMoNlPv&#10;enHTjNp4dFGiCi8r/pj5A/qfelFM9MMSceZ6j/uVMyqiNJLK4jiijBJJJsqqBySSbADkn3UtXp9U&#10;C9Gt7MmTp7qXAdR0L+Ldm8VTdPYE0ZUskbWEdGWXnTrjVLXsVhkP0n97Ip04cdFKiTyOAb2+rH/D&#10;35RU9NO2kdcaqTWbD9Kmwt78xr1SMU/y9RPdenuughkdEH5PJ/oPyfewK9aY6RXrlVSKWEa8JENI&#10;/wBf3tj1SMUFTxOeoJe/04916c64e/de66JA+p9+691jLk/Tj37r3XD37r3XRIH19+6uhp1jLk/T&#10;ge/deL164e/deCV49dEgfX37pwUGOsTNf/AD37rfWEv+B/t/dWNB17rGST9fbRNevde96691gII+&#10;vu78enAnr117p1YkL1icm9vxb3ZhTpnrh7r17riWA/1/6e7KadWU06xFifr/ALb3otXrxJbrr3rq&#10;wT164lgP8T79051iLE/X/be/de6+ul/LY/7d0/AX/wAUq6r/APeFwXuMr/8At5P+aj/8ePU07V/u&#10;LD/zSj/44Ojq+0nS/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mDEgfX3kR1iCSW6y0tLWZGoio8fSVNbVzNphp&#10;qSNpZHP9FRAzMf8AWHvxNOrrHX59Prbdp8dzuPM0eLcctjqHTXVv+IMMMiwQsLcrPPC/0OkjkV1V&#10;4dP6NPxGny4nrgMziKR1iwG3YqipZhHFkNw2rpixNh4qQIlCoc/2JIqhgeBIffqE8T+zr2oDgP25&#10;/wBj/D08V+JzdSsFTv7cEmFpo4/JR4ytLTVmgn9FLi42UUqkG6ib7WEj9LH3UED4R/q+3/i+rFSf&#10;jNPl5/s6a23NhsP6NrYKEVCiwz24hHWVJP8AqoqYr9jTX/H7c0qf2Z78+96SeJ/Ida1hfhH5nJ/z&#10;dQqfHbq3rU1OTqJ6muSAgZDPZqfRTwC3AlqqhxGll/TGG1ECyIeB72SE/wA3WgrSZ/meHU7z7P24&#10;SKWH++uWTj7utWSDFRt/WKnvHV1tjyrTGBPw1PIvutGb5f4et1VP6R/l/s9J7M7hzGfkjfKVsk8d&#10;OuikpIwsVPAl76KemiVIIEuf0xoo/Nr+7KoXh1RnL8en/G7KdaKHNbqr02tgp08tI9Shkraxfx9j&#10;Q6kkmUkgeVzHAL3Ml+DUv5DJ/l1cRYq2B/M/l1IqN8R4qCbHbFoG2zRyIYajMO4ky1Uv0PlrAF+3&#10;jewJiphGn4Yv9T7RXLZ/wdeMmnC4+fmeg8LM7WUM7u1hbkkn+n5JJ9udNdCVSbMxm3aeDL9j1VTj&#10;xNGKjH7Px5X+KVSn9LTq3px1M3+rl/cYBhHHex9t69WF/b5dPCMJl/2efTJuPfOSzdImGooKbbu1&#10;qZ9dJtvE3SAEWAkqXP7lZUEAapJSSTcqFvb3tUpnz9eqvIWxwHoOkMX/AKf7f3fpvoSsXs3HYehp&#10;9ydhzVOOx1SgnxG2qUhclkh/ZYK3/AOjP5nkALDiJWJVvbZeuF/b5Dp3QEGp8eg8z0x7o3tktyJT&#10;4+OGnwm28cbYnbOKulLAOfW4vqqKlgTrmku7EsfSDb3tU0/b69MSSmTHAeQHSN936qE9ehd29sTF&#10;4nFQbz7KlqMZgJV8uF29D6chliLECJCQ0NKbgtKbXUgqVDI5aL1NF/b5DpUsYQanwPIeZ6Su9OwM&#10;pu80tGYafC7bxd0wm2cZ6KWmXmzFQB5ZyCdUjC5JbSFDEe7KgX7fXpPLOZccB5DoPy/4H+3936Z6&#10;EzYfXT7kgqdx7hrhtzYmJe+Wz9RwZGBH+T0ikEzTuxC8BgpI4ZyqM28mnAyfTpRDB4nccKOJ6zb5&#10;7GTNUMG0tpUJ23sLGt/kuKiJEtW4Kn7ivcMfNKzLqCkkKbEl2AYeSOmTk9blm19qYX/D0FXtzpsJ&#10;Tj0p9o7RzW9c1BhMJAJJ5B5amplusNPCpGued7EJEgPJ+pNlUFiAau4QVPTyIXNB0JW5954PZuHq&#10;dhdaVDtFP+1u3eq+mfJyKCrQ0zKSYqFSWA0n1i4UlWeSZtVLZb8h6dOu4jGlfzPr0BJcn6ce3uk/&#10;XcUUs8scEEck000gihhiBZnZiAqqoBLMxNgByTwPfuvAV6MZS0GM6KxNNm85T0+T7Uy9IZsDhZrP&#10;DiIXBX7motw1SeQAD9bopADuWNXinHD19elQAtxU5Y8B6dF3ymVyGZr6vKZOrmra+umNRVVdQbu7&#10;t9ST+APoALAAAAAAD2+BTpMSWNT03+/da6GPrHrmkz0VZvHeMzYvr7bxMuTrGJVqqRLWpYNPrOpm&#10;UOy+o3Ecf7jXRqSTTgcT0/FFq7jwHTV2Z2TW79yMMNPEcXtTDKKXbmBisqQxIuhZJFU6TMyC35CL&#10;6E4uW3Gmj7etSy+IccBw6C0v+B/t/bnTPSx2HsvI773BTYeiSbwgibIVMShjHCDzpDFUMsh9MYZl&#10;XUdTskau60dwgr05FH4hp+3oxnZ++sd1lhm662PLHDnp6RKTcGWpGP8AkVOoJiooHPIlKyMWYaSG&#10;eSZh9xO7IzGnidx6VSy+CNK8f8HROi/9P9v7U9Iesfv3XujldXbKw/V21qrtHf6tT1v2pGOxsq/u&#10;IsoKpAqMNRq6r6MvASMlHYL9woSyP4hoOjGCMQLrbosG/N8ZjsDcVVuDMPYv+zQUKEmOmp1JKQxg&#10;/gXux41uWYjmwcRMdJZZzIekZ7cC0z0x0qdmbNy2+9wUW3sOn71Q/kqqpwTHTQKQJJ5bfREBFh9W&#10;Yqg9TD3SVgo6egQu1B0N/be9cTszAx9M9fSGOio1Me78vCQJKmc2E0DOv6ncr/lBvawEAsiuvthF&#10;1mpH2dK5nEY0r+fRXLhB/Un2p+AdIfjPWIm3J9tdO9OOEwmS3Lk6fE4mDzVU92JchI441GqWaaRr&#10;JFBCgLSOxCqoJJ92FBk9aILGg6VG483jMfj22ZtOoM2EgmEmezgGh8xVRtdZCLa0oID/AMBoSf8A&#10;m9IPK1k0oqdR4/4B/n6s7aRoXh5/M/5ug5kkBP1so+nvx6qOo5cn6ce9db6y0lJVV9VT0NDTzVdZ&#10;VzLT0tLTqXkkkchVRFUEszE2AHv3T6joT8lV0fXWPqtuYmZZ96V0LUm7M9AwK0EbcS4qhdSQZT+m&#10;qnU2PMEZKay1ANeTw8urMdGBxPH5fIf5egjZy3A4H4Hu/VAoHXD3Rmp1bj1722TXrRanQqbcwuH2&#10;tiYd77zpBWPUqZNmbSn4/iDrcCtrFvqTGQOPoQPuWGhT4w5OuPD/AIrq69o1N+Q9eg2z24MpuPKV&#10;eYy9XJW5Ctk8k88lh9AAqIosqRxqAqIoCooCqAAPbyqF6pljU8emQkn6+9k0631720Wr17pUbT2n&#10;k935M0NCYaampoTW5fL1p0UtFSpzJU1Mh4SNB9B9WNlUEn3UmnV0TX/lPp0od4bsxUONGx9kLLT7&#10;Upp1nyOSnXRVZiqj4FXVD6pAh/4D0/0jFne8h9PgNP2/4Otu44Lw/wAPQXE/k+/dN9Yy/wDT/b+/&#10;dW10HWP37rwUnocsNhsX1di6PeG8KOGu3fXwir2ZsysF1gB/zeTycfBVFIvDAbM7C5tYmOhOvA4e&#10;Z6fFIft6BrN5vJ7iylZmcxWTV+Rr5jPVVU5uzMf9awVVAAVQAqqAqgAADekdUU6s9NJ4BP8AT3s4&#10;6t1hJJ+vtqpbr3Sv2TsnK76zH8Mx7wUdLTQNXZnM1pCU1DSpzLUTuSAFUfQXBY8XAuwdJp1ZV1/5&#10;/TpS753liYMcOvuv/LTbLoJxJX5Fxpqc1VJa9ZVmyt4Qw/Yh4VFAYgNpWPQHmemncU0rw/w9BF7t&#10;02BXrg5IHH9ffunVWnWL37q3Q/7fw2O6kw9LvreNHTVm8sjAKjYmza4EmAE+nK18dwUVCP2Y2szM&#10;LjSwLQtMdWPLz+fTlPDyePkP9X+r8+AH5zO5XceUrczma2avyWQmM9VVTm7MTwBxYKqgAKqgKqgK&#10;oCgD3omvTfHJ6aPdevddFgPr/tvewtevdLrrzYFXvrKTLJUph9tYiL77c+5aoAQUVMoJJJJCtNJp&#10;Kxpe7G5NkVmHmavTiKW+zz6eex+wqPKU1JsrZUU2K68wD6cbRtdZayb+3X1p+sk0rlioawRTwqkk&#10;DS9v29bI1/YP59A4x+pPPv3VsDHWIsT/AK39Pfut9Ssfj67K11LjcbSz11fXTrTUlJTKWkkkY2VV&#10;Uckk/wDFTx7917j0YrL1+P6KwFTtbB1EFZ2lnaQJuzcNKVYYqnkAb+G0bgm1Q1gZJBYjhh6vF4tB&#10;a5PD09etu2jtXj6+nRZZJGkYlj9fx7sTXqirp6x+9dW66Y2F/dWFevdGW2lh6DprblN2Pu2jhqt8&#10;5unLdd7Vqx/wGUgg5WsQgldIYGJTZhcAESNqgpSuB05XwhU9F3zOYyGdyVblcpVzV2QyNS1XW1k5&#10;u0kjG5J+gCj6KoAVQAqgKAA4AKdaRdXc2T0zlwP8T7bfj1YtTrEzfkn3TpsmvRkeutvYvrnbcXcm&#10;+KRZ6mRtHW216gfuVtXa8de6nlaeH9aNbgASqdRgEmwOrqNIqegH3RubLbmzORzuaqzXZjKzmesn&#10;PCqLWSKNfokcaAKqjhVAHu57cdN6ixr0lySfr7b6911791scejTbJxmP6U2dH2puikjqN77ggem6&#10;327Uj1RLIlmyMyX1AGN7jjiNlW4ecaPDPSk/pip6LTlcrX5SvrcrlKuWuy+Tnarrqyc3Znc3Yk/Q&#10;c/QDgCwAAAHu/wAP29JKmQ9Mj/T/AGPunT4XT1loqKryVZS4+gp5quurahKSkpadSzySSMFREUcl&#10;mYgAe/da1VwOjVbwrKXonYS9bYOoik7H3hSJWb7zFIwLUdPIp0UMTjlSyMVXm+gyTWXzRFfDPVyd&#10;Ip/P/V/LoqbkQp4wRrYfuMPx/h7ue0U6ZRdWeoZf+n+3906e6F7pjrX/AEibmd8pJ9ntDbsX8W3X&#10;k5W8cawJdhB5SVEbThGu1xojWST+wAdHqyivXDufspuyt0omLT7PZ+3YjidrY6JdCLTpZTUeOyhH&#10;nCLZbDRGscdrqSfAdVdqf6uJ6B+ZwbRp+hOP9c+99UUeZ6xRpJNLHBDHJNPNIIoYYgWZmY2VVUAl&#10;mYmwA5J+nv3V+jgbqmT4/wDVEOxqKSKPsrsWlFduqrgsXpKJgyeFXHIKgtBGRcazUyqQdB914dPf&#10;CKDj0TuMaB5T+OFB/r73qpnphhU6R+fWB5Lkk8sTc+2Sa9PhaCnRuukMRj+tNkZ/vndVOjzRU8mJ&#10;2Jjp/SZp31RNKl/VeaQGIMOUiWoexUgi2B15BQV/1U6KfmMzk9y5nIZrKVL1WTy9bJXV1TJ9WeRi&#10;zWH0VReyqOFUBVAAA971asDqrYyem2pkCgRJ+lfr/r/77/efemPkOtRL+I+fRhPjvtLHS5TL9pbs&#10;Cx7O61pmy0jyqGE9eq66aFFJGt4jaQAXPl8CWPk91Hz6eA6Bbe27clvrdeb3XlSfu8xWtUCEEssM&#10;QskECE86IIVVF/JC3PJPvxNetdJ12EEWkcySfUj+nu57RTpgfqGvkOoBJP1Ptvp4CnXXv3W+sysI&#10;YjJ/bf0p/h/j7uO0V6abvNPIcemyT6/7D3Tp3rh7917rgzW4H1/r7917rEST9ffuvde9+691jL/0&#10;/wBv7917rH7917r3v3Vl49Yy/wDT/b+/dWL+nWP37rSgk16xyfj37p3rH70RXr3Xvbb9WC166JA+&#10;vuoFenKBesTG5v72xr1QvXh1x9168EJ6js35J92y3WmFOsRcn6ce6nHVeuHv3WwKnrokD6+/dPAU&#10;6xFyf8B791vrj7917rosB9f9t72Fr1otTr66n8tfn+XR8BD/AF+FPVf/ALwuC9xluGLiX/mo/wDx&#10;49TTtWbWH/mlH/xwdHV9o+jD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mVtDtXEc1lXPuitH/KNiy9NRKf9rqZ&#10;YxUVFjwyxxRLxdJ2BB95C5Py+3j1iUFVPn9nDqFU7ozFZE2Nx6w4fH1NoDicChhSUE+lJmBaoqzf&#10;6eeSVvpzwPe9I4/4evaycDHyHTgu0ExKJU7zrjgEdfJHhoVWbKSgi6/5JrQUit/q6loj+UST6e9a&#10;68M/4OreHp+LHy8+uDbxGJWSDaGPTbiOpjbKFhPlJFPBvXFE+31D6ilSAEcNq5J9prxz/g614mn4&#10;cfPz6S9Bjsrn677THUtTka2ctM6xgsbDl5ZXJsiLe7u5CqOWIHPuxIXqqqXNBk9Kb7Xa22echJDu&#10;7OIeMbQSMuLgb+lRVxlZa5h+UpzHFfkVLgFTWpb5D+f+x1eipxyf5f7PTDmdx5fPGBK+p/ySkBWg&#10;xlKqw0lMp/swU0YWKPi1yBqa13Zjz7sFC9UZy/H/AGOusFt3L7kq2pMVSmbwx+esqpWWOnpoh+qa&#10;pncrFBEoHLOQPwLmwPmYLx68qF+HSt/iO2NmWTBpS7t3In69wV8V8dSOP+VCklH+VSI30nqFCXAK&#10;QfR/dKF+OB6evTmpY+GT6+Q+zpCZTLZDL1s+RytdVZGvqG1zVVW7O7H8XZibAfQAcAcAAe7gAcOm&#10;ixbJ6l7e23mt11/8Pw1IamVIzUVMzkRw08S8vNUTORHDEg5LMR/QXJAOmYLx62iF+HS6bObc6+Bp&#10;9oPT7j3Yg0VO9KiPVS0j/RlxFPKvrZTx91KLmxMSBWv7rQvxwPT/AD9O6hF8OT6/5v8AP0FdbXVV&#10;dVT1tdUz1tZUyGaoqal2eR3P1Z3YlmY/4+3OmSa8esVLS1eRqoKKip56urqpRDTUtMpd3djZVRFB&#10;LMT/AE9+Jp1oCuOhW+3wXWAV6+Oh3L2EoDJjWKzY7DPa4apIulbkIza0QJhhe5cuyqC1UyfIfzPT&#10;pYQfNv5D/Z6DDK5bJZyvqcpl62oyGQrJDLUVVS2pmP8AvQUDgKLKosFAAA9uAU4dJzWQ1bqAqs7p&#10;Gis8kjBI40BLMSbAADkkk8Ae99WAC9DhRYHB9V0dNn98UkGX3nUxip2/sWQgpTC/pq8ra9h9DHD+&#10;SLEE6jCyxMmBw8z0ooIBVuPkv+foINy7ozO7MrPmc7XS19dP6Qz8JGguViiQemOJLmyqAOSTdiSX&#10;FUKKDpG8hkNT0niSfqfduqdC7sXr2iqsc++N+VEmF2HRMRGwOmoycy3tS0a3DkMVIZxb6FUIId4m&#10;3fyHH/B0phhBGp8L/h6Zd/dh1+9Z6WjgposJtbDp9vgNt0XEMEa+lXcCwknK8F7cchQATfaJp+3r&#10;cshl+QHAdB37v1QCnSr2Zs7Mb5zcOEw8aayhqK2sm4hpoFIEk8zfhEuOPqzEKOT7qzaRXpyNDIaD&#10;oQt672wu3MLN1v1tKf4PfRundK2E2WnA0uiuv0o15AANnHpW8ZZpm0Qk6m/IenTryBBpT8z69AUS&#10;T9fb3SfrsAkgAEkmwA+pJ+gH+J9+690Y3D43F9KYKm3duWlhreyctTmXae16v6Y+NrqK6sQHUslr&#10;6VOlgfQLSCRoWCfGNBw8+lSgW41H4vIenRe8vl8ln8lWZjMVk1fkq+Yz1VVObszH/bBVUABVACqo&#10;CqAAB7eA04HSYksanpt97610KPWPXMu+MhUVeRqP4TtDBp93uPOSkIqRqNZhjdwU8zqLkm4jW7sD&#10;6VdqWTR9p4dPQxeJx4Dj1J7R7Ih3TJR7d23T/wAJ2Jtwfb4LFxAp5So0/dTrf1SNzoDXZQzE+t5C&#10;fRx6cniePXpZdeBwHQPFifr/ALb270z1NxuNrsxkKPFY2mkq6/IVKUlJTRD1PI5CqB+ByeSbAC5J&#10;ABPvRNM9bUajQdG/zmWxfx32TDtnCy01d2NuGl+5r66MAin1DSZ2DeorESUpUZQCQ0jILyLIm0mY&#10;1PDpazC3Wg4n/V/xXRMJ6ieqmlqKmWSeeeVpp5pSWZ3YlmZmNyzMxJJPJP19qhjpCTXrD7917ozf&#10;RnWNLVo/ZO8DFR7XwgesoPveI5Xg5epkv9YICp0gX1yDnhNEjEsn4R+fSy2i/G3AdBz2/wBo1fZG&#10;evTeWk2ximaDBY48XX6GplUceaYD6f7rSyAmzM1449I+3pqebxT8hw6CL3bVmnTHUrHUFbl8hR4r&#10;F00tbkK+oWlpKaEXZ3c2UD/iSeAOSQAfeydIqetqpY0HRrdw5HH/AB92SNo4Soiq+y900y1Gey9P&#10;/wAocbBgPGeHHjuy04NiWL1DBbrGUg/XNTwHD59GDf4qukfEeJ9P9Xl0UB3LFpHJZ2JZmY3JJNyS&#10;T9ST9fao4z0g49Rybm/uoWuT1YtTA6l0GOrsxXUuLxlLNW5CunWnpKSAXd3Y8AfgD8kmwABJIAJ9&#10;1fHV4wXx0tM7kKLa+MqNmbbqoauqqrJvLc1KQVqWGlv4fRyDkY6nkX1uCPupRqP7KxgtqpY5/Lp5&#10;2EY0j8z6/IfLoNZHAGhOFH1/x9qNNfs6Saqfb1Gk/Hto9PqNXXoYZaiWKCCKSeeeRYYYYVLO7sQq&#10;qqqCWZibADknge9dOqtOhYqJYer6KXH0Mxfsiup2gzNfCQVwkEikSUVO6kg5OVTaeUH/ACdSYYz5&#10;DIwqO/7Oru/g4HH/AAdA85JY3N/z7t00CAPn1w+nJ9+6qWr10DcXHtl+PXtVB0J+2sHh8Bi49771&#10;pjU0chP91NrudLZadDYyzf2o8ZTsB5Ht+637SE+oe65JoOnUQKNTfkPXpB7g3BlNy5SpzGYqjU1l&#10;Uw1NYKiKoskUUa2WKGJQFRFAVVAAHu3yHWySxqeP+DpO+3uvde9tOa9e6Uu1NrZDduVXG0LRU8MU&#10;L12UylXdaejpYhqmqqmQAhIo1/J+pIUeoge6E06sq6ulJu7d+Nhxg2PscTUu06aYTZHIzLoqszVJ&#10;wKqr/KQIf+A9P9IxZ3BkPp3TT9v+DqztUaRw/wAPQVs4H05PvXTfWMkn6+/de65qotc8+/dOKvn0&#10;MGFxWO63x1DvPdlLFW7lrIhW7K2fUjgD6xZTJJcMlOjDVBCbNOwDG0YJ90PdgdOk+Hnz8ugnzWay&#10;m4spWZnM1s1fkq+Yz1VVOblifoABYKqgAKoAVVAVQAAPdwKdMZfpr9+6dUU6xs45A5/F/fjnrfSo&#10;2ds3L72ywxmLEUMUMRrMrlaw6KWipk5lqamU+lI0X/YsfSoJPupIQdWVdXSu3lvDE0GIfr/r8yw7&#10;VglEmazcg0VObqo/93z/AJjpEb/MQfRRZ3u59PlHmePWnaooOH+HoHfdumgnr1xLAf6/9PfunOHW&#10;MsT/AK39PfuvdDxtrA43rHC0nYe9qKlrM/XQ+fYOy64G7tcacrXRjlKWH6xI1jK1iNNgwbZtWBw8&#10;z04B4eTx8h/q/wBX59AvuDcGX3Rl63OZytmyGSr5TLUVEx5P4CqBZURFAVVUBVUBVAAA90J6b45P&#10;TISB9ffgK9e64F/6f7f3cJ69e6Wuwdh5Xf8AmWx9FLDQY+ihNfns5WkLT0NKnMk8rEqCbA6FuCx+&#10;pVA7rYsB1ZF1f5elV2Jv7GnFwdc7BV6LYuGn1TVJGmfL1Skaq6rYKpYMygxoQNICkgaY0iZpTq5Y&#10;NgcP8PQKe/dVL+nXF/0n37rS8euMMMtRLFBBFJPPPIsMMMKlnd2IVVVVBLMxNgByTwPfuna06MsB&#10;SfH7Cln+1q+5M7Rem+mWPb9HOn4+qNkJlP8AiApt/mwfuNAa/s62zeHgZJ/l0WOoqJquaWoqJZJp&#10;ppGllllYszMxLMzMxJZmJuSeSeT7sTXqqrp/yn16w+9dW697917owPXe0cLtPBp212LS+bGQS/78&#10;na03pky1YvqjldWU/wCRRHnUQVa2ohkCpPRjXA6cA0DUfy6CDee8czvXPV+4M7Vmpr65+QvCRRrx&#10;HBCn0SGNeAPzyzEszMdH0HTRq5qfyHp0jyxP+A93AoOrasU64+601HqyrXobuquv8TX01b2Hv1jR&#10;9e7Yk1zI4IfJ1S/5uhpxxrVnsJLG5JEYtd3j03oOndIpU8Okd2R2FlewdwS5nIBaSkhT7PB4aE/s&#10;0NIp/bhQABS5FjI4A1t9AqhVWwXT0mZvEPy6DM8kn+p9tHrfXXvXXuh76h2HiGo6/tPsIeDYO1H1&#10;wUjqGbK1qm0VLFGxAkjElg1yFdyIydAlZPdPRrTuPl0HvYW/Mv2DuWt3PmLRNP8A5PisajFo6SlQ&#10;nxQpwL6Qbs1hrcs9hqsLKNA6akYyHoPWfkkkljyfdePWhjrCWJ+v+29+6sSW6NZ1ziKDpvZj9x7s&#10;pIptzZiBqPrTb9VwxMiWavkThghRr39OmEmxL1EVvdOounJ6LZlstkczkq/O5ipkrsvlap6yqqZv&#10;1M7m5a30UD6KoACqAqgAWFx2ivTZbxD8umCQm/1P9fdOnAKdOeCwmT3JmMdgcNSvWZPK1a0dHTp+&#10;WY/Vj9FRBdnY8KoLMQAT791vj0ZXtzOYzrDZ1H0Zs6pSaulVMh2LmqbhqiokVG+1ve4DWUsvBWJY&#10;YySWlB8OnGOkU6Kq7CBNAP7jcsw/A/p7ue0U6TqdZr5eXUEuT9OPdOnOjRdB7TxOAx+W7v3tFo27&#10;tFG/u5TSD1VeQBCq8QayuYnYRxfjzsG1KYG96PTsajiegE3durLb73Pldz5ubXW5SpMzIt9EMYGm&#10;KCIH6RwxgIt+bC7EsSTTTU9VeTSK+fl0lZ5vI2leI19Kgf7370xrjrUMekVPE8el/wBU9fV3Zm9M&#10;XtqlEkdGz/e5utQf8B6KIr5pL2IDtcRx34MjoDYXIp0+OhD+RfYdFuHO0ex9sGODZOwYxh8ZT0x/&#10;alqIkWGWUAcMkKp4Yibiyu6m0pHtwjFeqE5p0XcfsRk/7sk+g/IH9ffvhHTJPitTyHXPG4uvzeRo&#10;MRjKaSsyWTrI6Ghpo/1PLK4RFH4F2b6ngfU8e2+lAHRl+9MrQde7S2z0Nt2ojk/hMMec35XU3/KT&#10;kJQJUiY8MVUt5dLgkJ9qoIMZHvZxjrwNf9Xl0VWEaryNwicgf4/X/ePdkHn0zK3kOJ6wSOXYsfz9&#10;B/h7qTXpxV0inWIsB/r/ANPeurdejUyuATZRy3+t7soqeqO2kdenfW5t+leF9+Y169GukdRH+v8A&#10;sPder9cPfuvdYX/UffuvdcDwCf6e/de6wkk/X37r3XXv3XuuBcD6cn37r3WMkn6+/dbAr117904E&#10;p1wLgfTn37reqpp1jJJ+p96Jp1cCvXXtstXpwLTrizabf4+/BK8evF6cOsJJP193JC9UALde9s9O&#10;BQOsZf8Ap/t/fuql/TqM/wBf9h7eJC9NnPXD20c9e6xl/wCn+3966snHrH7909176cn37j17h1jL&#10;/wBP9v7cCevTZf06x+7FgOqhSevrtfy1v+3c/wAA/wDxSnqv/wB4XBe4s3DM8n/NR/8Ajx6m/asW&#10;sP8AzSj/AOODo63tJ0v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5k+N2lNLSQ5jP1sO28FMNcFbXKWnql5v9jS&#10;KRLVfS2v0QqbB5l495ClvIZPWJYjxU4HUiTdtJhkam2ZQHD3XRLuGtKy5SXix0SgeOhQ/hacCT8P&#10;PIPftNfi/Z5dbMgX4RT5+f8AsdIWSZ5Hd3ZneRi7yOSWYk3JJPJJP1J936a6VtLtmmoKeDJ7vq5s&#10;RRzoJ6PE06hslVoRdWihf000D/ieeykXMSTWK+6aq8P9jpwJTLY+Xmeo2U3VUVVI+IxNLDt/AMwZ&#10;8XQElpyv6XrakgTVkgPI12jQ38UcYNvewtMnJ680lcDA9P8AP69JX3bpvpeYzaVLSUEG4N51c2Gw&#10;1QnlxmOgAORyQ5saWJ+Iac25qZQIh/usSt6fdC1cD/YHTqoBlsD08z1Bz+8KnKUow+OpYNv7Yhl8&#10;tNgMcToZhws1XK37tbU2AvJITb/daxr6fewtM8T1VpNWBgenSMLk/Tge7dU6XG2dltlKOTcWfrl2&#10;7s+kl8dRmahdUlRIL/5Nj4LhqqpaxB0+iMXaRhaxoz0wMnpxI65OB69c9x74Wqx521teh/u3tCNw&#10;zUETaqmudfpUZKcWNRKTyEFoo+FRfSG9+VKZOT1t5KigwP8AD9vQdlyf8B7v0107YHAZbcuTgxOG&#10;pJKysnN9K8LGgI1SyufTFDGDdnYhVH1PvTMFyetLVzRc9L+sz+J2JSz4TZVTHX7hniNNnt9RX9Nx&#10;pkpMQTYxU45DVNhJNclCqafbYUvluHp/n6dLCLCZPm3+boKSSSWYkkm5J/3s+3emQtOudNBU11TB&#10;RUNPNVVdVMtPTU8Cl3kdyFVEUXLMxNgPfutatRoOhzAxPSVMJpxQ5ztmpi1RUzfvUuCjkXhnt6Jq&#10;9lPAuQl7/osZ2f7X7P8AD0oxa5OX/wAHQDZHJV+WranI5Krnra6slM9VVVLF3dj+WY8n+g/AAAFg&#10;PboFOkbMWNT1B97610Mmwdg4xsZJ2B2BJJjtj46S1NTDioy1QL6aWlW6sYyykO4IvZgGULJJG070&#10;wOP+DpTDCCNTcP8AD0l9/b+ye+8nHPPHHjsNjo/tMBgKSwp6OnACqiKoVTIVUa3sL2AAVFVVsiaB&#10;/hPV5JPEPyHAenSD936b6UO1dr5jeWbpcFg6ZqirqG1SyHiOCIEeSeZ/okUYPJ+pNlUFmUGrMFFT&#10;1ZEMhoOhI3puzD7UxNT1t15UCWgYhN37tisJsrOBZ4Y3UnRQxklQqkh+QCyF3moqlu4/kPTp6Rwg&#10;0L+Z9f8AY6A7270n64lwP8T7917owezsFies8BS9nb3pY6zM1qeXr/aU9g0r2VkyM63usUdwyEj0&#10;gq4vI0VmWJkOkfmelMaiIa24+Q6BDcO4MvunL1udzlZJW5Gul8k0z/QD6KiKOEjRbKqjhQAB7dA0&#10;4HTDMXNT0y+99V6W2wdjZXf+4IMLjR4oVH3GUyMg/bpadT65XP5Y/RF+rMQOBqYUkcRivTkUZkNP&#10;29LntHfuJTH0/WfXzGm2ThGCV1bEQXylUjAtPLIthLEJF1A2Cu/rA0LEFbijPxNxP8unJZBTSvAf&#10;z6Aj2/0n66JA+vv3XujY7MxuO6O2Z/pH3VRxzb33DTtTbP2/Uf5yCN1v5JVHMTOrBpjw8cRWG6yS&#10;untMzeK2kcB59LEH066jxPAf6v59FbzWZye4crXZrMVclbksjUGpq6mS12Y/gAWVUUAKqgBVUBVA&#10;AA9qANIoOkjMWNT01FgPr/tve+tdC7071hV9k7gAqVkg2zi5FlzNUtx5PytLEwsfJKB6iCNCXNwx&#10;jDNSyaB8+lFvB4pzwHH/ADdLHvXtSmzTx7A2fJDDs/BaKaolorCOrlgAVEj0WT7Sm0gRhRpZhrF1&#10;WMisUdMnpy5nDdq8Oi0FgP8AX/p7f6R9YySxt/XgAe6hade6N1tLFY3ofZjb+3RSRz7/ANwU7U21&#10;8FU8PTI68l1+sblWDVDWDIhWAFXdwyZyZ20jh5npcqfTLqbifL/V/PoqeZzOQz2Urszl6qStyWRq&#10;Gqqupl+rM3+H0VVFlVRYKoCqAAB7VBQooOkbMWNT59NDNfkn34460M9dRJLUTRU9NFJNPPIsMMUY&#10;LM7sQqqqi5LMTYD6k+6M/p04sdehIyU0PXuPqtv4+aKfemTpzTbpytOysuOhcMsmJpZFuDUSKbVk&#10;yNx/wGQ28xdlav8AZ/h6UFhCKDj5n0+XQWM1hb8n2/hcdJTVs9YvdS9eHVglOPWNgXZUUFmJ0hV5&#10;JJ+gH9T7p06p09Cygj6so0lYn/SbkKbVFC4FsBTTJxI97/7lqiJgUX60sbamtMVCU+P7P8PTxPhD&#10;+l/gr/l6CCaZ5Xd3d3eRy8kjklmYm5Yk8kkm/PPtzptU8zx6jM1uPz711VuPXD1MfeiadV6E/au3&#10;cVisdHvbe8LyYJXZdvbfVvHPmamMi6rwWjx0Df8AAif6E/tR6nJAaJ1HH/FdKEQKNTfkPXpF7l3H&#10;k9z5Spy+TlV6ia0cUMQ0QwQp6YqanjHpip4U9KIOAPrckk3CUFOtElzU/wDFdJskn6+7AU63117a&#10;LV690otr7Wy27sqmLxSRJoiaryGRq28dNR00fM1VVSn0xQxLySeSbKoLEA6wMnqyqWPSp3XuvFY/&#10;FNsXYryrtxJVkzmclXx1ObqY/pNMP1RUMTX+2pr2UfuSXlPp2BpyePl8urM3kOH+HoKXJ45+v197&#10;T59N9YvemNT17riWA/1/6e69e6GrCYLGde4ek3pvWkirM9XwfdbH2TVC+u9/Hk8nHwVpEYXiiNjO&#10;w/CBiKfF08P0xnj5D/P0EeazWT3Dk6zMZismr8jXzGepqZzdmY/7YKqgAKoAVVAVQFAAvw6qFrk9&#10;NJYD/X/p791YsF6xFifr/tvfuvKa9K3Zey8zvnMpicSkcaRxmqyeTqjopqOmTmSpqZDwkaD/AGLH&#10;0rcn3pjp6cVdXSw3pu/E47FP151+8kW1qecNm82RpqM3Uxm33E5HKUaMP2IPoBZ2u540Fpk8f8HX&#10;mauBw/w9A0xNzc8A+7dMZJ6wl7/Tj37p3rh7917odtr7ewvXuCo+xd+0K12SrwZtg7KqhYVTKAVy&#10;Ncv1WhjZgY0IBmNiBoIJbY1x+09OgeGKnj5DoINzbmzO78zWZ7PVsldka6TXLK/0UDhY41HpjjjX&#10;hVHCgWHuhPkOmya5PSdLgfTn3rrXWMkn6n24poOvdK/ZGysvvvNxYjFqkMMafdZbK1FhT0VKnMtV&#10;UOSqqka3IBILGyjk+9F69WRNfS57A3zg8fiE6362M0G0qKXyZvMt6Z83Vra9ROQA326Mv7UfC2sx&#10;UWQJr4ft/wAHW3YHA4f4egO916p1737r3XC5YhEUuzHSoHNyfoAPyffuvDoyeIx9B0Xg6bdOfp4a&#10;3tDPULSbXwFSqsMPC40/fViMCRVNe0aEAizJ9fJo0Bq+zpSP0hXix4fLot2UyddmK+ryWRqp62tr&#10;Z2qaqqqWLySO5uzux5JJ/wCKDj3YmvVFWn2+Z6ge9dW66JsL+/de6GrrHYGLq6Gq7G7Ad6Hr3AS+&#10;mAW8uWq0IKUFOhKl1Y8SMCL8oGX9ySKrHyHV1AAqeHSN7G7Ayu/s2+Sqljo6CljFFhMPS+mnoqRL&#10;COGFBZQdIGtgBqb6AKFVdhadULGQ1P5DoOPeiwXr3XRIH19tkluvdCf1d1zUb/ytTNW1Iw+z8BCc&#10;hurcU3pjggQFjGjMNPnlVTpB/SoZyDpCtupXHTify6cO2OyYd1VFDgduUxxGwNrp9jtbCx6lDhQV&#10;NbUKfU08wuRruyBjcmR5Wbfw5PHpt314HAdAmzM5JY3J91qW69w64+6nHXuhO6r65qew868c84xu&#10;18NH/Ed1Z6VlSOmpluzASP6BNIFIW/CgNIw0offurotfs6eO3Ox6Xd1XQ4HbcP8ADOutoL9jtfEw&#10;hkWYoNDVsqt6mklF9Gv1KhJa0kkxayjzPW5H1Y9OgOklaRix4ufeia9N9YveuvdDx0v1zjc9NkN9&#10;72ZaLrrZq/e5aacHTWTRgMlGg/3YCSvkVbs2pIVGqUFfdOxKTnpK9ndiZHsvc9TuCvQ0mLpV+y2/&#10;iAfRTUqsdCWHpMr/AKpWH6m4FkVVWyimT1WR9R0joMJJSzFjyT/tveia9XVdIp1gZvybn3rq3RuN&#10;n0lP0J123ZObghPYm9KN6LY2Iq1DNS07qrNVSIfoSrLI/wCQhihJUzSAa6cXt6KhU1dTWVFVlMhU&#10;TVmQr6h6qepqGLPJLIxeSR2PLMzMSSfqT/j7cA05/Z0mY+Iaft6apTqNybkm5906cAp0vOstgZLs&#10;rd+N2zQa4oJW+5y1eouKakjI80x/GqxCoDw0jIpsCSNE06uoqehL787AxuVrsd1tszRBsXYKjHUs&#10;dObpVVkYMckxb/dixepEc3LsZZdTCQEaUefW5Gpjou0rCNfGp9TcyH/iPfnOnpuNdZqeHl1FAJIA&#10;BJJsAPqT/Qf4+2elPRzqlx8d+nFpUYU3anZ0WudlP72PowtrfW8bQRyFVPB+5lYgusAtf4R17omE&#10;KAkyP+hOTf8AJ9u9JWNMDiesckmtizcD6Af4e2WbUa9PomgU6NF0fi6HYm1tx977jp0ePDQyYfY1&#10;FPx91kJQYnlTkHSpYwgjVZTUNYGIH35cZ6ucDosOZymQ3Dl67MZOoeryWWrZK6tqJCSWklYu5/wA&#10;J4H0AsBwPegK9NBqVJ6gzsFAhT6L+r/H3dzTHVY/4j1DckWt+fbfTqtq6xe/dW6kMRBDb6SScn/W&#10;93+Efb0yO9vkP8PUIuT9OB7p091w9+6910SB9ffuvdYSbkn6e/de6xM4+g5/x9+691iLAfX/AG3v&#10;3XusRYn/AAH9PfuvdcffurKK9cSwH+v/AE9+6cJC9Yyxb/ig9+6bLFuuytgSf9t7rXNOnI0znrh7&#10;8y6ulBYL176cn34AL02Wr1hZgbW/Hupf062gr1jLAf4n+nuoUnp3rEWJ+v8AtvdemC1euvfutdRW&#10;a3+J9ustT1Z+PWIkn6+2zjqvXXvXVk49cC4H05Pu4SvVy9OsZJP193wvVMt117oXr1cJTr3vwSvH&#10;rxenDr67X8tb/t3P8A//ABSnqv8A94XBe4w3D/ciX/mo/wDx49TXtP8AuLD/AM0o/wDjg6Ot7R9G&#10;H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fMCyeWyGYrJshlK2pyFdO15aqrcuxtwBcnhVHCqLKosAABb3kOBTh1&#10;iQWLZPXsViMlnKxaLG0z1M5QySG4VI415eWaVyscMKDlndlRRySPfidPHraqXNB0p/v8LtP9vCml&#10;z+4FFpM/UR6qOlf8igglFqiRT9KiZNIPMUQIWY1oX44H8+r1EfDJ9fIfZ/n6RtVVVVdUzVlbUT1d&#10;XUyGaoqal2eR3PJZ3YlmYn6km/u9KdNk149dUtLU11TBR0VPNV1dTKIaemp1LyO7GyqiKCzMT9AB&#10;79WnXgK9CL9vhevyTkYqHce9U/RjHKzY7Fv/AFqipKV1an/HEEwRNfymVhoVvMnyH8z07QRccn08&#10;h0H+VzGRzdfUZPK1lRkK+qfXPVVLamJ+gA/Cqo4VQAqgAKAAB7uBTA6aZixqemv68n3vrXQoYfau&#10;K29jaXdm/wBJRSVUfn29tGJvHV5Lg6Jpj+qkxxYcy21yC4jH0JbLEmi/t9OnlQKNTfkPM9JDdG7s&#10;ruutjqa9oYaakiFLi8XQoIqWjgH6YaaFfSiAWueWb6sSfdlUL1R3L8f2eQ6S3u3TRanSg21trJ7q&#10;yS43GrEgSJqqur6tvHT0tOnMtTUyniKGNeSTyTZVBYgGruEH+rPWkUzGg/2B0qc7ufGYjFzbQ2O8&#10;qYyZfFuLcci+Opy7qTxbl6fHqf8ANwXBYHVNdiR7qqkmrfkPT/Z6fYhBpXh5nzP+x0GhYD/E/wBP&#10;bnTJYDrLR0dZk6ymoKCnmrK2smWnpaWnUs7uxsqqo5JJ96Jp03lzTodKqpxfSVGKPHtR5ftespiu&#10;QyHE1Pg45U5hg5KSV5U8tyFBIIKG0jIrN/pf8P8AsdKyRaigy54/Lov1RUT1c81VVTS1NTUytPUV&#10;E7F3d3JZndmJZmZjck8k+3+kZNcnrD7914CvQxddbCxtXRz7833I+O2Dh3N7krLkqhSdNJSqLM4L&#10;jS7KR9CqsCHeNqRzwXj/AIOlcMA+JuA/n0md/b+ye+8nHPPHHjsNjo/tMBgKSwp6OnACqiKoVTIV&#10;Ua3sL2AAVFVVsiaOvSSGQ/LyHSCJA+vu/TfTjhcPlNyZWhwmFpJKzI5CYQU1PF9SbElmP0REUFmY&#10;2CqCxIAPvROkVPW1UsaDoYt2ZvF9b4Or632bVRVeZrV8PYG66cczOPrj6V73Wni1MslrX5U2ZpB7&#10;ZVTIdTfkOlDsIhoXj5noBCQPr7f6TdYixP8AgPfuvdDf1xs7EYzFS9ob+iK7VxU2nCYmQevLVov4&#10;4o1JGqFHX1XGhirBv20l9tO1e0cf8HSiJAO9uA4fM9B1vTeWZ31nqrPZmW8s37dLSRk+KmhW+iCF&#10;STpRb3P5ZizN6mJ93VQgoOmncyGp6Sfu3VOnPBYXKbmy9DgsJSvWZLIziCmhX6f1ZmJ4SONQWdjw&#10;qgk8D3pmCip6sqlzQdD1v3P4zq/bcnU+zKoT5erUP2DuWHh5ZWX1UcTDlUUEqyj/ADcf7ZLSPMQn&#10;jXxTrb8h0okYRDQvHzPRavanpL1jL/0/2/v3XujCdQ7IxNBj6ntnf6GLae3yZcPRSrdshVo2lNCN&#10;byxpKAqjhXl4Y+OOQFiVie1ePSqGKg1twHQV7/31l+wdxVe4Mu+gP+xjqBWJjpadSTHCl7Xtclms&#10;C7lmsL2DkaCMUHTMkhkNT0hi/wCB/t/d+m+lTsrZ2X33uGi29ho7z1T66mqcEx08KkeSeUj6IgPA&#10;+rMVRbswBq7BBU9XRDIaDozfbW8sT1btWn6h2K4irXpANyZSIjyIkq3kRnXlqurBu5/3XEQqAal8&#10;bEa6zqPSuWTwRoX/AFf7J6JmXv8ATj2p6Q9cPfuvdGe6d2HicDiZu4ewgKbb+GX7nbuPnUFqqdTa&#10;OcIT6h5fTAn9uT9wlY0BdNM5Y6F4+fSyCIINbcPL/P0CXYO/cv2HuOrz2TYxox8GNoFJKU1OpOiJ&#10;Ppc86na3qcluAQA9GgjFOmJZTKan8vl0hvd+musbi+kDkngAe6OK9XQ06FBAvWlAszgf6Q8rSaqe&#10;M3DYOlmTiRhwUytQjegfWmiOo2ldfG2q6z8v8J/zdKGbwR/SP8h/n6Cp3JJZiWdjqJbkkn6kn26x&#10;09JgC3UdmA5J59tAaunSdPWIsT/gPboUDposT0K9FTw9Z0NNmslTmTsHI04q9tYmcKVxULi8eTrE&#10;YEGscXNNA4/bFp5Bcxr7Tt3n5f4el0YEIqfi9PT/AGegoqqqernnqameapqqmVp6qqqGLySO5LOz&#10;sxLMWYkknknk+7dNM4GW6i+3aACvTJkLnrgVuST/ALb2nZqdX6Efa+3MbR49N67ySRNswTtHisQh&#10;KVGaqY/rTU5/VHSRtb7mo+iD9tNUrWVrJx5/4Ono0HxNw/w9JbdW6MluzLTZbJGGMmNKWjoaRfHT&#10;0tNENMNLTRD0xQRLwAPqbsxLMxLyrpHVmJc1P5D06S7NcWH+392691w91LU690odsbYyu7ctDiMT&#10;ErSMjVFXVTkJBTU8fM1TUytZYoIV5Zif6KLsQCzw62qlsDpV7s3Vi8di32JsV5F25HMr5zOOuioz&#10;dTGeJpgCTHQxNf7anvYD92TVI3psO3J4+Xy68zeQ4eZ9egpZwP8AE+9UPHrXWFm/JPvwFevdYi5P&#10;04HvxFOvdDXgcDieusTRb33vRRZDPV8P3eyNkVY4f/UZPJpwyUaNzFEbNOw/CAkU+P7PM9PBfDFT&#10;x8h/q/1f5Aszufym5MpWZ3O10tdk8hMZqiomPJ/AVVFgqIoCqqgKqgKAAAPdvs60D5niek+XJ+nH&#10;v3VS9evKt+fx7915Vr0p9p7Ryu883BhsTGi+g1NfXznTBSUyczVVTISFjhiXkkkXNlW7EA6Jp08q&#10;+nS83pvXD4rDv1z1y8kW2IpA24txMNFTm6lODJIfqlEh/wA1F9Leprk+9AeZ68zBsDh/h/2OgWL2&#10;+nPu3WusDHg3+p9+61UDrD791voc9rbXwmxsLR9idiUa1ktWvn2Rsefh8g4sVrKxSCY8fGbEBh+9&#10;xwUKrLQmpoOnANGTx8h0FO7t15reOZq8/uCsaryFW/0HCRRi+iGFL2jhjBsqj/EkliSfFcUHTTPU&#10;1PSULE/639PdGFOtKa9cfderdKnZ2zs1vnNwYPBwK8zqZ6yrnOmClgW3kqamSxEcMYPJ+pNlUMxA&#10;PurKuo9CNvne+DwGBfrDraS+BV1O690gaZ81VJ9SG5KUMbD9tAbMPpdbtJamn/Vw627g9q8PM+vQ&#10;Ee69U64F1FwDcj8D37r3WMsT9f8Abe/deAr0ZHbGDxfTuDx/Ym86OKu3nlITPsTZtWLfbj6Lk8gh&#10;s6hTzEnBBsQRJ6oNAaungPCzxJ4DoAc9nsnuLK1uZzNZNX5KvnM9TUzG5LHi39FVQAFUAKqgKoAA&#10;HuxNevAeZ49MfvXVuve/de6FbrLrqLd0ldn9x1f8F2Btq1RuTNyNoLWAZaSlJB8lTNcCyg6Qw4Lt&#10;Gj6Py6sKcTw6i9odkSb1rqShxtKMLs7b8P2O1tuw2CwQqqr5JAvDVEwUFjc6RZAzep32F0/b59Nl&#10;vFz5DgOglZr8fQe6tw6t1iLgfTk+6BK8evdLDYWxs12JuOl2/h1Clx9xkK+UExUlMpAkqJSLelbg&#10;AXBdyqA3N/dyQvVlXV0J3Z++cHQYin6t68fx7IwsurKZJCPJma5WBeomkTiWnR1BT+yzKpUeNIbV&#10;GMnrzt+Ffz6LzLIXNybkm5PvQ7znqvDrCWA+v+29ugU690o9nbSze+9xY/bWBg8tbXSWaR7iOGIW&#10;8s8zAErFEpu3BJ4VQzFVLB49WVSxoOhr7S3Zg9q4JOm+vagNgsXLq3nuCKwkylepHkjLqTeGNwNQ&#10;uRdViU+OO77UefW5H0jSOi1yyaif6Wsq+/M2rpsCnUb3XrfS+636+y3ZO6KTb2MvDB/wJy+TZbpS&#10;UqkCSZhcBm50otxrcqLqLsPdXRNZ6EXuLfuIro6DrTYhWl682afCJoTf+IVaXElVI4AEqhy2hvpI&#10;zPNyGjC2UV6vLLTtH2dF6mlMjccIvCKP6e/Ma9aRNPWH3Xq/Rgekev8AFZJsl2RvfRT7A2R/llUa&#10;gXWtq49LR0yqeJVVimtP92M8UIDeRtPuroPM9B72Tv8AyfZe667c+ULQ0a/5Licde601KhJihX8F&#10;ySXkb+1IzEWFgLKPPpqR6mg6DaWZpGv9B9AP8Peia9eVdPWNElmljhhjkmnnkEUMUQLM7sQFVVFy&#10;zMTYAck8e9dW6OHnJ4vjv1am2KORB2p2LRCpztXCRrx9GdS+NWU3VkDNFGQfVN5pVa0aD3oivTp7&#10;B0TxP2UMjfrYWRf+J/33/E+70oK9Jj3GnUN35P5Ym59p349Kk4dGT+PGw8dXV2T7R3jpp9k9fo2Q&#10;aSoW8dRWxKJUjAP+c+3BWQqLl5GhjAbWR70OrVp0EvZO+sl2XvPKbmrtccdVL9vi6JjcU1HGSIIR&#10;yRdVOpyOGkZ3sNVve/iPVWbSK9IWeVVAhj5CfqP9T7cfh0xEM1PSl2Ds3Jdg7tw21caGEuSqQKmp&#10;tdYKdPVPO34tFGCQONTWUcsPbPSkdCz8g9542syuL622mVi2V1vB/CKRIjdZ61F8dRO7CwkMZBjD&#10;Ecv5pASJfez1p+HRegwhjMhF3YaUv/vf++/4n28iUFT0lJ1Y/b1AZubk3J590fHTgUnrEzavbfTo&#10;GnrJCoLF24SP1En/AHj24q0yem5H8h59RZZDK7OfyeB/h+PdGNenEXSKdY/eurdYy/8AT/b+/de6&#10;x+/de6xP9QPxb37r3WM/Q/63v3XusHv3XuuiQPr7917rGXv9OPfutg068FJ5P09+6sFr1z9Kj+nv&#10;3TgFOuDNfj8e9UzXrfWJm0/7H34GvXusRJP1PvzCo691jckWsfr7qEA6cTrF78Xpw62Xpw66JA+v&#10;trprrEWJ/wAB7917rA/1/wBh7Ude64e2tJJ691xf9J93ChevdYfdS/p04E9eve6hS3ViwXr3twLT&#10;pstXr3u3Vevrtfy1v+3c/wAA/wDxSnqv/wB4XBe4r3H/AHIl/wCaj/8AHj1OG0/7iw/80o/+ODo6&#10;3tH0Y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8xPDbeavgkyuSqRiNvUsnjqcrMuoySWv9vSQ3U1VUw+iAhUB1&#10;zPHHd/eQxamPPrEpUrk4Hr1ly241mpDhcHSnDbfDhpKYNqnq3U+maunAUzODysYCwxf7rQNqdvBf&#10;M8ets9cDA/w/b0lvdum+nfCYPJ7iyEWMxVP56mRWldmISOKJBeSaaViEihjXlnYhQPzew96J08er&#10;Kpc0HSvrdwYraFNPhdmT/eZSeNqbN71AKO4PpemxgNnpqS3DTcTT3I9EVlNApbJ/Z/n6cLBMLx8z&#10;/m6DJmLG5Ptzpnrr37r3QtUWJxXXVFT53d9EmQ3ZVwiq23s2qAMcCkeityyHkJf1RU/DOV/cAW+l&#10;snXgcPM9PhREKtx8h/n6DLNZvKbiydVl8zWS12QrJPJNPL/vCqosqIg4VVAVVAAAA93VQooOmGeu&#10;T01e99NF69KDbO2cnurJrjcasSaImqq6uqm8dPSU8fMtTUyn0xQxLySeSbKoLEA6J09WjhMh6U25&#10;9z4uhxjbL2W0qbeSVZMzmZF0VGZqE+kso/VFRRN/wHp72A/ckvIfTULU1PH/AAdPu4QaV4f4egzL&#10;k/4D3fpMXr13BFPVTw0tJDLU1VRKsFPBApd3diFVEVQWZmJAAHJP09+6qBXA6Hx2oukMWiqtPX9t&#10;ZiivJI2iWLA08q/pABZWr5UP1PAB/wCOfE7H9sfl/h6W4tB6sf5dF8mmmqZpaiolknnnlaaeaUlm&#10;d2JZmZjcszMSSTyT7f6RE16x+/dWCevQo9b7Bh3RLW53cVUcPsfbqipz+Xe667crSwGxLTScA6Qx&#10;UMvBd41ZqSTRgcTw6VQxBsnAHHqJ2L2BLvOtp6WgphhtpYRPtNt4CKypDEAF8kir6TPIBcnnSPQC&#10;eWbcaaOOT5nr0sviYHAcB0Gpf+n+39udNddwQT1U8NNTxS1FRUSrBBBCCzu7kKiKouWZmIAA5J4H&#10;v3XgK9GCyE8HSe3pcHQSxSdo7jol/j2SgIP8Ho5VDLSQurWWrlFmZ1+g9QNhExZH6pr5f4elZIt1&#10;oPiPH5DoujSE3te5PJPt7pJ1j9+690KXWOwYt21tZl87P/C9k7bj++3JlpCVBVfUKWFgLtNMB/Zu&#10;VXn9bRq7cj6cDieHT0Ues1PAceonZO/pd75WBKOnGL2vg4f4ftjCRWVIKdQF1lR6fNKFBa36QFQE&#10;hbn0cegfM8T1qWTxDjgOA6DYsB/ifbnTXXBVkmdI0VpJJGCRxoCSSTYAAckkmw/Pv3XujQAU/Qez&#10;lciKTtjeVB6QdLHEUTf4c/vEj/WaUW9SQHyJ/wC3PyH8+lf+46/0j/Lork07yySSyyPNNK5kllkJ&#10;ZmZjdmZjcsxJuSeSfr7UdJOsBJP19+690KnU/XEu/wDOO9dIaHauDQV+5cq5CKkSgt4Vc2VZJQh9&#10;R4jQNIb6QrNSyeGPmeHT0MXiHPAcepfb/ZUW8cjS4PARrQ7I2yPs8BQQDQkmhfH9y6f1KjTGDykf&#10;9GeS/o005PE9bnl8TA4Dh0DBJP1Pt3pjqRR0dVkKumoKGnlq62snSlpKaAFnkkkYKiKo5LMxAA9+&#10;Jp14CvR02bF/G3rwWFLW9l7qivZiHEbBfrb/AJVaItYf8dpSeQptGkIM7fIdL8Wy/M/6v2DoklZW&#10;VWQq6mvrqiarrKyd6mqqZ2LPJI7FndmPJZmJJPtWMdISa5PUb37rXQ39LdW/36ycubzitS7J2+/n&#10;y1XMTGlQ6DyfarISNKBfVO4N0jsLqzowZml0Cg4npTbw+Ianh/h6j909pf37y0OHwlqXZe3m+2wt&#10;JCvjSZkXx/cmMABV0jTClhoi/Cs7D3qGLQKnievXE3img4D+fQIe3+k3WMv/AE/2/v3XuhIxUFPs&#10;XGUm68vDFUbmyUIqdmYWpUOIEJIXMVcbAgorL/kkTj91/wB5gYo1EjLtqwOHn/m6Uxr4Y1Hj5D/L&#10;/m6DepqqisqJ62snlqKmqmaonmmJZ3d2LM7MeWZmJJJ/PPu6/wDFDpljU/4T1DYk3P8Ahx70Vrk9&#10;bDUwOo/uqmnV2Wo6FPDUFDsXF0e8Nw0tLX53IxCp2XtmqsygXOnK18X/ACrIw/yeFrGocaiPCpLU&#10;YmU0H59OoohGo8fIf5eg0yOSrcnWVeQyFVNW19dO1TWVlQxaSR3N2ZmPJJJ/4j3cppHTDyav8/Tf&#10;7r1QKW66JA+vvda9OhadCBtXa9DJjZ957taal2fjqj7aGmgYJVZWrADCho7/AKVAIM81iIkvpu9g&#10;Gm444/4OlMcQA1Nw/wAPTDuzdmS3bkVra4Q09PSwLQ4jE0Y001DSx8RU1NH9FRB9T+pzdmJJJ9+q&#10;E4dUkl1n7OA6SD/qPu6mo6spqOuPvx4db6fts7ay27stFh8NCjzMjVFVVVDeOnpoI+ZamplPpigh&#10;XlmP+AUFiqlqlMnqyqXNB0sd0boxOGxMuxNiTO+Gd1bcm5SuifMzp9Db9UWOha/ggv6v85Jqc+9g&#10;UyfyHp1tmHwrw8z6/wCr/V8wlcm31+p592B1HqnWL3pmrjr3WOT8e/R9e6GvAYDE9dYmj3vvejhr&#10;87XQir2TsmrHDj+xk8mnDJRowvFEbNOw/CAsGnOs46eUCPJ4+Q/1f6v8gS7g3FldzZaszWZrJq/I&#10;18xmqKmb8n6BVAsqIigKqgBVUBVAAA92K6emmYsanpi+vJ96611737r3Sn2jtbM70y8WGwsUesRt&#10;U1+Qqm0U9JTpzLU1Mp9MUMS8knkmyqCxAOiadOpVsDpa7v3fhsLh5evevZZP4BrU7l3Mw0VObqI/&#10;7Tf2osfE1/DDe1vW92JPvQHmf+K6uTUUHDzPr/sf6vtBwsT/AID+nu3XuuvfuvdYD9T/AK/v3TYW&#10;p6G7ae28DsvB03YvYFOtY9UDJsjZU3D5CRbaayrUi6Y6NrEXB839CpVZak1wOn8IKn8h0Fm6t15r&#10;eOaq87nKtqquq2tf6JHGP0QwpciOKMcKo/1ySxJOwKdJ2cnpMSfT/Y+/MadeC16wkgfU+2st1fC9&#10;KLaW1M5vfOUuA2/S+erqPXLLJ6YoIlt5J55LERwxg3J+pNlUFmVTagUVPXlrIaDoVd5b0wez8BP1&#10;j1nUCSilATeu84uJstOos8MLjlMfGSVUA2cXAJRnefRPmeP+DpxiANK8PM+vQAEgcn3TqvWMuT9O&#10;B7917rEAQWv+T791dUr0YvZu2cL1phaLs3sOkSryVXH9xsDZM9vJVSWDJX1akHx0sVwyXFySrWuY&#10;w2qasft6eqIhX9g6BTdG5szu/M12ez1ZJW5GukMkkj/pUfRY41+iRRr6VUcKBYe99MaiTU9Jn37p&#10;7rosB9f9t7917oRuteuq7sDKTmWcYjauFj+93RuOeyxUtOoLMAzelp5FU6F5ty7DSp96Jp1ZVr07&#10;9n9kUmdp6HZ2zad8P17tsCHD4+2l6qRQQ1dV/wBp55SzEauRqLN63b3tRpHzPTbnxDT8P+HoEyST&#10;c8k+/dW64v8ApPv3Xunbbe3MxuzN0G38FSPW5TJTeGnhXgCwLO7seEjjQFnY8KoJPtsv6dbVdRoO&#10;h+31uLC9XbaqOpdiViVWUqiP9I27abh6mcAq2PgcElIYuVkUGwBaM3d57+Va5PVnbR2rx9eixzOW&#10;IJP+w9+k6bAp1HYkDj+vvScet9Z8djq/MV9Hi8ZSzV2RyFQtLR0lONTySObKqj+pJ/1h9Tx7d4db&#10;Ar0aPcFbRdC7Sm2HgKqGfs7c1Gk29dw0bC+Np5FDLQ08g9SSFG4bhrEz2UtCEaA1GvTjP4IxxPRU&#10;3YGyrwi/Qe9Ma8OmAKdRD9T/AK/uvVunDD4jI57KUGFxFLLXZPJ1S0lFSwi7O7mw/wAFUfVmNlVQ&#10;WYhQT791sDUaDoze+8pj+m9oN1HtGsiqN4ZynWfsjcdIeY1dD/kMTcMAY30gcFYiWKiSdtGwK9Os&#10;/hLQceipzSLYQxn9tPqf9Uf6+9sfIdNRjNeoxIH1916eJp0uOuNh5fsrdVDtvFK0Uch+5ymQtdKW&#10;lRgJZ3/xFwqLca5GVbi9x7qq1kNOhN7s37iq1cb1ZsLTS7B2U32zSQm4rqyMsJah3FvKiOz6W+ks&#10;rSTEsGjK7A1dXlcIMfs6LnPKGtHH/m0+n+J/r72xr00g05PE9R/dethqno0vR+1cRtTCZHvTfERG&#10;G25qj2hj3sGra65jEsasPV45PREbECTXKdIguaMa46UIKZPRfd1boyu+Nx5bdWfm8tXkagzOovoj&#10;QemKCIH6RQxgKo+tgL3JJLqjpqR69JV5jK7MeAOFH9B70xrnryrTHT9tDauV3xubFbYwsfkrstVC&#10;BZGB0RIBqlnksLiKGMM7W5sLAEkAsHuOOlCig6ML3/u7E7Zw+H6L2VKv8D2tHHJueqitqqq4evxy&#10;lRpZkkJmmsSPMwSymC3u1K4HXmIX7eit3MEVzxLIOD/qR/xX/if9b3cDT0nLGQ/Lpv8AbbNXp5Vp&#10;0b/bwHQvT1Ru2Yfb9ldo032O24zxNQ44gOZ/6oxVlmNjfyPShluj20Fr1cnSOiiKvkYlySL6nJ/P&#10;5/3n3aNdRzw6Tu56iTz+Rzp4Uelf+K+/PJU46ukekZ6je6hSerlgOvAEkAckmwHt0AL00TXrLUOI&#10;0ECH/apCP6/0/wB9/h7o58uvRLXuP5dQvdCKdOF6dcH+g/1/eutKanrF79051wLgfTn37r3WJm/J&#10;Pv3XusLOTf8AA9+691iL2+nPv3XuuABY/wDEn37rYWvWQKBz9f8AE+/dOhadcS/4H+39+6t1jJJ+&#10;vv3Xuve6vw691idgbW/HusfXusRYD/X/AKe7Fqde6xM1+TwB7bJLdbHWIv8A0/2/uwT16uE9esfu&#10;h49UPHrokD6+9da6xMbnj/W9qOvdYywH+J9+691iJJ+vvTCo62poeuvdQlOPVi9eHXvd+qddEgfX&#10;37r3WMuT9OPfuvdfXe/lq/8Abub4Bf8AilHVX/vC4H3Fe4/7kS/81H/48epw2n/cWH/mlH/xwdHX&#10;9o+jD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mD5nOV2cqI5aoxxU9NF9tj8dSjRT0sINxFBGCQi35Y8u7EvIz&#10;OzMchwKdYks5f/N5Dpn976r0/bf27kNx1clPR+KGnpYTV5PJVbaKekp1IDz1Eh4SNb/QXZjZUVmI&#10;Bqzaerohfh/xXT1n9zUFJQT7U2aZ4dvu6NlcrMuiqyssY4kmH6oaNWuYaa9l/XJqkPp0q1yeP+Dq&#10;zOANK8PM+Z/2Pl0H/u/TXXRNuPqT9APr7917oXaShpusKGjz2dpYavfOQgFXtvb1UAyY2M/oyNfG&#10;frUE808DCykeST1AKrRPiYHDzPr0+B4IqePkPT5n/V/sBRkcjXZeuqsnk6qaur62Yz1VVUNqd2P5&#10;J/w+gA4AAAAAA9uAUwOkryVPUL3vqgBbp4wOCyW5MrSYfEweesq30gtwkaDl5pXsRHDEt2dzwqgn&#10;3pmCip6eji1Gg6Vu6NwYzE4x9j7OmE2LWVZNybhjur5eqjva35XH07k+CP6Mf3WuxBFVBOT+Q9Or&#10;SShRpX8z6/7HQYMwH15Pu/SXrGWLcf1+gHv3XujBYmkpOmcBT7oy9PFUdk5+kL7VwtUoP8LppAy/&#10;xCpjYECduQiMLjlbX8oRhv1jQcBxPr8ulqgWq6j8R4D0/wBX+x0AlZWVWQq6mvrp5aqsrJ2qaqpm&#10;Op3kclmZifqWJv7fAp0loXNT1G9+6cC06W+wdj5DfmeixVIwpaGBPu81lpQPFSUy8vK5JC6iBZFJ&#10;GpvqQoZhR30Dp2KMyGn7elL2ZvrHZCOj2Rs1XpNibbPho1Fg1dOtxJWzkAatblil+TcyMAzBUpGl&#10;O48T/Lq8sgPavAfz6Bwkn6+3umOuvfuvdD7tilpOp9s0/Yebp4aneWegePr/AAdSLinjZdL5WoQ8&#10;2Ab9peLgi3L6oWCfFOkcBxPSpB4A1nifhH+XoBK6uq8lWVWQr6iWrra2oeqqqmclnkkkYs7sT9Sz&#10;G59vgU6TE6jU9RffutdKjZu0crvjcNBt3Dx3qKx9U07AmOCFeZZ5SPoka/7FmKot2ZQauwQVPV0Q&#10;yGg6ETtDd+KpaKk6y2TJp2jtyW2QroyNWUr1P7tRIy8SRK49H9ksNS3RYtNI1r3Hif5dOzOB2LwH&#10;H5noDS5P+A9u9J+uPv3XujE9Z4HFbH29N3FvOmWaKmc02xcJNYNWVvqC1FiOEjKnQ1jbS8oF0j1s&#10;yNqOkfn0qiURjW35D/V/q8+gK3HuLKbqzWQz2YqDUZDJVBnnf8D8LGg/sxxqAqr+FAHt1VCig6Ts&#10;xc1PTH731Xp/2vtrKbvz2P29hofNXZCbxqTfRGg5kmkIvpjiQFmP9BYAkgHTNpFerIhc0HQ69s7n&#10;xWx9vwdMbHnBp6S0u9sxFbXVVTBS9OzAnksAZgCdICU9wEkQsxrqOo/l0qncRjw1/M9Fj9v9I+uJ&#10;YD/X/p7917o4fUGz8T1ttSp7k34hilFJq23jpAPIFmGmNo1axaprAbR/QJCS7HSz6EsrmQ6F/Ppb&#10;CgiGtvy/1fPosO9t45ffe46/cmZkvUVb6KemQkx08C38VPED9EjB/wBdmLO12ZiVCroFB0lkcyGp&#10;6Snu3TRanS7626+yvZO5afCUOqnoo7VOYyZF0pqcHlv6NLJ+mNPqzcmyK7LSRxGK9PRRmQ0/b0N3&#10;d/YGL29iYOm9g2pMPiIhS7iq6duZGXlqTWP1Ev66lvq8h0E2EisxChY62/LpRPJoGhfz6KYXA/xP&#10;tV0j6xEk/X37r3Qg7cxONw+MXem6KaOrofK8O2dvzG38TqkuGeUBldcdSPYzMB+69qdDcyMjbMWO&#10;kfmfT/Z6eRQo1N+Q9T/m6ReazFfnsnV5fK1L1uQrpjPUTPYXJ+iqosqRooCoigKigKoCgD3sKB+X&#10;VC5apPn01Ek/X3YmnHqoFeuJ+h/1vbbPXp1EoehE2/h8dtvEwb43ZSpVJOzf3O2xUqbZKaM2NTUr&#10;wRi6Z7avoahx4kOkSENfGaD8z6dKWIRdR/Iev+x0gs1mcjnsnW5nL1LVeSyEpmqJmAA+lgqqoCoi&#10;KAqqoCqoCqAAPahV0ig4dIncuanpp90c+XV0Xz697p1fpdbQ2pQ10FVundlRUY3ZWIm8dVUQAeeu&#10;qLakx1AGI11Eo5d+VhS7uRxejN5Dj07Gn4m4D+fTNuvddbumthlkhhx2Kx0H2OBwVFdaaipgbrFE&#10;p5LN+qWRrvK5LOfoBr4OHHrUkpl+zyHSSL/0/wBv78E9evBPXrEzAfU3Ptzh05w6eNubdzG7cvTY&#10;XC03nq6i7sznTFDEvMk88h9MUES8u54A4FyQDpm0ip62qljQdLndG48VgMO+wdkVS1GMZlbde5ol&#10;KSZipQk6VNyy4ynJtDHwJCDKwYsGNFBbJ/IenVmenavDzPr0ErMB9eT7qFLdU4dYixP1/wBt7sw0&#10;jr3XXtvr3Qxbfw2L2DjaLfO86OCvy1ZD91sjZdWL+c/RMnkU4KUEbC8UZs1S44tECxrUtgcPM/5O&#10;nRSMajx8h0FG4s/ltzZeszWbrZq/I18pmqKiX8n6BVUWVERQFVVAVVAVQAAPb6U6bJLZPTJ71J1r&#10;r3tvr3Sh2jtHM72zMWHxEceoRtU11dUnRTUlMnMtTUyn0xQxLySeSbKoLEA6Jp1ZELnpebt3bh8N&#10;h5OvevZJBt8SK25dyMNFTm6lP7Tf2osfE1/DDex/W92JJ8PX/UOn6ilBw/w9A45BPH9Pe+tdcCQP&#10;r7917rGXJ+nA9+690Ne0tp4TaeEp+x+x6bz0U132bs1zpmy0y2KzzqQTHjoyQWYi0gI4ZWRJqk1w&#10;OrYQVP5D1/1f6vmFu7N15jeecrM/m5xLV1TAJFGCsUMS8RwQJciOGJeFX/XJJYknYGnpgkyGvSb9&#10;76uFA6wSvxYf1+vvRFeql/Tp+2jtHOb5z1Ht7AUpqa+rJZne4jhiUjyTzPY6IYweTySSFUFmVTok&#10;J1pEMh6FreW7MBsXb9X1j1xUrV/dWj3zvaOwkyUq/qpaZwTooIzdfSSJBcAsrO89Dx+fl8un2YKN&#10;K8PM+vRe2Yjj8nm/upFOqA164AFjf/efeut9ZAoX/ip9+690PWyNn4PaG34+0uyKUT0jvq2Ps2os&#10;r5adbMtRMpDEUERIY3XS4sSGVo45/celAOkVP5D16Cbee883vjO1Wfz9UamsqDoiiS4igiF9EEKX&#10;IjijB4FySSWYs7Mx2T01QuanpIlifr/tveurgBeuvfuqF/TpZ9e7Ay/Yec/hePeKioaSE1+dzdZx&#10;T0VKv65pWJUE2voS4LEG5VFd10TTp9V1dLjsvf8Ah0xcHWvXifZbFw84errkuJsxVqAHrKliAzRl&#10;hdEPHCsQFWJItgU48eqFtWBw/wAPQDs9+P8Ae/fut9cPfuvdSaKgrcrWUuNxtLPXZCunWmo6OmUv&#10;JJI5AVUUckk+6tw62BXA6Mvl6yg6C21UbVwdTT1fau4qILuzP0pDjFU0gYrRUkgs0dQQQSw9V7TG&#10;3+ThKqlcnh1Z38IaRlj/AC6KvJMXYsSWZjck88n+p/J97L04dNqKdR2b8k+2ya9b6xeqRgiqWLNZ&#10;VUXJJ4AA/JPuycevdGuwdBR/H/acW6cxTwVPbW66Bl2vhqlQxxFLJ6Wq6iNidMzD8FdWr9jgfcW3&#10;XWenTSMVPHormSyVVkauqra6pmq6ysqHqqyqnYvJLK7Fnd2PLMzG5P8Axr3pjTA6ZGcnj01lif8A&#10;Ae6db6xFudKgkk2Hv3XujbYSkpfjzspd1ZeCGbt7eVE0O2MRUqrNiaRxZqmaNgdEpBuwYai2mnAC&#10;rUn34CvT4IiFTx6KnXV9TWVFVVVdTNVVlbUPV11ZOxaSWV2LO7uSSzMxJJJ+v+N/dydOB0mFWNT0&#10;2F/6f7f3Tq4NOpGPoK3LV1JjcdTTVuQr6lKSjpKcFnkkkYKiKB9SzG3v3W1Ut0a/d9dSdC7D/wBG&#10;236mGXsbd1KtVvnM0hBakgdDppYnHqQlHKx/2ghknshmiIqvcelBpEOikSyCNTDGeT/nH/4ge3W7&#10;cDpMKv3H8uoJYD/E/wBPdOthS3Qn9Rda13aG7IMUC9Lg6BRkNyZQcLBSqeVDkFRNPYrGD/tTkFEe&#10;2j08qgdKjvPsik3nmaHae0ljo+vtmp/DcDT0vEUzRqI3qwL8pYaIbknx+vhpXA2q163I9BjoBKiU&#10;G0Mf+bj4v/U+7MfIdUjjJyeohNhyePbTivSigXo521Yaf49dVT77ycMP+kvf1L9ltagqBd6SlYK4&#10;d0PI0grNMD9W8ELaWLe6qOtsaDonXklqp6jI10sk800zVE80xLPJI7FmZmNyzMxuSeST7eWgyeHS&#10;ZiSaeZ6hSSNIxZvyeB/T2ySXPT6gRjobuieuqbe255stuDxwbJ2dB/HNz1dTdYmSMM8dMzfgS6Ga&#10;T+kKSchit/FdPW1OrpNdudjVXZu9a/OaXixcP+43b1CeBDRxFvHdRwJJSTJJ9bM5UHSqgW1U6q2c&#10;ngOgzqG8cXiB9R5cj/evemOkU6bjGo1/Z03+9IOnXPXAvb6c+7F6cOqhK8es8IEaGofk/piB/r/v&#10;v+J9+UefVJDU6R+fURmLEsxuSbk+9hadbr5DrEX/AKf7f3RzXq4T16xM1uTc+606uKDHWIsT/rf0&#10;96631x9+691if6/7D37r3WM/Q/63v3XuuAT+v+29+6cCevXIsB/j/gPfurFgOsRYn6/7b37qqtU9&#10;de/dOdcS4H+J9+691iJJ+vvTCo691wckDj+vtsjSOvdYffglevdY5Px7vheroadY/dC9evF69cGe&#10;3A5PupFOqdYySfqfeutgV6xOT9PwR7eU6utdY/duvde9+691737r3WMv/T/b+/de6xMwH1Nz7917&#10;rEWJ/wBb+nv3Xuvrzfy0/wDt3L8Af/FJ+qv/AHhcD7ivcf8AciX/AJqP/wAePU4bT/uLD/zSj/44&#10;Ojse0fRh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y7/eRHWI/T1t7AV25ciKGi0RQwxNWZLI1HEFJTR8zVM7/R&#10;Y41/2LGyKCzAGrNp6siFzT/UOnrcu5aH7Fdp7TWam2tSzCaqqphpqcrUpx93V25WNefBBfTEvJvI&#10;SRpV8zx/wdXdxTSvD/D0g/pyfd+musZf+n+39+690LOEx1BsHD0u89x0sNbuLJxGbZO2qoXCDnTl&#10;q6Nuft0YXp0I/eYauFGsNt3mg4eZ/wAnTwIhGo8fIf5egvyWSr8vX1WTydVNW19bMaiqqqg3d3P1&#10;JP4A+gAsAAAAAAPdwNOB0kZjIanqF731YJTj1lpqeoraqnoqOCWqrKudaampoAWd5HYKiKo5LMxs&#10;APz78cdbrmgyehL3DW0+wsTVbJw1TFNuHIR+LfecpSDo5BOGpZF/3REwH3LKT5pBoJ0IV9tL3mp4&#10;eQ/y9OyP4Q0Dj+I/5OgiLk/Tge3eknXD37r3Q37BwOL2phG7T3lSpUUtPKYdlYCfg5GuW+mZlIJ+&#10;1p2Fy1iCwJ50qsjLtrOkfmfQdLIIwg8RvyHQU7gz+U3PmK/O5mpaqyORmM08h4A4AVEW50xxoAqL&#10;/ZUAe3VGkUHTbVc1bj0ze99e6ccRichncpQ4bFUz1mSyVQtLSU0f1Zm/JJsFRRcsxIVVBZiACfei&#10;QoqetqpY0HQ17/zOP68283U+06pJ6+YLL2Fn6bg1FRbmhjawYQxA2cfgftt6jOCzGDIdR/IdKJWE&#10;Y0L+Z6L37f6TddFgPr/tvfuvdCz1ptXGTxZDf+8UK7J2oweSnP1yNbYGCgiB4fUxUyfjSQrWVmdG&#10;pH/COJ/l0/Eg+JuA/mekRvPd2U3vuCt3BlmAmqSI6aljJ8dPAlxFTxD8Rxqf+QmLOfUxPu6IEFB0&#10;3JIZDU9Jb3bqnWSGKWoliggjeaeeRYYYYgWZ3YhVVVHJZiQAByT7914CvRh9wVEXTGzDs/HSR/6R&#10;N4USVO7cjCQXx1G4ulBGwvpkkUkMQb8u4NjAysj9Q18hw6VN+gukcTx+XRbPb3SXrokD6+/de6FT&#10;qfYKb2zU9XlpPsdnbch/im58pKdCCJLuIA/9l5ghufqsYdvqFBalk0D5nh09DF4hzwHHqH2p2DJv&#10;3PI1HH9jtfCQ/wAM2viUGhIaZAqhzGLKskoQEgD0qEj5CAnccegfPz61NJ4hxwHDoLyQPr7c6a64&#10;gvIypGrMzsFVVFySeAABzcn37r3Rs6dIfj716a6UR/6Vd80vjpoZAGbG0v1LMpuAYSQWvw9QVUq8&#10;cLH2mr4zY4DpbQWy/wBI/wAuilSzSSySTTyPLNM5llllJZmZjdmZjcsxJuSeSeT7U9Iuo5cn6ce/&#10;de6MD0N1ZFvHKybm3HGsWz9vSeadqmyxVM8YEniZnsop4ls8xPBGlLEM5RiaTSKDj0pt4dfceA6a&#10;u7u037Dz4o8ZI8e0sFI0GHgF1E7/AKXrHU86pPpGDysduAzvfcMegZ4nqlxNrPyHQIe3ukhevTvt&#10;/BZTdGZoMDhKZqvI5GcQwRjhQPq0jtzpjjUFmb8KCfemYKKnq0cJkNOjhbvzmI+PWwYNl7Yljk3z&#10;n6fzVuTUDyR6gVkrX/VpI5jpo76VsXJYo3kRqpnap4DoydhbrQcf9WeiNSSvK7O7Mzuxd3YklieS&#10;STyST9fa3pBx6x+66qmnVtNBXpa7W2/Qz09TufczTU+08PMsVQsJCzV9URrjxtIT/u2UC8sgBEEV&#10;5Gu2hX0zeQ4/4OrxpUam4D+Z9OmLcu5K/c+TfI1oigjSJKPH4+lGmCkpohphpqdLnRFEnH9WN3cs&#10;7Mx8ECinVXcyGv8ALpP+9nh1UceuJYD/AF/6e2wC3TpIXpfbYwONpsc29d3oTtylnaDFYYOY5sxV&#10;oAft4WALJSQkg1U44Vf2kPlcadMaYHHzPp1dFqNTcPIfxHpKbj3Fkdz5SfL5ORGnlAipqeAaIaeB&#10;BphpqeO5EVPAllRB9AObsSTuNacOm5GLmrf8V0nvbhYL1QLXrokD6+2ia9OgU6W+0tqRZmCu3Bna&#10;qXEbLwTqMxlY1BlmkbmOgoUbiWtn/APoiQmWUhQA1GamBx6djTVk4A4/5h1B3lvCXc9XTLDRxYjA&#10;4mA0O3NvUjEw0dPe55PMtRM3rmmb1yvyeAoXyrTrTvr+wcB0iCxP1/23u3VwAvXXv3VC9eHTtt7b&#10;uV3VmaXCYaAT1tUSdUjBI4o0GqWaaQ+mOGJAWdj9AOLmwOmbSKnp2NS2B0u9ybjxG2sRUbF2LU/c&#10;UlRZN2btQaZctKv1hg/tRYuJrhEveY+t7qfVRQTlvyHp1Z3C9q/mfXoJvryfei9ek5b06j+7F6dP&#10;ddEgfX22TXr3Qt4PCYvZGKo96b0o4q3JV0X3Wy9l1X/KR/qMjkU4ZMejC8cZs1UwtxEGZqjux+09&#10;OYjyePkOg0zudyu5crWZrNVktdka6Xyzzy/7ZVVRZURFAVVUBVUBVAA92+zpskk1PHpjf6/7D3dT&#10;Qde64e6s2rr3Sn2ltLMb0zEeHw8cYYRtU11dUtop6SnTmWpqZT6YoYl5JPJNlUFiAaE06djj19LP&#10;eG8MLg8RJ1919LIMB5A249xldFTm6hONbfmLHxNfwQ3tb1vdyT70B5nq7OBgcP8AD0D2ssP6D+nu&#10;3Wga9Y2Yjgf7f37rfWL37r3Q37S2lhNpYSn7I7HpvPQzXfZuzZDpmy0y2KzzqQTHjoyQWYgiQW4Z&#10;SiTULVx+3q2EyfyHr/q/1fMMN37vze983U53O1PnqZv24IYxphp4Vv44KeO5EcMYPA+pJLMWdmY2&#10;Apw6bILmp6SpYD/X/p7314sF6xFifr/tvfumyS3T7tra2b3lmqPb+36NqzIVj8D6JGg/XNM/0jhj&#10;HLMfp9BdiAaOaDpyOLUehV3TunB9f4Sr6766rEraqtTwb531Bw9e44eiomBJjx8ZupIP7vPJQs0u&#10;gnn1Z5Avav5n16AT3cCnTOW66Kgm59tvx6cUU64lwPpyfdOrdDvsDZeDwGHTtDs+A/3ejJO09sOQ&#10;s2ZqlsVPjYH/ACFDYszeluCdSWSWvxYHTyoFy35D16Cze++M7v3O1GczdQGkf9mkpIbrDTQKT44I&#10;EuQkSA/4liSzFnZmN+GB16mrJ6R3vXWi9OuiQPr791TLdKvZGy852BuCm2/g4lEkoM1bWzXENLTr&#10;byVE7j9MaD6D6sxCLdmA96Jp06kfQm9h76we28D/AKKes5w+34CP71bmjAWXMVan9w61J/yNCAFA&#10;NmACqTEoaTwFMnj/AIOvM+vA4efz6LySTyTc+99b669+6913EktRLFT00Uk9RPIsMEMKlnd2IVVR&#10;QCzMxNgALk8D37r3Rn6OHH/H7bi5SuWmrO4txUJ/h1JJokGBpZVKmV1OtTVSqbcjnlBeNZPLQDXx&#10;4Dq7HwR6seHy6K5X5CryVXU1tbUTVVTVzvU1NROxd5JHYs8js12Z3Ykknkk+6s2rA4dNKun7fM9Q&#10;vewnr1brHJ+Pfn690ZfrfauH6525D3Fv+lSeeRiOu9qT2ElbUabpWyKQ2iGO+pGZToH71ixpw9QO&#10;nQNA1H/V/s9APu7deX3dnMhnc1VtV5LIS655TwqKOEhiX6JFEoCqv4A5JNyXQKdMVLmp/LpKe6Fa&#10;nq3XRIH192AC9e6Mt1PtHC7MwL919hQ6sdQvbYuAk4kyNd6vHMFIN4o2X0GxFw0x9Ea+Rkmp6eRQ&#10;vcegQ3pvHM7yz+Q3Hn6j7jKZJ9WhbiOCJeIoIVJOiKJeAPqTdmJZmY3+D7emGPiGvl0iiSx5/J90&#10;631yK2Uk/X37p0JTj0bHYeLx/R2yf9LO6qSKo3puCnej6927Vgho1kSzVcq8MuqNgzEWKwsI9Qeo&#10;svunv7MVPRX8vlchla+uzGXq5a7M5WpesraqYgsXcksbDhf6BQAAAAAAAPbnwD59ImJkOemJjwT+&#10;bXv7b6fTh1JxOKyOdydDh8TSS12SyVSlHRUkIuzyObKObAD8kkgKLliACffut6q4HRrux8rQdK7C&#10;g6c2tUxT7s3BCtf2FnKXhgsqAfao36gJV9KqbFILsV1VBYaGenWbwxT+fRR5W8EfjX9bf5xh+P8A&#10;D24e3H7emIh4pqeHTcXt9OfdOlJenDownQHW9BubK1+993+On2HshDkcnPVj9qoniXypTm/6o4lH&#10;klABuNEZH7otVj5daUVyekT2t2FX9pb0rc7P5YMZD/keDoJDxT0iElLgEjyykl5Dc+trA6VUDSqS&#10;aft607hRX9nQa1EoYiOP/NpwLfn/AB9uPnHkOm07c+fWTG46uzGQosVjKaWsyGRqkoqKlhF2klkY&#10;IiKP6sxH+A/PHuvDq3xHo0Xb+ToeqdhYno7blTDLl62JM32PlKU8yTSBHSm1CzaWKqbEAiBIQb+R&#10;/bRz0+O0dFRjAijMrD1HiMH24q6eksj6zpH59RJGve5uxNz7aJr06g6iv+Pfh04eu4YjK4UcD6sf&#10;6D3cJ69NSS6RXrlUSB2CpxHGNKAf737sWA6aRaCp4nj1Ff6f7H22SW6dQ06xe7hKcetl68OsbkfT&#10;8396c+XW0Hn1iJA+p9t9OdYy5P049+691w9+6910SB9ffutjHXfv3T/WA/U/6/v3Teip669+6uMd&#10;dH6H/W9+631g9+6910WA+v8AtvfuvdYma/8AgPfuvdYS/wDT/b+2y/p17rH9eT7qAW691724Fp17&#10;rAfqf9f3WTq6rXj117qFr1csF6wEk/X8fj26BTpnrr3vr3XEsB/if6e/de6xM1+SbD37r3WEvf6c&#10;e/de64e/de697917r69H8tP/ALdy/AH/AMUn6q/94XA+4r3H/ciX/mo//Hj1OG0/7iw/80o/+ODo&#10;7HtH0Y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8v3C4fI7iylJiMZEJqysk0RhyFRFALPJI59McUSAs7HhVBJ+&#10;nvIdmCip6xJVS5oOlXuXOY/H4/8AuZtOcyYWGVZs5mk1K+Xq0A/cYHlKKna4p4vzzM95GGiignuP&#10;Hy+XV3YAaV4eZ9T0HZcD6cn25011jJJ+vv3WiadCds3A4zG42XsDdsCz4PH1H2+CwsvBy1evKwi4&#10;P+RwEap3sVNvHZiSvtp2JOkcfP5DpyMADW3DyHqekTn8/k9zZaszWXqDUVtZJqYjhEUcJFEtyEii&#10;Wyoo4CgD/H24qhRQdNNWU1bplJA+vvfXqhesTOT/AID37pstXoVqB1622/FnHCjfm56Itt2Fx6sX&#10;jpVZWyLA/SrrFutMPqkeqW/qUe2j+oaeQ4/M9KB/i61/EeHyHr0EDMzsWZizMbszckk/X270l669&#10;+690JXWuyqfdORq8jnJzj9m7ap/4nufJMSoEQuUpoyPUZqgqVUL6rBit30qzUr6cDieHSmCDWatw&#10;HHqB2Fveo3vmxVJAuPwmNgGM25hoQFjpaSOyxoFHp8jgBnI/NlHoVQLRpoHz8z1eWTxD8vIdIT3f&#10;pvrGX/p/t/fuvdGKw6x9M7IG56uNf9I+9qFodtU0oBfG0Dgaqx1N9M0gsVB5voS1hOvtO36zU8hx&#10;+Z6VKPAWv4jw+XRc5ZXld5ppHkllcySSyEszMxuWYm5LE8knkn2o6S9YS/8AT/b+/de6U+ytpZHe&#10;+46Db+OIjapcy1lY4ulPTpzNUScgaY1+gJGpiqAgsPdXcIKnq8aGQ0HSt7P3djslNj9nbTvDsfaK&#10;mkxaob/eTi4nyEpFg7ysW0E/2SWGnyMopGtMnienJpK9o4DoJ/bvTHXAuB/iffuvdD91rjKDY23a&#10;ruDdFKs8sEjUGwMPUiwq60hgaoj6+KnINm/GmRh61juxIS50j8+lUS+GNZ/L59AZlcpX5vJV2Xyl&#10;RJV5DI1LVVXUSfVnc3P+AA+gA4AAAsAPbwFMdJmYsanpsLgfTn3vrXTlg8Lkty5jHYPEwGpyOTqV&#10;paWL6C7fVmP9mNFBZ2+iqCx4HvTMFFT1tVLGg6HXtXPY7ZW36TpraNQHp8ewq98ZWH0mtriFYwsQ&#10;T6IyFLrc6SscV7xOCxEus6z+XSmZhGNC/mei4FwPpyfajpL1jJJ+vv3XujKdJ7OxmKoMh3DvVDFt&#10;va4abCQSAXqqtDpWSNXKh/HKVjh5s1QR6h4jdmVq9o8+lMCaRrPAcOgT3zvTKb73Jkdx5RiJqyTR&#10;TUoYslNAtxFTx3A9Mank2GtyzkamPtxECCg6ZkcyGp6RxJP1926p0t+vdjZPsHctHgMcHjiYifJ1&#10;wXUtNTKQJJSOAW5CopIDOVBKrdhR3CCp6cjj8Q0/b0YTvLe+M2lhKTpvY7CmoaClWLcU8B5Cn1ij&#10;1i2qSVmMtS1rsWCsSWmX2zCuvuPT91OIx4afn0UIsB/r/wBPanouCluvRRzVU0VPBG8008iwwwxA&#10;szuxCqqqOWZiQAB9T7904q06PHtDCYb4/bDrN5bljiqd35aAQUtICNTSsNcNDC3P7SFQ88g9JKll&#10;EgigZ0jHxjQcOjNALVNTcf8AVjolO49wZXdWbyOfzdU9XksjUGeeU3sPwsaKSdEUagKijhVAHtSA&#10;EFB5dIGYyGp8+mMkD6+2yS3TgAXpT7V24dw1VTNV1QxW3cPCK3cWckUstPAWsFRR/nKqoYFIIvrI&#10;/wDRVZl8ez7TwHW1HifIDieuG6tzfx+elpqGl/he3cNCaPb+FVgwgiJ1PJK4C+aqqH/cnlIu7mws&#10;ioq3VdGTx8z1V38Q0GAOA6SZIH196Hdk9aPbgdYy5P04Htzpvpb7S2zRVsFXubc0stHs/DTLHWyQ&#10;sFqK2oZS0eOoQwOuolAu7W0wRXkcj0hm3amBx/wdPRx1GpuA/mfTpp3Vuis3RkBV1EcVHQ0kAoML&#10;hqYnwUVJHfxU0IP1CA+pz6pHLO5LMfddIXHn/hPW2kMmeA8vkOkoTc397I09VB1dYy4H05906v0s&#10;NobTG4ZarJZarOH2lhQs24c64uI1P6KenU/56tqSNMUYuSfUw0KT7qzU+3p2OPXk4A4nrreG7RuC&#10;Slx2LpP4NtLCBoNvYJDcRoT6qioYH96tqLappSSSfSp0KB78q0+3rUj6sDAHAdIQ/U/6/u3TfXEs&#10;B9f9t7914mvTrgMDl91ZakwmEpHq6+seyRrYKqgXeSVzZY4o1uzuxCqBc+9E6c9WVS5oOl/uDcGI&#10;2jiKvY2x6pK161PBvPeUPDZBh+qioj+qPFxtwTwalhqb9uwagGrJ/IdPO4jGlfzPQRswH1PJ93PD&#10;pgLXrEWJ/wBb+ntjp0KF6wl/6f7f24E9erdC9gsFitj4qj3tvajir8nXRfdbK2XVf8pH+oyWSThk&#10;xyMLxRmzVTD8RBmbROvA/M9OYjyePkOg0zudyu5crWZrNVktdka6Xyzzy/7ZVVRZURFAVVUBVUBV&#10;AA92KhRQdNk1yemj2102X9OsT/X/AGHv3W04dKrZmzMxvjMJicSkcaRxmqyeTqjopqOmTmSpqZDw&#10;kaD/AGLH0rcn3omnTqJr6V28d4YbD4mbr3rqSUbd8obce5XGipzVQn0Z7cx0ERv4Yb2/ttdiT79S&#10;nHj/AIOrNJjSvD/D0C+kkk/Tn6n3vqoWvWThR/h7907hR1iY3N/fuvA16GzaW0sJtPCU3Y/Y1N56&#10;Ke8mzNmSHTLlplsVnnUgmPGxkgsxFpBbhlKJNQmuB1f4BU+fAev+r/V8wx3fu/Ob3zdTnc9U+aqm&#10;tHDBH6YaeFb+OCnjuRHDGDwPqTdmLOzMaUrgdVycnj0kmY3sOLe3Rjppm64e99eCV6UG19r5veWb&#10;otvbfo3rclWvZEHCRoLa5ZXsRHFGDdmP+AF2IB0zaenkTUaDoX927owXW+CrutuvKqLIZOvj+237&#10;vmEDVVMOHoKFudFHGbqzKfXyATdmeigtk/l1qSTT2r+Z9ei8e3OmglePXRYD6/7b3otTpwCnWIsT&#10;/gP6e9A6s9b6HTrzYuDxuHbs7sxJIdo0cmnAYM2E2bqluViiQkE0qMPW3CtyCdCuC03caDp1AF7m&#10;/Iep6Drfe+81v3Ny5jMSIion22MxlN6aejp1/wA3BBH9ERR9T9WN2JJPv3DA6bLFjU9IYn6n6c+9&#10;deqTjrGX/p/t/furhPXpR7Q2hnt852k29t6karr6o6ndriOGMEB553sfHFHcXPJJIVQzsqnRNOnB&#10;6DoZd8buwvX23qjqvrqrgqPPH4t+bypuJMjPYrJSwvdtNHHcodLFWBKKSplabYHmfy6q717R+Z9f&#10;l0Wxjck3vc/X37rYFB1xY2F/fuvV6xEljb63+gHv3W+jQbYwmL6R29S7/wB4UlPXdgZenMmx9pVg&#10;5olNwMjWofUjr9VWwKmygiUuaetNf2eZ6tr8HPn5Dot+ezuT3Fk63L5itnr8lXzmeqqpzdmY2/1g&#10;qqAAqqAqqAqgAAe7HOOqAeZyTxPTL70BTrfXve+vdDx1X19h2x9R2f2Hel2FgJCaSjcDyZarU+im&#10;gQspkjDizfh2BjvpWZkbbJoOnUWg1HgOkD2X2Jmew9wT5nIkQQIv2uJxcJPio6Zf0RRj6ayBeRgB&#10;rbmwUKouF046YLeKa+Xl0GvvfVuuBcD6cn3Rmp17obenetKTdM9bvHeMv8N652mPvM7XT6lFS6WY&#10;UcRX1tquPJou+kiNLSSIQ2TXp2NK5PDpo7V7MrOws4tUsJx23cVH9htXArZUpqZbKrtGnoE8qqC1&#10;uFAWNSVRT7cVdPTcknimg4dA6zFmLMbkm5PtsmvWuur25/pz711sY6MN0t19i62DIdpb/tR9e7QP&#10;3AiqB/xcauO2iCNTbyxpIVDL9JZCkI1Xk06PT6ZycDoPeyewsr2Nuer3NlAYKcXpcFigbpS0qkmO&#10;Mfgub6pGsNTkmwXSocUaRU9MSSGQ08ugzeS7FmN2JufdSa9a4dYSxP8Arf0966uvA9G96/xmP6M2&#10;DJ2zuamil3tuWlai6+wlSPXEkqH/ACl0uGUOjB5GFisBWMMHqNPvXTyDR9v+rHRV8nla7J19dm8v&#10;UyV2WylU9ZVVExu7ySEszt+BcngAWAsAAOBcDSP8HTDt4pp5efTBKzPyeSWube69PDHSj2btDLb4&#10;3Jits4aLyV2TqBFra+iGMcyzykciKGMFm/JtZQWIB8TTrajUejE97btxG1MLjOidiMBiNvhH3XXR&#10;Ea6utv5DDKy+lmWQiWb6gS6IgEEJX3VRXPVpH04HRWJW8MfiX/OOLykf717cI09MDuNeoXuvTnRr&#10;unMVjusdm5bvXdNPFLVLHJiOu8XUcGoqpA8TTgXBs2l0BHKwrUPY+g+9dOKtBX/V/qPRYMnlMjuP&#10;L5HN5iqkrMhkqp6/IVUp5Z5CWNh9FUfRVFgqgKoAAHvagDpmWQ/n5dNE8xkb08IvCj/ff19tu9Tj&#10;pyKLQM8eoxNgT7rpxXpzVmnWEkn68+9px60/DqSSYItANpJeX/1v6f77/H26/aOk1NZr6cOoRcD6&#10;cn20Erx6c6xM35PtzCjrYFesJYn/AAHtosT06FA6xsbDj/W9+K0HXg1T1hJJ+vuvVuve/de64MxH&#10;A/2/v3XusX15Pv3Xuu2Yn68D37qxavWIv/T/AG/v3W9eMdcVaxueePfutpXj10zX+psPfunOsJf8&#10;D/b+/de64E/U/wCx9+68M9YCSfr7q4r04woOuveglOPTfXFm0/65+nu/VlXV1iJJ+vv3TmF6696I&#10;r01q69731rqOxAJv/X37r3WEuT/gPfuvdcCSASPfuvdYCSfr7917r3v3Xuve/de66LAfX/be/de6&#10;+vT/AC0+f5cnwAP9fhN1V/7wmB9xXuP+5Ev/ADUf/jx6nDaf9xYf+aUf/HB0dj2j6MO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Zpm6iPYeJqdoUMitubKQiPeuRgIJgjJDDDwuPwhANWwNnkHhuVjbVkIBrNfLy/z&#10;9YnMfCGkcTxP+T/P0FhYn/W/p7c6Y64+/dNl/TpZ7I2qu58nM1fUHHbcwtOcpuXLn6QUqHlUJBDV&#10;E7ftwoASzG4UhW90dtI+fl1aGPxTngMk9cd67sO6cnG1NTjG4DEwDG7bwyH0UtKnCg8nVNLbXK5J&#10;LueSQBb0aaB8/M9OyPrPyGB8h0ii/wDT/b+79MF/TrCzAfXk+/dN9CDsfD49Ia/e25oVm21tqVEi&#10;oH4/iWRcF6bHre90OnyTkBtEKm49YPttz+EcT/IdKIUA724D+Z9Okdnc3ktyZevzeWnNTkMjOZ55&#10;PoBwAqIv0SONAFRRwqgKOB7uBpFB0y7mQ1Pn00+99eC16dcHhchuLL4/CYqA1GQydStLTRDgXP1Z&#10;jzpRFBZ2+iqCx4HvTMFFT08iVNB0K3Zebx+BxlF1TtWcSYjBTfcboyUXH8QytgJWYgkmKmYaFUmw&#10;ZQDq8SN7aiBbuPnw+Q6UTMFGhfLj8z0CJcD6cn290n6xkk/X37r3QydSbSxtZNkt97sXRsvZSCsr&#10;RIARV1YsYKNAxCyFmKll+h1JGbCW4ZlcjtHE9PwoD3NwHSB3rvDI723HkdxZNj5q2W1PTg3SCBbi&#10;GBPp6Y1+psNTanPqY+3EQIKDpuR/ENekiST9T7t1TrwBJAAJJNgB7917of8AMyL1PsJdrU58e/d+&#10;Ua1m6plt5KDHNfxUAP1SWoBPkH1sXDAjxMGV/UNfIfz6Ut+itPM8fkOi/FgPr/tvb3SbrEWJ/wAB&#10;7917oQOs9kSb73NBj5pDSYSgibKbjybEKlPRxeqQlz6VeT9C3+hOojSrEUkfQP8AB07DH4h+Xn1L&#10;7V33DvHPRQ4qP7Pae3acYbauNjBVUpo7L5tB/S8+gE35CBENylzqJNAzxPHr00niHHAYHQWFif8A&#10;W/p7c6a64+/de6M1tiOLpjr2XfVfGg35vWmag2dRTqC1LSMAXrGVvoWUq/INwYU+kkgCZv1m0+Q4&#10;/b0sQeAuo8Tw/wBX8+ixzzzVMss88sk008jTTSykszsx1MzMblmYm5J5J59qekZNesPv3XuhB6y2&#10;DXdi7qpMHTF4aGK1Zm69RxBSqwDkEgjyvfRGD9WIJ9IYhuR/DFenIo/ENP29L/vnftBkq6j692n4&#10;qbZuzLUiRUt/HPVxqY2YEk646YXjU/VnMshZwyEUhU01HienLh6nSOA/w9F39v8ASfqVRUVXkayl&#10;x9BTy1dbWzpS0lNANTySOwVEUD6lmNvfiadarU0GT0dmWTG/HLrNViMM/YO6UspazfuhfVKV/wCV&#10;WhV7IDfXI1yq+WRUSUM7fLpeT9KnqT/h/wAw6I7U1dRWVE9VUzSz1NTM1RUVExLPJI7Fnd2NyzMx&#10;JJPJPPtX0Xaa5PUb37rxenRweietqLDUE3Zu8mSipaCiORoPueBT0+jX9y1x6Z54zeEC7pEwlUB5&#10;qaRUsstTpHS61hp3t+XyHQEdsdl1/ZW5ZcgfJTYSg1Um38abARQXHrYDjzTaQznm3pQEqi+3o49A&#10;/wAPTE0nin5DgOgqZwOByfdyK9UB8+njb2AyG58pFjKHxqTG9VWVlQwSCmpolLz1NRIfTHDDGCzM&#10;f8ALsQDokIOrKpkNP9Q6fN17goJKam2ptjyx7VxE3mE8q6JclWadEuRqVubFgSsEZP7ENl/W0jM0&#10;lSanj/gHT0hAXSOA/mfXpCsdPtwjVx6TB6YH7esPJ55P+Pu3wjrfxHpX7S2suelq6/J1X8K2vg0W&#10;q3DmGteOMk6IKdW4lrakgpDH+W9TWRWIbMn7fIdPLFXJ4DiesO792NuKekpaGlGK23hImo9uYNDd&#10;aeEkF3drDzVdQwDzyt6pH/2lVA8uM/tPXpG10HkOA6Rv15PutfPr1PLrg/0/2PvZavWgtOlVs/aU&#10;26ayoaeriw+AxMP3u4tw1Skw0dPewNhzJUTH0Qwr65XIA4DMKMadOoms/LzPUreO74ctBQ7ewNNJ&#10;itmYKR/4Ni2IMs0jXElfWuAPLWVH5P6YkIiiAUEtoLTPn153rgcB0gCxP+t/T3bqnXH37r3TjhsH&#10;ldy5aiwmEo5a/JV8nhp6eH+vJZmY2VI0UFnZiFVQWYgAn3onTk9bVSxoOhE3Bm8ZsrD1exNm18df&#10;WVw8W+N4UlgtWwtfG0D2DjGwsDre4NU9zYRWVqDOT+Q6eZvDGlfzP+ToHnYjge7g16bRa9Y/fjw6&#10;sWA697Y6bJr0L+C23jNi4Wk31vajhrcjXp59kbLq/wDlK/1OSyCfqXHxnmOM2NSwA4iuWuW14H5n&#10;pV8A1H8h0F+ezuV3JlazM5mslrshXS+Weol/P4CqosqRooCoqgKqgKoAFvdvgGOmS/mcnpnJA+vt&#10;smvVMt1jLk/Tge9dXCU6Uuz9o5beuWGMxYhhigiNZlctWHRS0VKnMtTUynhI0X/YsbKtyffj28en&#10;kTX/AJT6dLje29MNicO3XXXTyR7ajcNuHcLDRU5upTgySW5jokP+Zi+lvU3J96UUyeP+DrzOD2rw&#10;/wAPQL+99U64F/6c/wCPv3TmunWIkn6+/dVALdDdtzaWE2ZgqTsDsam+5NYPPsrY0h0yZJl5WqrQ&#10;QWixqEg8i83A5RlWWla4H5np9UCCp/Iev+x0GG693ZzeeYnzeerGq6yYCKJQNMUES30QU8Y9MUMY&#10;PpUf4k3YljYCnWuJqePSY974de6wNwTfjn37phuPT5tfbOb3nm6Pb23aJ63I1r2UDhI0Ftc0r2Ij&#10;ijBuzH/WALEA6Jp06CXNF6GHdW6sJ1phKzrrrmtSuy1an2+/N+0/D1LgEPQ0Dgkx0cZJVmU+vkAk&#10;Fmdvjk/kOrk6RpX8z69F597ViT1QKB1wckWt+fe3NOrdYvdApPXuhv2FsLDUOG/0ldlmSk2bSyFc&#10;Lhh6anN1K3KwQKSGFMCP3JOAQCAQAzL4iuB04qgDUfy+fSD3/wBgZnsDM/xLI+OkoaSP7PCYWj9N&#10;NRUy2CQQIAFFgBqawLEfgBVGiNOOqMxc1PSE96611wf6D+t/furoadPG2ttZnd2boNv4GjkrclkJ&#10;hFDGt9Kj+1JIwB0RRr6nY8AC/vRNOrAmQ0HQ6bv3Nt/qjAV3WvX1XHkdxZBBT793xTmzOw/XQUTq&#10;bpChurkG1iyXZ2kZfAeZ/IdXOO1fzP8Aq/1D7eizsxYkk3J9749VwnXXv3VC9esbsDwP6+/dbRad&#10;GR2NtTC9Z7fpu1uxaMzV89puu9pS8PUzqA6VtQhHohiJR0LfQEPpLNCrV+LA/M9P1EWTx8h/q/1D&#10;oCN27tze9M3W57O1bVVdWyanI4RFHCRRp9EijXhVH+uSWJJv8h00ASdR4/4Okz711brosB9f9t79&#10;17oXuqOtY951FbuHctV/Bevds/5TuLMSHQJNNm+zga4YzSggEqCUDCwMjxq1SfTq6KDk8OsPa/Zs&#10;m+chS4/E0xw+zNvRCg2vgYhoSKFF0LNKisyGodBbi4RLICfUz+I8L7em3fxz/RHD59A5IwCnnkG9&#10;vdUrWvW+opYn/W/p7c690I/V/W2U7K3CuMpnNDh6FBWbhzcgAipKYH1MWYhTM4BEaE8kFjZEdlaf&#10;GerIurpcdu9j4rJwUGwNixih662raChjhJByFQl9VZMeC6aiSmoFnYtMxLOoTajTk9akk1do/Pov&#10;7uWJZjyfdSS3V0AUdRvdem+hQ6n60ruzNyLj1kaiwONUV25cy1glNTAklQzegTTBSIweBZnYaEb3&#10;7pyNNZ6VXc3ZOO3JLQ7M2hGuP632Z/keHpoLhayWO6tVuDyyklhFquxDNI51ysq2RfM9Vnl/CvH/&#10;AAdF8mnaVr8gfge9E16oBp6we9db6ML0d1zjMxLX9ib4MdJ17sy9ZWPVD0VlTGA604X/AHZGhKmR&#10;RcyM0cKqxkbTonp+JcE9IbtDsfJdnbqqtxV4kpcXT3o8BiiQRT0qsSikD0mWT9Urf2nNgdCqouq4&#10;r01JIWwOgukkMjFj/sB/Qe9E162iU6xk2t/U8AD3rpwmnRzcTHD8curn3HWxxDtfsGm+3w1HOAXo&#10;KQhW1MpHpMIZZJQf1TmGFlIjdvbfxHp0nwxXz6J000jPLW1TvPVVEjStLMSzM7kszsTcszEkkn/i&#10;fb4GkV/Z0lA1H/D1AZ7ksxuTyfdOnQKdCb1D1zV9nbwpcPd6fCUQGS3JkAdIhpEI1KHPAlmPoT+h&#10;JcgqjW0erourpQd69jU2+Ny02E22I4NjbPhGE2xR0o0wusarHJUqv+pk8YWK/wBIUQ2Vme/lHXnb&#10;oD53ESCBDc/WVv8AH+nvRrwHTUYqdTfkOoXvwUL06WLdYma/A/2/urNXHVlWmessAVQZ5P0x/pH9&#10;T73Gvn03O9e0cT/LqHJI0jFmP1P09uE160BTrH711vrg5FiPz70RXrYNOsXvQAXrZJbrg/0/2Puj&#10;NXq6rTrF7p1frokD6+/de6xMbm/v3XuuPv3XusPLH37rYFeuJ449+6cCU64FwPpz7914vTrGST9T&#10;791QVY9de/dPdY2cfQc/4+/dV10OOsfv3Via9e9+691iZgeB/t/futg064e/daJr1737r3WMv/T/&#10;AG/v3XuojfqP+v791ReJ66+nJ9+6v1iZ78D/AG/v3XuuHv3XuuiQPr7917rGX/px/j7917rh7917&#10;r69/8tL/ALdx/AD/AMUm6q/94TA+4r3H/ciX/mo//Hj1OG0/7iw/80o/+ODo7PtH0Y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8uF3eR3kkdpJJGLu7kksSbkknkkn6n3kR1iKz064+/dN1LdSqKiq8lWUuPoYJKqt&#10;rahKWkpoRdpJJGCoij+rMQPeiadOJHXHn0JO+clSbbxdP1rgp454sdOKzeOTpzxW5QCzQhrAtS4/&#10;mOMcBpA7ldQDFtBqOo/l9nT00gjGgfn9vQSM35J/2Ht3pITXrEXJ+nHv3Wunbb2Cr9zZrHYLGRh6&#10;zI1AhjLcKigFpJXP9mOKNWdz+FUn3pjpFT1eNDIQB59KbfeeoKqah2zt1ydqbUjeixclrGsnYj7r&#10;IygfWSrkF1/1ESxqALH3RFpk8T07M2o6V4D+Z9ekB7c6oEp1737q/Q9YDT1ZsOTeU48e9d70747Z&#10;0Z/zlHQEDz5EA/peW4ER/oUZSVdx7YJ8RqeQ4/b0pX9FdXmeH2dAA8jOSzEksbsSbkk/Uk/m/t/p&#10;N1w9+6907YHC1+5MzjcDiovPkMpVrSU0f4Bb6u550pGt2Y/hQT+PembSKnqyqXNB0K/b2ex+Lp8X&#10;1TtabXt/Z5P8Xq0sDXZQ388slh6vCzMo5sGLKLqkZDMS17zxP8h09M1OwcBx+3oCvb/Sfr3v3Xuh&#10;m6qwmOoI8r2bueIPt3ZZV6Clc2++ypsaWmT+vjYrI/10+gsCmuzUpr2jif8AB0/CoHeeA/w9BZuD&#10;P5HcuZyOdykxnyGTqWqaiT8AnhUQG+mONAEQf2VAH49uKukUHTTMXNT0ye99V65Ro8siRRI8ksri&#10;OKOMFmZmNlVVFyzE8ADkn37r3RhN6zp1VsOk62oHjXdu6oEy+/6uBgWihYE0+P1KTb0khhe2nWwB&#10;Wo4ToPFbV5Dh0qf9FdPmePRcfajpL10SB9ffuvdC707sij3VnKnM7hKU+y9o0/8AGNx1NRxG6oGe&#10;OmJ/5ulCXA58asBZmX21M+kUHE8OlFvFrNTwGT0muy99VfYO6q3NyhoKCP8AyHCUH4p6SMnxJYcB&#10;3uXe3GtiB6QoFkTQP8PVJpfFav7Og/JA+vu/TXXcMc9XPDS00Uk1RUSrBBDECzu7sFRVA5LMxAAH&#10;1Pv3XgK9HDzk9P0B1dFtuglQdjb2i82UradhrpUtpdlYXYLToxihN1vK0kyn0svtIB47V8h0tP8A&#10;i6UHE/6v5eXRNPavpCTTr3v3TRYno4HR2x8ZtLA5DtreqLT0tFQtU4uOcXaOBlH7ojNi09YHCRKS&#10;LxuLBxUKUSzSajpXowtohGNbfl8h/s9Ft7B3xk+wd0V+4siWjSVvBjqLUWWmpkJ8UK/i4BLOQBqk&#10;ZmsL2ChF0CnSeaXWan8vs6RPu3ScsT0OfSnWMu9czT5PI04bCUk58ENQpMdXNFpLh1uC1JTa1M/I&#10;8jNHTqymYyRsTSaBQceldtb6jqbh/h6UnyB7Qiys4682zVM+3cLPfM1kZH+XVqsWYEoFVooJLngB&#10;WluyrpjjPvUMdO716cup/wAI8uPRYPajpAWLdScdjK3LV9JjcdTS1tfX1K0tHSQC7ySObKoH9ST/&#10;AKw+pNveidOT08ilqAdLvceSoNsYyXZG3qiKqllKtvLPUpVlrKhG1LR0sg5OOpGA5v8A5RMDKRoW&#10;ICijVk/kOnJHEQ0j8yPPoM/p7sFp0nZy/wDm646bm5/2A926sop0o9sbaqd0V8lJDPDQUFFAa/N5&#10;qrDfb0NLH/nJ5ioJ/wBpRB6pJCqKLt7pI1B/g6fiTWfkOJ9OpW8N1UuSio9t7chmx+zMHIzY2klI&#10;8tVOQVlyVaQAHq5x9B+mGO0UdgCW0iacnj1uWTVgcB/P59IT3bT03q64FwP8T7o56ug6Um09rV27&#10;smaOGeCgoKSBq7NZqtuKahpU5kqJ2H0A+iLcF3KoOTcNs2np5ELn/CfTp13fu2irKOk2ntaKWg2X&#10;hZ2lp/KAtRkakjS+RrioGqaQcRp9II7IvOonSjzPHrbuDheH+HoOibm/u3TfXEkD6+/de6nYjFZT&#10;cGTo8NhqOevyWQmEFJSU4uzMefrwFVQCWYkKqgsxCgn37h1sAsaDoTc9mcdsHE1WyNo1dPWZrIQf&#10;bb63hRMT5Tf1YrHyWBWhjsBNIvNS4INolClqmrJ4eQ6ec+ENI4+Z/wAnQOFgPr78av0x1hY3N/bi&#10;inW69de/Hh1roZtv7fw+xcPR7733SR1tdXR/c7I2TU8GsI/TkMgn6o8dG3KIbGoYWH7f6mAC5oPz&#10;PT6qIhqb8h69BbuPceX3Vl6zOZyskrMhWya5ZX4AA4WNFHpjijX0qgsFAAHt8KF4dNMxc1PHpPl/&#10;6f7f3V+HVgnr1j+vJ9tdWJC9KnaOzstvXKjGYzxQQwRGsy2VrDopaKlTmWpqZT6UjQf7FjZVuT72&#10;G0563EDIfl/g6Vm8d5YmgxJ6/wCvzLBtWCUSZnNSLoqs1VJ/ykVH5SlRv8xB9FFncFz6ffM8f8HT&#10;juD2jh/h6CBmA/xPvXVOsRYn6/7b37r3WJnPIHH4v7cVOvdDptXbGE2LhKPsPsWjWrlq18+yNjzc&#10;SZCQcpWVqnmPHxkhgCP3uLgoVWVpzU0HShSIxU/kOgp3VurN7zzdZn8/WNV19W3+tHFGL6IYU+kc&#10;MYNlUf4k3YknYx1UMXJJ6Tvv3VuuBcD/ABPv3XunjbG1s7vXPUe39v0T1uRrXsqjhI0Ftc0z2Iji&#10;jBuzH/AAFiAdE6em9BdqDoY91bpwfWWDrOueuayOuy9dH9vvzfkFtdS4uHoaFxcx0kZJVmU+vkAk&#10;FmdpjnPTxovav5n16Lv72Erx6aL04ddEgfX24KDqq1J6xM1/8APfiK9O9DV13sLExYxuyuxi1FsP&#10;GTaaGgNxUZqqW+ikpU1IzRalPkkuFsGW4VZHioWrgft9OnFWgqf+L6RnYvYuZ7FzC11csdDi6CP7&#10;PAYCj9NNQ0y2CxRIAqliqjW9gWIAAVFRF8pC4/1HqrMW49B97oTXqvWMv+B/t/euvdOeDweX3Nlq&#10;LCYSimyOUyEwhpqaEck/UsxNlSNFBZmYhVUFiQB79w6sqljQdGB3JuPE9KYSs2Dsiojq9+ZCAU++&#10;t6Qfqp2I9ePoHsGQRnhnFip54m/zHgPM/kOnSdPav5t/q/1fn0WBmLEsxJYm5J9+49N6qYHXXv3V&#10;OsLEkkfi/wBPfunQABXow3XexsJtfBJ2z2bTCTAxG+0dry28uWqvrG7I3H2ikavUCHALsDEAs1fi&#10;wOnKhRqP5D16CTfm+s32BuCrz2ZnLPKfHSUkZPhpoAT46eBT+mNAf9dmJdiWYk24YHTYBY6m4/4O&#10;kV791YmnXFuFPv3VQ1T0I3WHW2Q7GzUkAmGN27iYxX7nz85CxUtMt2ezuNHmdFbQDwLF2siMRVjT&#10;p5E1fZ0qu1+ysdk6ai2HsaM4zrzbf7FDBHqVq+VSb1lRcK7amuyB/USTI/rYBLKNHHj/AIOmnfxc&#10;D4fP59AIzk/T/b/n3oivVusDMLWHPvfXulFtDaWZ3vuCg23gacz11dJy7cRwxrzJPM39iKNeSfqT&#10;ZVBZlU6Jp1ZVLGg6HnsrdmE2Fttum+vp9VPAdO/dzRemXI1dtMtMGU8QqRpkUMwCgQXIWUyUArk9&#10;emk09i8fM+nRX5JdRv8AX+g/A9+oW49NqunrCST9T7therdPe1ds5nemfx228DTGpyGSn8UYNwka&#10;DmSaVgDoiiQFnP4A4BNgWetquo06MX2fufDdb7a/0Jdf1Ku0Y19jbnhsslVUkDyUgdSbfS0qgkRo&#10;Fp7k+YHarq6vI/hig4/6v5/6vsKhPKZTZRaNOFH/ABPvbNXppVpnqP7r1voQOtOvct2Vumj29jQ0&#10;NPcVOXyRF0paVSBJKfwzm+mNf7TkAkLqZfdOpHq49Ch3Zv3FViUHVmxClLsHZtqaaSnb011XHcPK&#10;0g/zscbliGPEspeY6h4yNqurPV5pNIoPsp0W2aQOQqi0a8KP+J97Zq9Nxpp48esB+h/1vdenOjLd&#10;B7DxMceR7f35am2Zsu9VQJOARWVsRBTQp/zqwPpCr/uyoaNATpkX3VurqPM/l0EnYe+sp2TuzJbq&#10;y5aKGRvBjaHVdKalQnwwJ+DYHU5AGuRmaw1WF0WnTUj1PQeTTmRiRwPoPfia9bUU67pKSqyFXTUN&#10;FBLVVlbUJS0tNCCzySSMEREUclnYgAfkn3rrYFejb78q6TovrGn6uxFRE2+t6UwyO+slTMC0EDjS&#10;aZXXnS66oUFz+35pNKmdT7op1Hp5uwU6KKG8CayP3HFkB/H+P++/3j29SgqekpOs06hEnkm5P1JP&#10;uhx04B1gJJ+vtmpbp6gXrkiGRgo/P1P9B/X24sfTUkukV69UyKbRIfRGbcfk+7lgcDpqNCBqPn1D&#10;JA+vvXTnWMuT9OB7917rh7oXpw6uErx66JA+vtsmvTgFOsTNf/Ae9db6xF7fTn37r3WIkn6+/de6&#10;97917rGX/p/t/fuvdciQot/vHv3TxIXqI7Ek/wBL/T37pssW64e/dWCevXEsB/r/ANPfurFgvWMs&#10;T/rf09+6bJLdcffurKlOPXEsB/if6e/dXr1iLE/X/be/db669+691wLgf4n37r3WMkn6+/de669+&#10;691FdwCbcm/v3Wq16xEk/X37rfXXv3XuuBcD6cn37r3WMkn6+/de669+691jL/gf7f37r3X18v5a&#10;P/buP+X/AP8AikvVP/vCYH3Fe4/7kS/81H/48epw2n/cWH/mlH/xwdHa9o+jD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lv+8iOsQglePXRYD6/wC29+6uSF6Fna5/uLtSo3/OAmfzZmwmw4nAvGAPHX5QA8/sK3hi&#10;YfSVmuCB7Zf9Q6fIZP8Am6eRvCXWeJwv+U/6v8vQOPIWJNyzMbszckk/n/E+3ukfWL68n37r3Xvf&#10;uvdCtT/78XY7VhtHunsGjanovxJR4UNplmH5V8nIpjU/8cEcg+v20e9vkP8AD/sdLEXwV+bfyH+z&#10;0FPt3pvr305Pv3Xul/1ptOHd241jyMhptt4WmfN7nr2uFio6ca3W4vZpbaBbkAswB0ke6SNpHzPD&#10;p6GPWc8Bk/Z039h7xm3xuetzBQ0+OjAoMHQABVp6KG6wRBQSFJX1OBxrZrcWA9GmgU/b9vWppPEa&#10;vl5fZ0hyQPr7v011jL3+nHv3XujA7LC9ZdfZHsepVV3TupZNv7EikALRRfSqr9J+mm1kNvqqA3Sf&#10;2w/6jafIZPSmP9JdXmcDovru0jM7szu7F3dySSSbkknkkn2/0m64+/de6ccNiq7P5fHYTFwmoyGU&#10;q0o6WMfTU5tdjzZFHqY/QKCTwPeidIr1ZVLmg6FHt3M0NA2J6y27N5MBsdDDXVEdgKzKNf7uofTw&#10;TExaNb8q3kAJXT7biXix8/8AB09O1KIOA/w9Ar7d6T9cC4H05Pv3Xuhz6ew2PxNPmu2NzQ+TCbMU&#10;Lh6V7f5ZlXA8EaX+vhLqx49Luj3sjj2xK1aIOJ/wdKbdQtXPAcPt6BzO5rIbizGSzuVnNRkMpVvW&#10;VUp+mpjwqj+yiLZVUcKoCjge3lXSKDph2Lmp8+mYv+B/t/e+q9SKChrMrXUeNoIJKqur6lKOkp4h&#10;dnkkYKij/EsffiadbArjow3amRpOvtpYnpvA1Eb1SImY37X0xt56qQLIkBPBKD0vYjiNYPzr9p4h&#10;rOs/l0plbw10D8+i0l/6f7f2o6S9Y/ryffuvdGj6E2hjcVR5Tt/dyrFg9tRSthFmA/dqIx+5OisQ&#10;HaI/twgX1TsdNnjHtiVq9o6WW0YAMjcBw6AnfG78jvrc2S3JkiyvWS6aWl1alp6dOIYE+gsi/UgD&#10;U5ZyAWPt1F0CnSKWYyGvSQLAf6/9PdumgpboYemOt5ewNxxyVsf+4DFyrLXaw2meQepaf0lTosNU&#10;pDLZBoDLJLFdqaTwx0stoNZ+X+HpY/IbsqLN5KPYW3pgNt7Zm8ddJDYLVVqXV+ECqY6YllFgFaQu&#10;wBAjPtu3j0jUeJ/wdbu56nSPLj9vRZSwH+J9qekQUnpW7I2jV7zzUdCpmhx8BSXKVkCa2SNnEaRw&#10;oSBLV1MrCKCO41yMLlY1d1q7aR0phi1mn7T0a/tDeNN1Hs+m2PtowUe7M1j1iqloXLDFUHrCRRy2&#10;DtMxd9MhAaSR56siNpI0CeNNZqf+L6VXE3gLpXj/AIB0R32q6LQteuwCxCqCzMbKo5JJ+gA/r791&#10;cAL0Jtaw64xcuLia2/c5RGPNTra+Iopl/wCAUbC5XIVcRvUsLGGFhALSNNpaH6n2eXz6edvAFB8R&#10;4/0R/n6CYuB9OfbvSYJXrHq5ubm3Pv3TmF6eNv4TK7qy9NhsRErVFRqkeWVhHFDDGC8tRPKxCxQQ&#10;xgs7EgAD8mwOmbSK9XRC5oOlNuzcOLpcdHsjZ0jNtyjnE+WzBUxy5msS4+5mW5K0kBJFLCf0LeRv&#10;3XazarnU3H/B047gDSvDzPr0HBIA+vHvb9M9YSxP+A91LV6eC06ftsbayW68tFisaIkJRqmtrqpt&#10;FPSU8YvNVVUtiIoIV5Zj/goBYgGhNOnFXWadKXdu5sbDi12Ns95F2rQ1X3GQyrr46jM1aEgVc4+q&#10;UyXIpYDfxoQ8l5T6fBfPqzyAdq8P8PQZs1+TwB9Pe+m+sRf+n+39+691LxmMyGayFJisVST1+Rr5&#10;xT0lJTjU7u30AH4AHJJsFAJJABPvRNOtgFjQdCrmsrQ9b4yr2ftiqgqt019P9rvfdtI2oRhv14nH&#10;SC2mFDxUSr6pnBQEItvdF78nh5Dp8sIRRePmfT5D/V/sAuX/AKf7f3YrXpP1j926910SB9ffuvdD&#10;Lt/b+I2NiKTfW+6OOsra2P7jZGyanhqwj9GQyCfqjx0bcohs1Qfp+3+tonxDQfmen1URDU35DoLt&#10;xbiy+6svWZzOVkldka6TXLK/AAHCxxqPTHFGvpRFsFAsPdqhBQdMsxc1PSeYkk8/Q+7DPTqinXH3&#10;V+HXnNB0qdn7Qyu9csMXixDDFBCazK5WsOiloqVOZamplPpSNF/2LH0ryfbR7ePWo4jIfT1PSs3n&#10;vTE0GJPX+wGlg2rBMJM1mpF0VObqk/3fP/aSkRv8xB9FFncF/wBFkTzPHy+XTrMKaV4f4egdLk/T&#10;j3t+PVeuHunXuuiQPr7917ob9sbWwuw8TT7/AOx6RamqqF+42VsKp9M1c/Pjra6M+qLHowuoYfvW&#10;+hTSsvi5bA6eUCMVbj5DoK907pzW8s1V57PVbVdfVt/rJEg/RDCn0jijHCqP9c3YknQFOmmYsanp&#10;OFgPr/tve+rx9YixP+A/p79050/bX2vm945qjwGAo3rMhWNwPokaD9c0z2IjhjHLMf8AWALEA6Jp&#10;1tV1YHQs7l3dhuusPV9f9b1q1VbWR+DfG+6cASVz2KvR0L8mKgjJKllN5ebEqWaWoBOT1t3CYH5n&#10;16L8T+Sf9cn3sKF6Tli3WMv/AE/2/upf06sE9esfvSgk16c6GnYHX2JGKfsbseSbHbCx0umioU9N&#10;Tmqlb6aSkW6sYiykSSAgWDAMoWSSLbnVgf8AFdXUAZP/ABfSN7C7Cy3YOWjq6uOLHYfHRfZbe29R&#10;emmoaZbBIokAVS5VRrewLEAAKioi04Cg/wCL6qzajU9B8WA/xP8AT3rrXWIsT9f9t7917pyw2Gye&#10;4cpRYbDUc1fk8hOKekpYBdmY/k/hVUAszGyqoLMQAT791sCuOjD53O4bozD1eztm1kGT7JycH228&#10;d403K0Cn9VBj2Iusin9b8MrDUbShVpvAeZ/IdOM2gaV4+Z6K+7vI7SSMzu7FmZjcknkkk/n37j01&#10;1x9+691wLgfTk+/de6Hfrbr3EUmJftLsxGpdj46T/cTi3B82ZqxcxwQxmxaDUp1EkK+kgnxrKy1N&#10;TgdPKKDU35D16DzsbsPMdiZ2TKZC1LQwL9rhsPAf2KOmHCQxABRewBd7Au3NgoVVvwwOtZc6m/Ie&#10;nQfe9deL066JA+vv3VMt0s9gbDzvY+4afb+EjCAjz5HITA+Glp1IDzSkf0vZVFi7EKLXJGiadOpH&#10;0KHZu/sFh8JH1R1nIU2ljpdebzcbEy5arHEju40h6cOAeBpkKroAiRNXlWncePl8utTS6uxeA4n1&#10;6LhISWueSR78Wp1pOHWByeP8felbV1fqZicVkc5kqLEYmkmrslkahaWjpIBdndjwB/QD6kmwUAsS&#10;ACfduHWwK46NNn8pjOgtpz7H21VQVXZm4aRH3nuWlN/sIXW4o6Z+GSSx9PAYAmdgrNCI2gus1PAd&#10;OSP4I0jif5dFHlmaVjz6b8D/AIn26ek6Jp+3z6w+/dX6zU1PUVlTT0VHBLVVdXMtNTU0ALPJI5Co&#10;iqOSzMQAPyfbTCp68BXo21TJSfHHZT4iilpajuLelAJMrWxFX/g1G1isaNyNd/0j6STAyNqjhiVq&#10;hdXTpYQj59E/qqkysw1O+pzJLLISWdiblmJ5JJ5JPJPuzHy6YArk8eo7Ov6Qef6D3TpQaHHUzE4n&#10;I53J0OHxNJLXZLJVK0lFSQi7PI5sBzYAD6liQqgFmIAJ9+62q06NfvXJ0HReyR1ZtWriqN+7lp1q&#10;t9bhpSQ1PG6f8B4XsGUsjFY/oyRFpdKyTKV0oLHq7uIh0UOeQKvgjN1B9bD8n24xpgdJoxqOo9Qy&#10;QPqfdOn+hD6u68yfZ27KPb1Drp6Ff8rzeTC3FNSqRrf8gyvfREv9pyL2UMy+6sor0JPe3YmNy9Rj&#10;+sdjCOk2FskLRqKQ3jq6qIFGlLi/ljiJZUYk+SQyTFm1IR5V1dakfTjot1RKGtFHxGn9PyfdmPl0&#10;2g8z1F916v0avpnAYrr3a2R723nTrJDRI9DsPES8PV1j6oxOtwbXYNHG1mKqs0+m0aManPTqjSKn&#10;ouOdzuU3bnsrujP1Bqa/JVTVdVKfpc2CRoL+mOJAERfoqqqjj3dAB0nlcnA4n/B0npZTK5c8D8D+&#10;g9+Jr1tF0inUdnHIHP4v70c9WGOsfvwFOvE16kN+xER/u2Rbn/Af77/fce9sdA+Z6ZH6rfIdNrEg&#10;X/JPttVp0pZq9YfryfdiadaC1697aLFunAoXrixsCR7sE9etBqnrD70/V+uL/pPunXusPv3XuuJY&#10;D/E/09+691iLE/X/AG3v3XuuvfuvdcWcC/5Pv3XusJI+p4v7908KKOsRcn6ce/dUL164e/deCV66&#10;JA+vv3V8L1jLk/Tge/dUL164e/deTj10SB9ffunCadYixP8AgPfuqq2o9cfdC/p1frosB9f9t7sO&#10;vdYmYn68D3vr3UY/U/6/v3VVFOuBYD/X/p7914tTrGWJ/wBb+nv3VNRY9cffuneuJYD/AF/6e/de&#10;6xFifr/tvfuvdde/de6+vt/LR/7dxfy//wDxSXqn/wB4TA+4r3H/AHIl/wCaj/8AHj1OG0/7iw/8&#10;0o/+ODo7XtH0Y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8tsv/AE/2/vIjrEMv6dKLZ+3Jd2bix+EjlFNDO7T5&#10;Guf9NPSwqZamdyeAIolYi/1ay/n3V20CvXoo/FYD9vUnf+54dzZ95MdH9tt/EU6YPbNCOBFQ010i&#10;JB58kxvK5Nzrci9gPeo10jPHift6tPJ4jY4DA+zpEe79M9e9+6sEr0sNj7dh3JnoqevlamwmNp5M&#10;1uKsF/2qGmHknII+jyC0Sf8ANx190kbSMceA+3pTDGGPy4n7B1E3duObdWfr8zJEtLBM4gx1BHYJ&#10;TUkQEdNToBZQsMKqvAAJubc+/IugU69I+s1/Z9nSXLgfTn3fqnWMkn6n37r3Q67lJ6664xmy4WWL&#10;cu+Uj3Fu9l4khoxY0NCxvdbm7uvBB1qbq/tlf1Gr5Dh0pf8ASXT5nJ+z/V/l6AYuB9OT7e6TdYyS&#10;fr7917pY7A2jUb43ZiNuwl0hq6jy5GpX/dNLH66iS54BEYIW/Bcqv590d9Ar05EniNT9vT72zu6n&#10;3TudqfEhItsbapl27tmmhv4xTU/o8qj8mZhqB+ugRqf0+9RrpGeJyetzPqNBwGB0F5YD6/7b2501&#10;1iLE/wCt/T37r3Q8dfKuwNkZ3tOpVRmcgZNqbDjkHInlUirrlv8AiCMMqt9NSvG36x7Yk/UYL+Z6&#10;UxfpqX8+A6AWSVnd5JHaSSRi7u5JYseSWJ5JJ+pPt/pN1hLE/wCt/T37r3TlhMPX7gy+OwmLhM+Q&#10;ylWlHSx/jU5tdj/ZRR6mP0Cgk8D3onSKnraqWNB0MHc+boMUuF6q29Kr4PY0WjJTR2/yrKOD9xNJ&#10;a41RF2Ui/pd5V+irZmEE1Y+f+Dp+dgKIOA/w9AIWJ+v+29v9J+uvfuvdGN6jx9FsjbWc7m3BTpKM&#10;cj4jZVFOD/lFfIDG0q8j0Kbx6hey+duGjHtPKdZCD8/s6VQjQC5+wdF4yeTrcxkK7K5Kd6mvyNXJ&#10;W1k7/V5JGLu1hYC7H6DgDgce3wKYHSYnUanqD731rpY7C2bX783TjNt0GpPu5fJXVQFxBTIQZpmv&#10;YeheFBI1OVQcsPdJH0CvVo18RqD8/kOhs+QO88fSrjOqdqlafb21Yo48isDArJOijxxFlvr8IJaQ&#10;k+qZrsA8dy1Ap+I8T07dyV/TXgOPRXS5P049qOkoSnTrgMHXbjy1Hh8citU1chBkkuEijVS8s0pA&#10;OmKGNWdzYkKpsCbD3Vm0ip6uo1nSOjlb5zdB0b1tQ7UwMjwbq3DSNHTsbLNTU7cVFbKFJ0VU7cA3&#10;Ol7IjtHSRj2mVfFap6XyP9OmleJx/s9EYZy1/wDH6+1fRaFp1NxWLrs1kaPFY2BqmurphBTxAgcn&#10;kszGyoiKCzMxCqoLMQAT70TTPVlq5Crkno7m349vdLbCG7KvxVrDUm1oD6XylfLGyPkSCA6U5jLJ&#10;S35io/JKf3axo1SkmVqft+XRiAIFr/qJ/wBX8uiUZzNZLceXyGczFS9ZksnUtVVdQ/5Y/QKPoqIo&#10;Cqo4VQFAAAHtUBTHRe3cSx49NXvfTZf06EzDxwbDxVLu7IxRS7nycPm2TiahdX26Elf4zURsLWQg&#10;iiVhZ5R57FIlEjZ7zQcPP/N08v6I1n4j8I9Pn/m6CupqJ6qeeoqJZJp55mnnmmYs7uzFmZ2N2ZmY&#10;3JPJPJ9udNj1Pn1H9+6qX9OpuNxmQzNfSYrFUk1dka+YU1HSU4u7u3AA/A/qSbAC5JABPurMF49e&#10;RC5x0vdxZOg2jiarYu2auCtqqvSm+NzUhutXJG2oY6jYqGGPpXHrcf8AAqUaz+2sa+6L3dx/IdK5&#10;GEY0j/bH/J0F1+Lf1+vvzNnpjj1ici1r83906sFJ6dMDgcpuXKU2Hw9M1VW1THStwqIijU8srtZY&#10;oYlBZ3YhVUEk+9E06UKpc0HS23Tn8Xg8VLsHZlStTinmSXdO5kGl8tUxchYyeY8bTPfwx/22vMxJ&#10;K28EPE/s9OtySBRpX8z6/wCx0FLNx/gPx7tXpsCnWAkn6+9db6lUFBW5StpcdjqWetr62daakpKZ&#10;SzyOxsqqo5JJ9+Jp1sDVgdC3lslSdW46p2vt+op6rfWQpjTbx3PRuHFAjEhsTj5FFhKAAKqZCSWv&#10;GjeklWwNeTw8uny3gig4+Z9PkP8AV/sAkSSfbnSfrr37r3XAuB9OffuvdDLt7b2J2LiKLfm/aOOu&#10;rq6P7nY+yKng1hH6MhkE/VHjo25RDY1BFh+3cs0TrwPzPShEEY1N+Q9egw3FuLL7qy9ZnM5WSVuR&#10;rZNcsr8AAcLHGo9McUa8IgsFAsPblABQdVNXy3H/AAdMJe3059thK8emesLMByfr7d6fHDpW7K2X&#10;lt9ZY4+gaGioaSL7vNZutOiloaYfrnnkJVRwDpW4LngWAZlo7BenEj8Q/wCX06V+998YilxP+j3r&#10;tZaTZ9LKHyuWkGmqzVSn1qak2DCnVheGI2AADMoIVY26UyeP+DqssoppXh/h6BhyLW/N/d0ya9NJ&#10;k16x+9Px6c697p17oddu7cw3XGHouwd/0cddl66L7nYmxan61DD9GRyKfqjoo25RDYzEf6n3U92P&#10;LzPT6oIxqb8h0D+5dy5nduZrc/n62StyNdKZJZX4Cj+zHGo4SNBwqiwA4A92Ap0ySWNT0ni/9P8A&#10;b+/da64c/U/n37pxB0pdo7Rzm985Sbf2/SGqrqo6ndriKGIEa553sRHDGDyfzwqgsVU6Y6RXp0DU&#10;aDoVd27qwGw8NV9ddbVK1UtVH9tvjfcXEuRdb66SjYE+KgRiQSp/dHALKXeWqgnJ/Z6dXYgYH5n1&#10;6L8/6j7v0nK1PWN/0n3phUdXAp1h91CU49b6Grr/AGBiVxMnY/Y0kuP2JjpdFDQp6anNVK300lIt&#10;1YxalIkkBAsGAZdMkkenY8B/xXVgKZP/ABfSL7D7DyvYGWSsrEix2Ix0X2W3tvUXppqGmWwSKJAF&#10;UsVUa3sCxA4VFRFpwwOtE6ug8Lk/Tge9da64e7Kurr3Tlh8Pk9wZSiwuGop8hlMhOKeko6cXZ2P+&#10;2CqoBLMxCqoLMQoJ96bB62BXA6MVlsviOhMPU7Y2xU0uV7WytN4N0bop/VHiY2ALUNExHE4P63sG&#10;BGprOESGtK8f2dXJ0YHHzPRXXdpGZ3Znd2LMzG5JP1JP9fe+PTfXAsB9f9t7917rEWJ/wH9Pfuvd&#10;Dl1h1tiq7G1PYvYdQ+K68wk1ghus2VqFvakpRdWZCw0uykEkFFZdMkkVSfIdOKlBqPSP7M7LyvYe&#10;WjlljTGYDFx/Zbe29SemCkp1AVVVVCqZGVV1vYXsFULGqIthjHXi1cn8h0Gfv3VSxbrGX/p/t/fu&#10;rBPXpSbP2hnd9Z6j29t+kaqrqptUkhuI4IgQHnnfkJFGDyfqTZVBdlU6Jp04oqaDodewN34Lrbbt&#10;R1L1vVGaR2/3/W8ISBLWz6dMlLEyE6YEuVYBiALxAm8zyeUeZ/Idalf8K/meivNISeP9iT73x6os&#10;dOsLNb/E+6MtT0511FHNUzRQQRSTzzyLDBBCpZndiFVUUAszMxAAHJPA92A09e6NpRU2O+Ou1Uyd&#10;bHSVvcO6KA/YUkoSVMLSvwZHH1EzKSCeQ7jxreJJTI3mQ/IdPFhAPUnh0U3JZGrylZUVtbUz1dVV&#10;ztU1NVUsXklkclnkdmJZmYm5J9u9MAeZ49N5IH1Pv3W+sZcn6ce/de6NtsTBYzo7aUXae8aJKre+&#10;bgeDYG16oWMOtBernXh0bQ4Ln0mKJtF/LMAjZOo06dxEKn/V8uiwbi3DlNw5XIZfLVstflcnUtVV&#10;9bKeWZv7KgWCIgsqqAFRQFUAAD3pu3HSUAyHU35DpO+6dO9YU/UPfurJx6OPtPG0Px+2ON/7jpYq&#10;jsvdlI1NszAVS3ajidBeadDZkbSwab6MFKU90aSW2ga9KD2DPRUMtla7JVtbkMlVTV2VyU7VeQrZ&#10;zqd5JDqYk/1JP4sAOAALWdPYKDpGT4hqeHTIfof9b2309H1nxuOr8zkKLF42mmrcjkalKOipYBd5&#10;JJGCoqj/ABJ/1h9Tx7906BXo3m98hRdB9ex9Y7aqopuwd30gq96ZmlPqp4pFZRGjixQlWaOH6Msf&#10;knsrSoToDUerswjHROpWWBPBGfW3MrD/AFvp7cPbjpMvfnqAWA/1/wCnunTvQr9OdaVPZ27IqGYt&#10;S7bxKjJbnyJOlY6ZTfxBzYLNUEFV59Kh5LERke9HqyivT13d2PDv3cNLg9thaTYm0Iv4Ttqjpxoi&#10;dY1WNqrQP7LhAsIP6YgvCs7g6UU61LJp/wBXn0B9TMotDH/m4+OPyf6/77/X926ZjXzPE9QSxP1/&#10;23v3TvXXv3Xus0elAZX5C/pH9T7so8z01I1e0efUSSRpGLMfqfp7oT5npxVpgdYX+n+x96DVPTwS&#10;nHrF72RXrxanXRIH1PvWF6plusbNfj8e6F69XVadcPfglevF6dcX/T/r+7NQDqq1J6jOSLf4/X21&#10;071i9+6910SB9ffuvdYixP8AgPfuvdcffuvdYW/UffuvdcffurLx6xl/6f7f37qxf06x+/dN9e+n&#10;J9+691jL/wBP9v791sGnWP37rYUt10SB9fdXFenQtOsZf8D/AG/vQT1631iZwP8AE+79e6xEk/X3&#10;7r3WFnNyBx+Pfummfrh7914JXrokD6+/dXAC9Yy5P049+6t1w9+6910SB9ffuvdYyxPA+nv3Xuvr&#10;9fyz/wDt3D/L+/8AFJOqf/eEwPuK9x/3Il/5qP8A8ePU4bT/ALiw/wDNKP8A44Ojt+0fRh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y0S5P+A95EdYf9CxT/78vreerP7e4eydVBSfh4MLTuPuH/qv39QojsRZoo2K&#10;n20e9vkP8PSofox182x+X+z0Evt3pMFr1737p0LTr3v3VuhRr2G0OvKHGL6M52CUzWTP0eLE08jL&#10;RQ88gVlQrTkg2ZEjBv7aA1tXyH+Hp8/ppTzbP5eXQUFif9b+nt3pjrj7917oUOpdu0Wb3SMlmgq7&#10;Z2nSPubcUsn6fDTDXHEb8MZpgo0fVkD2vb23K1BQcTgdPQLqNTwGT0i937mrd4bkzG468nz5Wtad&#10;YibiOIWWGEH8rDEqoP8ABf6+7IugAdUd9Zr0m/duqde9+690PmHt111JkdxlhBufstnwOEP0khxc&#10;R/yyZfoVM7DT/UXhdT9fac/qPTyH+HpUv6SV8zw+z/V/k6L8X/A/2/tR0l64e/de6ftr7frN1bhw&#10;+3aAf5Vl65KNHsSEUm8krAc6Iowzt/tKk+6s2gVPVkXWadLruTcdHX7ip9r4I6NsbEpBtrEIPo7x&#10;WWqqDbgvLMtiw/WEVvqT7rEMVPE56dnapoOAx0D/ALc6Y66JA+vv3XujCdXJFsLZu5O3q6GM5BQ2&#10;2diRTi4esmVlmqADwyxJcf4qk6fW3tPL+oQn5npVCPDUufsH+r/V59F5nmmqZpqiokeaeolaaeaQ&#10;3Z3clmZieSzEkk/19qBjpKTXrCSB9ffuvdKLZ+2chvTcuJ21jQRPk6oRPLa4iiX1zTN/tMUSsxH5&#10;tYXJHurtoFeroms06E7vPdFBUZXG7A22VTauwKYYmmWIgrNVqoWpmYqBrZCPGSb3cSuD+4fbcK41&#10;HienbhwTpHAdAR7e6TFqde9+6aLE9HG2vHB0b1HV7wrYoxvjesaw4emmtrhjdS1MpUgnSiE1Ew4u&#10;dETFXVT7SN+s9PIdGMS/TpU8T/qHRN6ionqp5qmplknqKiVp555SWZ3clmZmPJZmJJP5PtX0jLU6&#10;w+/dNFi3R0endp4vYO2Mn2Du1RTrR0i11a0ijUB6JaWgiDEXmMnjllH5namh1K8FRGUsjeIaDozt&#10;4hCupuPn8v8AV/h+zoqG9d3ZTfO5cnuXLP8A5RXzftQKSUghX0wwR3/sRpYX+rG7H1MT7UKugU6R&#10;yy6jU9JX3bpgkt0b7p/rmlxtLk8luUpRU1JQit3pXVPC0lIEWoTDg8kT1UWmbIW9UdP4qQgNUTAJ&#10;ZZK8Py/1f4OjO1g0Ak/7b5D0/wA/QIdr9jVfY25pa8eSnwWO1UW3cc3Aipwf84yj0iaewZ7XsNMY&#10;JVFPt+NNA6TXFx4h+zgOgvJA+vu/SQtXpd7WxGPpaKXem54DNt/HVH2+MxRbQ2Wr1CutIp/UtLCG&#10;V6uQfpjIjQ+WVLUY1wOP+Dp6JABrbgOA9T/q49JDO57I7iytbmctOamvrpfJKwAVVAAVI40Hpjii&#10;QBERRpRFCgAD3YDSKDpp3MhqemS97/4m/vfWst1ziilnljhhjkmmmkEUUUQLMzMbKqqLlmYmwA5J&#10;9+6cVOhUyM8XWeLqcBRvHJv/ADFKafcuRhYN/CaaVfXi6dgOK6VTarlU/tr/AJOhuZW9pwviZ8vL&#10;59KWbwBpHxHj8h6fb0EHtzJ+3/B0n+L7Ouj9D/re/aKDq449SMVisjnMlQ4fEUkldksjULS0dLFa&#10;7u3+JICgDksSAoBYkAE+6Cnn07XUaDj0I+4ctjtlYqq2RtariqspWRtS773VSG4qSCNWMoHsGXHR&#10;MtpXFjVuLn9lVVvKK5P5Dpx20DSvH8R/ydBGzX/wHvxavTarTrCzAiw5/wAfeurdc6Slqq+qp6Gh&#10;p5qytrJlp6WkplLySSOdKoircszE2AHv3WwK9DDX1kHU2OqcFiKmmqex8jC1PuTOUhDrhoHUBsdR&#10;TKSprnuRUzJ/m/8AMxtq1MKU1/Z/h6eJ8EUHxHifT5dAizX/AK/W/P5/xP8Aj7v0x1jLAf6/9Pfu&#10;vdYyxP8Arf09+690MG2MHitl4yj37veihrpquMz7J2bV3vXOP019alwY8ZC3Kgi9Sw0qPHcs2aud&#10;I/M9KEURDW/5D16Dbce5MtunMVmcztZJXZKtk1yyvwFA4WONR6Y4o19KqtgoAAHu4AUUHTZfUanj&#10;0wFif9b+nvfVSS3XH22X9Oq9KjZuzMnvXKSUdE8NFQUURrs5nK46aWhpVuXnnc2AsAdK31OeBwCR&#10;svpHSmNdX+U9Kbem9MWmLTYmxUmodmUUwlrKyUaKrMVS2vWVh4IjuP2Yfoi2JAYKqVCnieP+Dr0j&#10;6hReA/mf9X+r0CQvf6ce7BPXpsJ69cPfi1OrV8uuiQPqfbZNet9Dthdu4brHFY/e2/6KPJbiyEf3&#10;ezuv6j0kj/deRyg5aOmVhdICA0rAAkAOEoDq4cPXp8KIstx8h/n6Bzc25szuvM1mdz1ZJXZKuk1y&#10;yvwqqOFjjUcRxRjhVFgALD3bppmLmp6T/LH37rQFeuYQD68n37pwJTpS7U2jnd8ZqnwW3qNqqqk/&#10;cnmf0w08IID1FRJYiKGO/LH68KoZiqnROnj04FLcOhK3TvPC7IwlZ111rVLURVSiHee+Yxpnycou&#10;Hp6RgSYsclyosf3BexKs7zU+Z/Z6dar5D9vr/sdAKWJ/wHupYnr3WJmtwPr/AF9uLgdUZqdYiSfr&#10;7t1foc+v+usNBhJOyuzZJsdsejfTisYh01WaqRfTT0y3VvCWBDuCLgNZlVXkSjMTgdXACirf8X0g&#10;+xOw8rv/ACaVdVHDjsTjohRbf2/RemmoaZbBIokAVS5VRrewLEAAKioi+K6R00X1noOPryfbXVuv&#10;e/de6cMNiMpuLKUWEwdFPkMpkZxT0lLALszH/X4VVAJZmIVVBZiACfew2nrYFcDoxuXymG6Cw9Tt&#10;fbFVTZbtjK03g3TumCzR4mNgC1DQsRcTg/rfghgGazhEh1SuT04x8MUHHzPRXZZXlkkmmkeSWVzJ&#10;JJISWZibkknkkn37prqOX/A/2/v3XuuHv3Xuhr6u62x+apqzfG+6iTDdc7fPkrKtrq9fMpsKKlsQ&#10;7Fm4dkub/toQ5LR6+Q6cRQO5uH+HpP8AaHZtXv8AyUENHT/wXaWEj+y2xtyCyxU8CgKHZEATzSBR&#10;qIHpFkU6VHvYFOqs5fJ/Z0Fnv3VeuL/pPv3W1ND07bb25md25qhwGBopK/J5CXxwQJwABy0jsfSk&#10;Uags7GwVQSffiadXqXNB0Yvdm4cL0pt2p642JVU9dvTJweHsDeFPy0TWIahpHtdNGoqbWMQvf/KG&#10;YxVArk/kOrO3hjSvHzPRV3a9yx5Pu3HpkY6we/dXLk9YXIJ4/p791dBQdGt2bt7FdI7ap+y98UUd&#10;VvbKwt/cTadWLGAkD/LKkAko6q4NiAY1IUWmceKn9oaD8z08xEIqeJ4DotO5Nw5bdGVr85mqyWuy&#10;OQn89TUSnkngKqj6JGigKiiyqoCgAAe3DjA6SqSxqePSe966sX9OsT/X/Ye/dWQ1HRkuothYXC4e&#10;buHsmHRtbDvq25hplUvlKsE+PTG5AkjWRbIp9MjAs5EMT6m2JOB0oRQo1NwHQS9h7/zO/txVu4Mv&#10;IPPUfs0dJGT46SmUkxwRA/hbksfq7lnPJ93C6ekhJmNTwHAdB57Y6d699OT79x690ZTpfYmHw2Jq&#10;e5+w08W19vuZNt42UerIVqNpjZUb/ORpMNMajh5QS5EcLh9HpRElO49BP2BvzM783HXbmzb2qak+&#10;HHUCEmOkplJ8UEd/woN2NgXcsx5J9uAaPt6Yd/FPy6Dsn6kn6m5J9149a6xM97gfT+vvZWnVlNOj&#10;fdc4jF9H7Gl7e3dSxz7vzdM1FsHb1SLOolU2ndf1IZU9TsLGOn9IPkn0CnHpTSgqeisZrNZLM5LI&#10;Z/N1cldmcvUvV1VRL9Szf0A4VVFgqgAKoCKABb24BoHSVmMzfLpMtIzEm5ueST9fdOngKdTsPiMj&#10;nspj8LiaWStyeUq0oqKli+rySMFUXNgoF7liQFALMQAT79w6sBXo1fZ+Wx3TOw6bpbalUk25c3Ct&#10;d2Jmqbh28yKftQR6lEyWUJxppgNQJqHb3RRrNers2gdFLlk+3i8Sf51xd2H4Ht0jT0kX9U18h03e&#10;69P9dEgfX37r3XSBpX0jgfk/4e9gV6o76BXruaQMdC8InAt7q8nkOrQxYqeJ6jlgPr/tvbOW6UAU&#10;6xM1/wDAe7Jx6q/DrCX/AKf7f24etBPXrGST9fbQBbqxIXr3twKF6bLFusZf+n+391L+nVgnr1j9&#10;0oTnqxYL1jk/HvXWlavWP37q/WJyOP8AD37r3WMkD6+/de6xl/6cf4+/de6xMwH+J9+691iJJ+vv&#10;3XuuvfuvdcC4H05Pv3XusZJP19+6911791ZBU9cC4H05Pv3T3WMkn6n37r3XXv3XusLcsffuvdcf&#10;fuvdYG+p/wBf37qukDPWIv8A0/2/v3VS/p1j+vJ9+6qASa9e9+6e6xl/6f7f37r3XEKW/wCKn37r&#10;3WQAKL/7z7917r6/H8tD/t3F/L+/8Ul6p/8AeEwPuK9x/wByJf8Amo//AB49ThtP+4sP/NKP/jg6&#10;O17R9GH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fLv2pt+o3VuPD7epSUkylctO8tr+OPlppj/tMMKs5/wU+8hn&#10;bQCesQ4o/FYL6np37D3BT7h3PVzY4ePB4uKPA7dgH6Y6GjHig0/08ljKf9qc8+9RrpGePE/b0/NR&#10;2+QwPsHSI936p10SB9ffuvdKfZWAG6t0YrDSSGnoppjUZWr+gho4FaeqlJ+i6II2tf6tYfUj3SRt&#10;Ar1eNNZA6x713Gd1bnyuaWPwUk84gxdIOBBRwKIaWEAcDxwIoNrAtc/Un3tF0inXpG1kn/VTpKEg&#10;fX3bqnWMuT9OB7917obcqf7j9R4rBqDFney6hdw5b8OmLpz/AJFEeL6ah/3VIP01qeDb2wO9yfJc&#10;fn0oP6aAebZP2f6v8vQH+3+k/XvfuvdKPZ23ajd+6MLtuk1CTKVywyyoL+OEXeeX8/5qFWb/AGHu&#10;rNpFerousgdKvuPc1PuDeM9Fi9Cbe2pTJtbAQwm6CGkujOtvSwklDEMPrGEHNgfdIl0j7c9XnfU1&#10;PIY6Cn270z1wL2+nPv3Xuh564/342xN29ozWjytWp2bskvw4qZ1vU1UdyOYIh6WF+UkQ8Egp5P1G&#10;C/melMX6al/yH+r/AFcOgCJJJZiSSbkn/ez7UdJusRf+n+39+69067fwlduXOYvA45Q9blq6Oig1&#10;fRS7AF2/oka3Zj+FBPvTNpFT1ZV1mg6Fnu/O0UeTxPXmBcrtzryiGIQDjzVpA+7nf6XcONBv/uwS&#10;kcP7ahBpqPE5/Lp6ds6RwH+HoCS/9P8Ab+3uk/WP37r3Rm9hKOrOrs52XUose592X27slZQNccRv&#10;5apQeQCUZ+RY+GMXtLymk/VYL5DJ6VxnwELnicDoszMzszuzO7sWZmNySeSSTyST7U9IGevWMsB/&#10;if6e/dVCk9DP0X1+N87wjqcjEG23tsLlcy0gPjkIJMFMTyP3nUswP1iSQXBt7amfSKeZ6WW0Wo18&#10;h1B7r7DbsHeNRUUkzPt/D6sdgkudLICPLUhTazVLqG+gPjWNWF19+iTQM8fPpu5n8Q0HAdA6XA/x&#10;Pt3pgLXoZumdiVO6s9SZCWBJaamrfBjYqhdUUtUiiV5ZFPpemx8RE0yn0yO1PTN/wJBDUr6B0sto&#10;qmv+qvSs+Qm/KetrqXrnb08jYDakp/ic5bU1XkfV5Xlf6yNCzvrY/rneVjeyt7pAn4jxP+Dr15Nn&#10;QvAcft6LR7UdIwlehs6l2NX5jI43KpTRTVtXWPT7VpKtNURlhsajK1KkENQYrUDY8T1Ripxq/dUM&#10;yvpH+H/N+fSyCPz/AGf5/wAv8PSy7z3xRY6mi6n2lVSS4nDzGXdWSLapK7IazJKs0gP7rLOTJMT9&#10;Z/TYeIXrCuruP5deup6Dw18uJ9T/AKuPRXi4H05PtR0g6VG09uJn6qrqslVNjNtYSAZDcmZ038EB&#10;bSkUQNhJV1T/ALdPH9Xc3NkR2WrNp4cfLp2KPWc4A4nqJuzc77jrovt6YYzB4uD+H7ewsTFkpaVS&#10;Sqkn/OTysTJNKfVLKzMfwB5F0/b5nr0sniH0AwB6dJX3bprrosB9f9t7906CFHQr0YHWWLp8zVIh&#10;7BzVGtRt6hlAP8HpJR6cjOrKR9/UIf8AJYzYwIfO41mMBonxMeQ4/PpRXwBU/EeA/hHr9vQRu7yu&#10;8kjtJJIxd5HJJZibkknkknkn8+7avIdJglcnrGWA/wBf+nvZanTnDrJS01XkaqnoaKnmq6urmWnp&#10;aWmUu8kjkKqIqglmYmwA9ts1etgVwOhRytbS9a4us2thaiGq3tl6YU2787SsGGOjJ/cxFFKlwZW+&#10;lZMrFT/mF/Sx9tjv/wAnz6VUEIp5+Z9PkOgdP9L3/qfbumv+fpnVT/N1jf6f7H3tloOtK1T11DBP&#10;VTQ01LDLUVNTMtPTwQqWd3dgqIigEszMQABySbD2304BXoZpXpuoKCooKOeKq7SydIabJ5CnYPHt&#10;+CUfuU1O63DZWVTpllU/sKTHGdZZjRQZM+X+Hp4sIMfi/wAH+z0CMrkklmJ1HW7NyST9ST+SfbpF&#10;Ok4Nc9Ri9/px7r1brh7917oX9v7bxe0MNR7931RLV/fAy7K2dUXU5F0sfva0cNHi4SQbcNUGyj9s&#10;ks2x1YH5n06eVRGNTfkPXoNtx7ky+6ctWZrM1b1dfWPqkkPpVVAskUSCyxwxqAqIoAVRYe3ANIoO&#10;mmYuanph9+62q16970TTpzC9K/ZWyctvnIT09FJT47F42A12ez+QOiloaZblpZn+mohToQHU5B+i&#10;hmVs0Tjk9Wjir/lPp0+713ti48Ymw9hpNRbNophLWVkw01OYql4NZWkWPjBH7MP6UFmYBgqptUPE&#10;8f8AB15214Hw/wAz0EhJJuTc+7k060SB117aLV6aLE9cWJA4FyTYe69XRadDzgsBieqcbS7033SQ&#10;V+8aqMVOzNh1fJi/1GSykf6o4kYXiiazOw/DBmhqRr4cPM9KR+lk8fIen+r/AFZ4Axn8/l90Zetz&#10;mcrZshk8hMZqiomP+wCqBZUjRQFVVAVVAVQAAPduHTROrJ6ZSoJuf9t791rrxYL/AMUHv3T68OlN&#10;s/aGc31m4MHg4FaVlM9ZVznRT0tOnMlTUy/SOGMfU/UmyqCzAHRNOrKNXQk7y3vgdqbfm616wqGl&#10;xtRZd47zC6J8vMoIaKI/qjx6XICg2cEgEoXeds+p/L5dbYjgOHmfX/Y/1faAXvQUt1XrokD6+3AA&#10;vXusLG5JHvYNeq6amvQ27D2HhqDDf6S+y/LSbMpJdOFwq+mqzlUtytPTqSCKYMP3JOBYEAgBmWjN&#10;U0H/ABXToAUam4f4ekFv7f8Amuwcz/EsmY6WipYxSYTB0fppaGmXiOCCMAKLKBqawLH+gCqtwKdJ&#10;3cuanpCP+k+9Pw60nHqOxsL+2qU6e6n4bD5XceUosLhqKfI5PITinpKSnF2Zj/tgqqASzEhVUFmI&#10;AJ964dbArgdGPy2WxHQOHqdr7WqqXK9r5Wm8G6t1U9mTExsATQ0LEcTj+2/BBAZgHCJFtF15PVy2&#10;jA4+Z6K3LO8sjyyO8ssjmSSRySWYm5JJuSSeSfe249N9YCSfqfdevdde/de6GfqzrKl3NDXby3jW&#10;/wAC64242vL5OQlWqpFsRR0tvUzuSFYqC12CIC7empPkOPTioKam4f4emrtPs6XfdbS47EUn8C2P&#10;gE+02ztyCypHGo0+eVU9LVEg+v1CA6FJ9TPfh/lPVWfX9nkOgl966r1jL/0/2/v3Xup+Hw+U3DlK&#10;LDYajnyOTyE4p6SkgF2Zjz+bBVUAszEhVUFmIUE+/cOtgasDozmayuJ+P23ZNq7ZqaSv7VzdKF3X&#10;uSnOsYuNgGFJSsVGiU3BH9oW8rgMYVjqBqyfyHTzN4Q0jj5n/V/q8+inyzPI7OzM7uxZ3ckkk8kk&#10;nkkn8n3bj0nAp1gJ+p+vv3WxnrCWJ/1v6e/dPABejNdbbIwuxcBD3B2VTk0qkSbH2vKqmSvnKloa&#10;h0a9oh+uO4tYeY3URiSh7jQdOgiMaj0CG+N75rfe4K3cGcqPNVVTBIoY7iKCJf8ANwQqSdEUY+g+&#10;rMS7EuzMXOAoOk1DIdR/4rpFlifr/tveiadWICjrr22X9Om+hs6h6wpt1z1e7t3Tfwvrra96nNZC&#10;Y6BUulmFJE1rm5K+TTdrMsaWkkQioOKefSiFcVPDpp7d7RqN/wCYiSjhGM2thENDtbBRKqJDAoCC&#10;V0T0CWREX0i6xqFjQkKWZ1Bo+3rUjmY/Ifz6Bn3vrfXBnA+nJ9taK9e6GXprq7/SBlqnK5yYY3Y2&#10;2VNfuXKzHxoUjXyGmSQ2VWZFvI1x44rt+ooG2x04HTsSasnh1J7h7RG+spTUGHhGM2PtpfsNrYiF&#10;fGrJGojFS8YsFZ0Fo1sPFFZQNRctoCmT1SaTxDpHDoC3lLMWPJPvektk9UApgdYSSfqfdsL1voxH&#10;RvW2Oy7V3Y+9zHR7A2fernaqHorKiIBhCAf1xRkqXAv5HKQqGLPpadtXTsa+Z6QvaXZOR7L3RUbg&#10;rQ1PiqS9HtzEn9NPThrqSPoZ5ba5G/LWA9CIBtF0ip6rLJ4h0joKZHaQszG5I/3wHvRNerqukU6j&#10;e9dW6OD15i8f0d1/N23ualjl3nuSlah2BhKkeqNJUP8AlDL9VEsZEjngrBpjDB59PulanHTqjSKn&#10;oq2Tyldk66uzmXqZK7K5Oqesqamc3aSSQlmY/QC5P0FgBYAAWHt5RpFekbsZTQfn0wMxYlmNyTck&#10;+6cengKY6xF/6f7f37rfXFVZyLX5NvfuvHHUuUrTxeJTeRheRv6D+nvbnSKDiem418U6jwHDpuL/&#10;ANP9v7aCevSzrH72zAY691wf6f7H3VOPWiadYvbvTZevDrixsL+6sdI60o1HrEST9fbeW6cwvXXu&#10;4SnHqhevDrgXA+nJ96ZvLrwSvWJm/JP+w9t9OAU6xFyfpwPfut9YmbT/AK59+691iJJ+vv3Xuuvf&#10;uvdcClySTx7917rzWC2+n+HvdOtV6xe9db6j+/de64lgP9f+nv3XusZYn/W/p791ZOPXH37p7riW&#10;A/1/6e/dar1iLE/8U9+63117917rG8qr/if6D37qpanUVmLG5/23v3TZJbrj791cJTj1jaVQdI5N&#10;7e/db1AY64+pj/X37q3XMIB9effuvdeLgfTn37r3WJm/JPv3Xuvr+/yz+f5cH8v0/wDgEnVP/vCY&#10;H3Fe4/7kS/8ANR/+PHqcNp/3Fh/5pR/8cHR2/aPow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5kmzD/d3Zu9N6&#10;NdKuqhXY23n/ACJ61DJXSKfqrwUKEAj6GUfQ2PvIJ+5gv5n8usTYh4alvyHQVe3umeuBcD6cn37r&#10;3WMkn6+/de6FLBN/dnrncu4T+3kt4VH9ysQ30YUiBKjKSqD9UdfFASP9Ww/rZpu9gPTJ/wAnT69i&#10;E+uB9nn0FJf+nP8Aj7d6Y6xEk/X37r3Ss2LtmXeG7sDtyINpyVeqVTp9Up0vJUOP8UgRiP8AEAe6&#10;SNoBPV411sB069o7mj3VvbMV9JpXE0cgw2Dij4RKOk/ah8a/2UksZNP4Ln3qJdK/z6tM2tj+zoPC&#10;wH+v/T25011jLE/639PfuvdDt1qf7m7H3v2XIPHkXiGzdpSG9xV1S6qiaO9hqgi0sp5/TIv9QWX7&#10;yF/M9KIv01LfkOgFZ7E3JJPJ9vdJ+sRYn6/7b37r3UqgoarJ11HjaGJp62vqo6KkgX6vJK4RFF+P&#10;UzAe/E062BXHQyd2ZClxdXt3rXFSiTF9f4hKKpaP9MuQqAJqyY2ABJJFxb0uZBxc+2IRWrHz/wAH&#10;T85pRRwH+HoCSxP1/wBt7f6T9de/de6MJ1DHDs3bG8e3K5IzNiKVtvbSjmA/cyNSqqzoD9fEjqGs&#10;CDG03+pPtPN3kJ+Z+zpTCNALn7B9v+r/AC9F5nnmqppaioleaeeVpppZCSzO5LMzE8lmJuT+T7Ud&#10;Jia9YffuvdK/Ye06ne+7cLtqnLIMhVj7udR/mqeMGSol54ukStpB/U2lfqR7o76BXrcY8Rgo6X3e&#10;+76bN7qi27hyke2Nj0w29h6aH/N64giVDrybgNGIlN7FIlYfqN24FoKnic9Wun1tpHBcfn0Bpcn6&#10;cD2/0yEp16KKSeWOGGN5ZppBFFFGCWZmNlVQOSSTYD8+/de1VwOjdb2qYelepMbsCikjTeW9IGrd&#10;yyxFS8UMgC1AuCTpIApYjbSyrM6lWHtIn6z6vIcOl8v6EYQfEePRPCxP+A9q+kIUDp2wOFqdwZSm&#10;xdK0cJmLS1FXPcRU8EamSepmYX0w08Ks7n8Kptc2HvTHSK9bX9Q6R+3yHRzMtl6XpnrGKtoEek3P&#10;uehOG2hSVC6J6ShBMjVcqc6KqVpfuqgH6VEsMBDR062RqPGb5DJ+3owdvBXHHgP9X+H546I6zM7M&#10;7szu7FmZjcknkkk8kk+1vRdSmelTtHbi7gr5XrZZqTBYqIV2croF1OsWoIkECniSsrJSIadP7UjA&#10;n0K5FHbT9p4dXjHiH5Dif8n2ny6NhuzcX+hvZflENPQ9j70xyUWMxtMQ4wWKhBWGmjb+tMHJZ/8A&#10;lIrGkmbyeMn2mVfFPyH8z0tmf6df6R4D0H+x/h6I/JK8rNJI7MzsXd3JJJJuSSeSSfz7WdFJNenD&#10;BYbIbky1JhsVGj1dW5HkmYJFFGgLyzzSHiKCCNWeRzwiKzH6e9M2kVPVkQyGg6UW7s7jhS0mztsS&#10;yPtfCzmeWvdSj5SvK6JcjKh5WPTeOlja5ig+tpJJb1RfM8T/ACHTsrimheA8/U+v+bpAkgfX3fpj&#10;rGX/AAP9v791dFr0J228fQ7RxVPvzclLDWVdQxbY226sXWrmjazZGrS4b+H0jj0qRaqmHj4jWQ+2&#10;XfV2j8/83SiOPw+9v9qP8vQeZLJV+YyFZlcpVTVuQyFQ1VWVc5u0kjm7MfwOfoBYAWAAAA91+XVC&#10;amp49QD9D/re/de6xIjyukcaPJJI4REQEszE2AAHJJP0H593C149e6GCV4upsc8EbRv2dlqMeaoS&#10;xO36eVeYozzbLVEbWkawaljOlCJGJDZAf7B/M/5ulP8AYf6Y/wAh/n/1faC5dmJZiWdjqZ2NySfq&#10;b/4+3VHTDNXrEXA+nPvZenWwleuKLJM6Rxq8kkjBI40BJZibAKByST9APr7bJr04BTh0NSiDp+hj&#10;do4qjtTJUnkRJQjpt6CUHSxW7A5aaM6gG/4DowuNRszY7/s/w9KCfAH9L/B/s/6vtBOaoklkklkk&#10;eaaVzJNNKSzMzG7MzHliSbknknk+1IH/ABXSInqI5uDc8n35zjryDPWH2z090Mu2ds4faOHpN/7/&#10;AKQVaVamXZWypTpkyci/pq6sfWLFxGxJI/f4ABQgStsS2B+Z9On1QRjU35D16DXdO6Mzu7MVebzl&#10;W1XXVTaSQNMcca/oggQemKCIGyqP9c3Ykm6qFFB0wzGQ6m/4rpOe99e66BB+nujNTqwanSy2XsvI&#10;byyE0MM0GNxGMh++3DuCu4pqGmF9UsrXAZ2AIjjB1SNwLKGZWiacf+L6tHGZD8vM9P8AvXfmPlxM&#10;WxNi082J2Nj5vLNLLxVZaoW162vYAE3KgxxfpQBbgFUWOwBBqeP+Dq0smrtX4f8AD0EB+p/1/bo6&#10;pr9OuvdXPl1oKW69/wATwPbXTgAXoe8PiMX1Fi6Pd+76KDIb8r4RV7M2bVi60an9GTycfBVlIvDC&#10;bNqFzZwzQV+L7PXp8fpZPHyHp8+gQzWaym4cpW5nM1s2QyWQmM9VVTm7Mx/2wVVAAVQAqqAqgKAB&#10;fpomuT01EgfX3rr3WMuT9OB7917pV7L2Xmd85lMRiEjjSOM1WTydUdFNR0ycyVNTKfTHGi/7Fj6V&#10;uT70zaelEa6h0IW9974LAYSTrbrSVhgAQN0bptpqc1ULww1D1JQobhIwbMP6qSZKhamp627gCg4f&#10;4egJZtX+w92Ir1RW1dcfe+rdYGJJP+v7aILHr3Q5bG2JgcPhY+yu0hLBtUORtvbaXWqzc6i4CLcM&#10;tGptqckK35Ogjybr5Dq1NOW4eQ9eg837v3M9gZn+J5PxUtHSxfZ4TCUfppaGmWwSCBAAosoGprAs&#10;R+AFVbqunph3L9IYsB9f9t731TrEWJ/wH9PfurJx6n4nC5TcWTocLhaKfI5TI1Ap6SkpxdmY3/2C&#10;qouWYkKqgsxABPukmB0+BXA6MXlcrhugcPVbX2xU0uW7YytN9vundEFnjxEbAFqKiYj/AIEf6p+C&#10;pszWcIkTSKXz5dWaQRig4+Z/1f6v8AK1USyTSPLLI8ssrmSWSQkszE3LMTySSbkn6+7sKdMqa9YP&#10;dOr9cSwH+v8A09+690L/AFj1lHuqOs3Zu2tO3euNvny5rNSXVp2W1qOjFiZJ5CQpKhtJYAAuyqff&#10;Z04q+Z4dRez+z5N6y0eDwdENvbB28Pt9t7bp/Sqqt1+5qdJIkqpASSSW0aiAWLO8m6BeH7eqM2s/&#10;LyHQRFgP8T/T3rrXWIsT9f8Abe/de6l47HV2Wr6TGYylmrchX1C0tHSU41PJI5sqqP6kn/WH1PHv&#10;3WwNWB0aWsq8T8ccHNi8dJT5buLP48Lk8inrgw9PKA6xxXFmmPDLceogSyARiOOSoGrJ4f4enmYQ&#10;jSuWPE+nRTaipqKueapqppaioqJWmnmmYs7uxLMzMxJZmJJJJJJ5Pu3HpjrB7917rgzC1hzf37rw&#10;x0YXqnrrB0eKftbs+9JsnFS3w+JmS8mXqhqMcccbFfJDrU2H6ZCra2WGOU+6mpwOn1AXvb8h0G3Z&#10;nZGa7Iz75fJaaWkhT7XEYmnJ8NJTg+mOMWGpm4Mj2BdvwqhEWw7RQf8AF9NgmU1b8h0G3urGnVi9&#10;OHXRIH19t0LdNmpz0JvVfWmR7JzbwmX+GbaxKis3LnpdKx00ABYqHchPNIqHTfhQGkYaUPuxAT7e&#10;rxx6/s6VPcHZuPy0NFsTZEX8N692zamx9NDdTWyxkg1U3qJdNV2j1epixlk9bAJtVpnz6vI+o6Rw&#10;H+r/AFft6L2SWJJ5JNz7v1qoXrr37rYNelr1119muydzU238OjIjH7jJ5JlLR0lMCA80nIuebItw&#10;XchQRckNl/TpxE1noYu39+4TGYim6i67kEOzNvt483kYWBbJ1aNqcNIoUSxJKNTsPTLIAVAjjS+l&#10;Fcnrc0lBoH59FdlmaVrngfhfetVT00o0jrF7sX9Ot9CT1X1vkuzd00+EpTJTY2ntVZ7KgXWmpgeT&#10;c+kzS2KxKfq3J9KsQ2a9XRNfQi93dj4vKrQdbbG0UPXezrUo+1PorqmK4Mhb6ywxMTpYkmWVnmYu&#10;TGy3VfM9elenaOPRbZZDI1/oo4Vf6e9M1etxpoHz6wMwAI+p+nuvVi1OjAdFdaUG4quu35vPxUnX&#10;uzA1dkpqsHx1c8S+QU1rHXHGNLyqAS4KQhSZbrVjTp5F8+kf2p2RXdobsqtwVQkpcJRg0e38ZIRa&#10;GmU8agLr5pj65Tc+ohASiKBeNKZPTE8mo6R0E80plcseB9FH9B78xr1VaRinUZwSRb+nvXV1Neuw&#10;gH159+6t1LW0EfmaxZhaJf8Aif8Aff8AE+7jtz0y51nSPz6b3bUSzm5bk+6dPqPIdR/fun+ujwCf&#10;8PbRXieqa+sJJP19+Tj15+HXXt3prrE7A8D+v196Ir1sGnWMmwv70SF698R6xFif8B/T22WLdOhQ&#10;vXBjYEj3YJ69e1VPWD68n3p+rde90691hZgbW/Hv3XuuPv3XuuiQPr7917rGX/A/2/txVrnptmpj&#10;rGTYE/X3tiOHWlB49YSSfr7a6d6wl7/Tj37r3XD37rYz10SB9T7907hesZcn6ce/dUL164e/dbRa&#10;ddEgfX37q5NOo0kjElRwPpx7902Wr1wCX+vHv3XglePWN2VL3454Hv3XgdJ6ivKz8Dgf0Hv3Wi1e&#10;ukTlSf6/T37rQ49SiVX/AIoPfun+sbMT9eB7917rCX/p/t/fuvdYWYD68n37qpanX2Bv5ZvP8t/+&#10;X4f6/CLqj/3g8D7ivcf9yJf+aj/8ePU47Rm0h/5ox/8AHF6O57R9GP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f&#10;Mf7CcYXDbI2Ul0fE4IZ/MR2sfv8AK6allkH5aCl8KA/jkD8k5Bx9xLfOn5DrE2XtAX5V/M9BSWJ/&#10;1v6e3emeuPv3XuvC7OsaK0kjsEREBJJPAAA5JJ/Hv3XuhM7UdcZXYDY8DqafY+Bix1UIzdWyFSPu&#10;8jIPryZ5RGRc28YH49tRZq3qf5dPz4ovoP5noK/bvTHXvfuvdDT1ww2zs7sPf7gJUw45Nnbedh/y&#10;l5AjzvGfxJTU4D/8FYj829sS9zBfzP5dKIuxS35DoES9/px7f6T9cPfuvdeFyQoBLMbKo5JJ/AH1&#10;J9+690OHcEn92sTsbrGnYKdt4YZfPrGf1ZKu/dkDfkmFSdBPOiUD6AWYh7iW9Tj7OlM/aAnoM/b0&#10;A/t/pN10SB9ffuvdDZ0dRUtLmc7v7KRCTEde4OXM6X+klY6tHRw3tbWxDsn5Dqntic1AUcT/AIOl&#10;FuuSx8h0DOTyNXl8jX5WvlM9bkqySuq5m/tSSuXc83+rMfbwFBTpgnUanqCSB9fe+tddwQ1FbUQU&#10;lNG0tRVTLT08Kfqd3YKij/FmIA9+OOtgVx0P/dtTDtfF7N6kx0imDamLTKbgaI8S5KqUyMW4F9Cy&#10;M6f0WcL/AGfaeEaiX9eH2dKJzpAQeXH7ei8e1HSUtTr3v3TRYt0ZXr4r1t1Vubs2UeLPbnLbV2bI&#10;f1KCWEs6f0tJE78/8qwH0flPIPEYL6ZPS2BfBQueJwOixkliWYlmJuSeSfajpMWp119OT7902SW6&#10;MN8etp0ddnMjv3cAWLbGw6VsnLUTj0NVohkj4/tfbRqZja5DiIWOr2nuGoNI4npdZQgks3AdBHv/&#10;AHjW793Zl9zVuuNa2fRQ0rG4gpY/TBCPxdYwC5Fg0hd7AsfbsaaBTpiabWSekb7v0wSW6Nn0tsOk&#10;jWasznggoqSih3HvKqqCAsNGAKrH4xiRYfcGJa2sHNoEpoW0mSQFNK1eH+r/AFeXRlaw6Mn7T8vQ&#10;f5T+XQI9pb8qexN35DOv5I8fGfscJSyfWKkjZvHcfQSSkmR/rZmIBIA9uxR+GKdJZ5tbV/Z0h8dj&#10;63LV9Hi8dTyVdfkKlKSkpov1PI5CqovYDk8k2AFySACfdyaZPTArIaDo4uwMLt7Z235955eWOXZ+&#10;yZjVUVTGOc3nlBhesiuB5KWjkY0uPB4L+WpOglvaN2Lmg4n+Q/1cejKNREtfIefqfX/IP+K6KVvP&#10;d+U3tuLJbky8garr5rxwISY4Il4igiv9I4lsB+Sbs12Ykq1XQKDoullMzaj0lo45aiWOGGOSaaaQ&#10;RQwxAszMxAVVUXLMxNgByT7t02BXoTc7LHsPD1GzcfJG258tCq77ycBDGBLh0wkMg4CxsA1ay/5y&#10;YLBcpCfI0veanh5f5/8AN0oc+CNI4n4j/k/z9BWXA+nPt3pP1jJJ+p9+62BXoQNobdx32dTvLdYd&#10;dqYif7eKiRtE2VrtOuPH07WYqlrNUS2Iii4H7jp7bd/Icf8AAOlcMYA1Nw/wn06TW49xZLdGVny2&#10;TePyyIsFNS066IKaCMaIaWmiHphp4EAVEH0AubsSS3QLgdVZi5qemIsB9f8Abe9ha9V6xMxP+A9+&#10;GD17oXqGKHqvG02dyMMU3YeWpfuNtYmdQf4NC/6MnWRuCPvZVN6WFlPjH78lm0J707eJjy/w9KAP&#10;AFT8R4D0+fQO1FRPVzzVVVNLUVNRK09RUTsWd3clnd2YkszMSSTySbn3vh0wTXPWH3ZOPWuo4F+B&#10;yTwAPdOlHQ2UkFL1Hj48rXrDVdnZOjWXCYqQJImChlAZK6rVgynJyRm8EJH7Kt5ZRrKIKnu+zp8f&#10;oiv4v8H+z0C9XUz1UtRV1U8tRU1MrT1NROxd5HdtTu7MSzMzEkkkknk+7rg9J3z03l/6f7f3cv6d&#10;UCevWP231YsB0Lm19vYna2LpN/77pUqqWbVJs/aE3EmWmX6VE6/WPFwtYsxH7xARQykhqMdWB+Z9&#10;OnY10jW/+1X1+f2f6vtD7dO6czu7MVebzdU1VXVZAYj0xxxrxHBBGOIoIhwqj/XNySTYDTgdVZy5&#10;qek47qAoHJA5/wB497611gJJ+vv3XulpsnZeR3nXzwwzwYvDYyH77cO4q7imoaYX1SSMSAzsARHG&#10;DqkYWFlDMrbkDJ/IdPRR6/8AVjp93rvbH1GPh2TsiCbGbGxs3lJl4qcrUiwNfXsACzMReKL9MS24&#10;BCqnlXzPH/B16WUN2r8P/Hv9j/V6dBMST9fdwKdM9de22bp1V643LEKgLsx0qBzcn8AfUk+/BPXr&#10;xf06H/G4vG9M4yl3Luikp8l2VkqcVO1tq1YDR4qNh6MhkY/+Vn8wwmxU8mzgmGlfEwOHmfXp9V8H&#10;LZY8B6fM/wCr/YAvL5fJZ3I1eWzFbUZDI10pnqquqYs7Mf6n6AAAAAWVVAVQFAA38h01xNTk9NZe&#10;3059+Ip1vrEST9feuvdLPY+x8tvvLnHY4w0lHSQmtzearTppaGlW5knnkJCgBQdK3BYj8AMy6Jp1&#10;dE1/5T0tt978weNxDdcdZh6fakLr/HtwMuiqzdQn1lmayuKRWJ8cZsPyVA0qugvr1dpKYXh0B315&#10;Pu3TYBbr3v3TgXT1jL/0/wBv791boddl7E2/tzBQdl9p648Ix8u1NoD01WalWxUsp5joQSpZiLOp&#10;ufQUEzbN5D8z6dOKAuT+Q6DHfe+83v8AzcmazUiIiIKbGYylGmmo6df83T08f0RFH1P1Y3ZiSfdl&#10;4Y6TyMWPSIL/ANP9v7t031j9+69054bDZTcGUosNhqKfIZPITinpKSnF2Zj/ALYKqgEsxIVVBZiA&#10;CfeiaZ6vGCTjoxWWzGH6DxFVtfa1VS5XtfK032+6d009mjxEbAFqGhYjioH9t+CCNTWcIkTYBc1P&#10;DyHT7P4WBx9eiuySSTSPLK7yyyuZJJJCWZmY3LMTckkm5J5J9u9JesEn490cV6cj6juxHA/p7bYU&#10;6c6GTqvqtd3is3Vuqs/u91zt79/O52f0mYrY/a0twS8zkhSVDFdQADSMinXTiLXJ4dYu1e1P75tR&#10;7d27RDb3Xu3f2NvbfgsurQCoqqkAkPO4JIBJCBmF2ZpHffDqrtr+zy6BcuT9OB711Xrh7917qRR0&#10;lVkKumoKGnmrK2smWmpKSmUvJJI50qiIoJZmJsAPfutgasDo1jjEfG7ARsRRZfujcGP1erRLFgqe&#10;VR+OVapdW4/D2JP7IAqKjv8As/w9OsfBFB8R/l/q/n0U6vr63KVtVkcjVT1tdWztU1dXUsXkkkcl&#10;md2YkszE3JPu3TPUMsB9f9t7917rEWJ/wH9PfuvdDt1P1hQZilrOwN/PJiuuNvqZ55nur5CZGCil&#10;gAs7Rl/S7Jyz2hjOss0dSfIceno0A7m4f4ek12r2hXdh5dPFG2M2xiUFHtvb8RUR08KqqBiqAJ5X&#10;VRci4UWjQlFF78Om3cyGvl5DoJSxb3rqvXBiQOP6+9EV6soqell1/sHOdj7jptv4WPSX/eyGRlVj&#10;DSwD9c0pH+2Rbgu5Cgi9xokL0+E146GXtTfmC2xgU6h62laHbmNdk3JmoiPLk6q5EytKlhJCWHra&#10;1n0rHGBBGofSjzPVJJKdi8Bx/wA3+forsjl21H3fpsNQdYiwH+J9+68FJ6ddv4DMbrzWPwGDo5K7&#10;J5KoFPTU8f05/U7t9EjjW7O54VQWJAHtqQ9PItcDo0u9s5iOktoydV7JrUn3blIRLv8A3VS+l0Lp&#10;b7WJ+WRijEKoI8MZ1D96ZmXSiuenXcRig4/6s9FBmn1tx9F4Vfdqavs6Sha9RCQPqfbfTvTvt3AZ&#10;fdmbx23sDSPWZTKVAp6WFOP8Wd2+iRRqCzseFUFjwPbmkLk9bUajTo03YedxXTezl6d2RVCTcuSh&#10;Wp7A3JBw6mVBqgVhyjyoQqrx4qe3BkmZ1qvca9PSSCEUHHooM8q8IvEa8C35/wAfe2avSeMaTU9R&#10;C5P04HunThcnpb9dbCy/Y+6aHbeKUoJT9xkq9gSlLTIR5Z3/AK2BCotxrdlW4vcaJp1aOPUehh7v&#10;3ziYaSg6d2G4p9l7SIhy88BH+XVkbXfyOoHlWKUMzH9Mk5Z7ERxn3tFqerzSiMU6LJPNrtGnpiTg&#10;Afn/AB93Y1x0lUefmeo/unToT166LAfX/be/dOAU65wp5CXfiKPlv8f8PdlFc9UkamBxPWKaUyvq&#10;+ijhV/oPemNetoukdQ2+p/1/eulGoKOuvpyffuqElusbPfgf7f22zeXVlSnHrCWA/wBf+nuqcerP&#10;w6xFifr/ALb290z117q5oOvdcGYAEfU+2wpPXhjrCSB9fblAvVqlusbNfgfT3QvXh1dVp1iY2H09&#10;+CV6sCD1j9TH+vvTCnXiadeZdNv8fdetK2rrEXA+nPv3Wi9OsZJP1Pv3Vh1173qxTr2nNesbMCLD&#10;n/H3rrfWP37rYWvUf37rXWMv/T/b+/de6xkk/X37rfxHr3v3ToUL1jL/ANP9v791Uv6dY/fuqhS3&#10;XXAuf959+6cC064F/wCn+39+6t1ElUk/05+p/wBb37ppxnrgAq/8VPv3VOuOvkW4F/r791sdcmcD&#10;/E+/dP8AWFm/JPHv3WiadYi5P04Hv3TZevDrwQn68D37rwSvX2Cf5ZvH8t/+X4P/AACPqj/3g8D7&#10;ivcf9yJf+aj/APHj1Ou0YtIf+aUf/HF6O57R9GH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fLt3pnW3PuzcOeJJ&#10;TJ5Waopg39mHUVgT6D9EKqv0H0+nvIZBpAHWJUja2J6TBIH1Pu3VOsZcn6ce/de6EHqvHU9dvbFV&#10;NcCcZt9Zd05RrAgQY6JqshgeCryRqhH9G9tymi/bj9vTsIq2eAyfy6ReWyVTmcpksvWNrq8pXS5C&#10;pb+sk0jSN/sNTce7gaRTptjqNem/3vrXXAvb6c+/de6GXsA/3e6/612Wvoqayhk35mlB/VLXEpR6&#10;1H0kiplZDfmxH09soKsW/IdKJe1VX8+gV9vdJ+sZf+n+39+690JnTmAi3F2HgYquwx2LmbP5OR/0&#10;LDRDz+v8CN5VRGvxZvbUzaVP7OnoF1MPlnpJ7xz8m6N0Z7cMpb/crlJaqJXPKxFiIY+fxHCFUf4D&#10;3dF0gDqkja2J6S5f+n+3926p1j9+690PeevsvpLbeDAMOU7GybbnynPP2FPpFIjW5KSnxSp+L6xa&#10;/wBGF73J8hj8+lDdkYHrn8v9VOgAL/0/2/t/pP1j9+690OPQeDpKvd1TurL+jBbBxcu56+UjjyRK&#10;32688awytKouLmL6+2Z2oKDicdKLdc6jwHQU7kztXubP5jcFcf8AKsvkJa6RRyE1sSsa/wC0xpZV&#10;/wAAPbqrpFB0kklLkn16YiwH+J976oFJ6dtt4Ot3Rn8Pt+hF6rL5COhiaxIQOwDSNbnREl3Y/hVJ&#10;96ZtIqen0SpAHn0MfyAz1E2exOwsGdO3+vsYmHhjQghqoonnZtNgzoqpGxIuJFlP9o+2YRjUeJ6c&#10;u5M6RwHRfS4H05Pt/pKEr1yp4KitqYKSmieepqplp6eCIXZ3dgqIo/LMxAA/J9+OOnAKYHRpe3Ku&#10;HrTrva/TuKmT+J19Oue3pUQH9bM2oRE2OpZaheOQwip4gQVk9pYh4jFz9g6V3L+CgjHE5P8Aq/1c&#10;Oip+1XSAJXj0v9hYA5GuGVqKD+JUtBWQ0ePxTg2yOTqCRQ0H+MbOplqORanjkGpWdL0dqY/1U6Ux&#10;Jmv+onyH+ry6HnuvcC7G2pQ9V47Ife53MH+8PYOYQ+ueedvKysQAR9xIA2k2ZaeOFCCj+2IRrOo8&#10;PLp66l8NdAOTk/6vn/g6KIXt9Ofarot6Md1N15WZCopKJS9Nmty4773JZBQdWJ2/LdZJFY8JX5tS&#10;YoPqY6UvLYrMCqaWSn2D+Z/2Ol9vDT7T/Jf856T3ePYtHuXJUez9q+Om2Ls4DH4qnpeI55ol8TTj&#10;k640UFISSSV1SXvKQLwoQKniemrmXUdK8B/h/wBjy6AX290l6FDFBevsLTbpqQF3hnaUvs2jceqi&#10;pX1RtmJFI9MslilFf8hqmxCxFmm/UNPIcfn8v8/SlP0F1H4iO35D1/zf5egqkkeRmd2ZmdizMxJJ&#10;JNySTyST7d6T8euHv3Vwnr0sNnbXTcVXVVWSqzitsYOEV+5cyRfwwFrLFCp/zlXUt+3BHyWc3I0K&#10;xFXbTw4+XT8ahuOAOJ647v3S25aymjpKUYrb2GgOP23g42LJS02q92P+7KmdvXPL9ZJCTwoVVbI0&#10;/wCXqpk8T7BgD5dI1mINh/t/dlWvWusLMB/ifbnXuhXwGNoNkYij31uilgrcvkI/PsTalYLrNa4X&#10;L1sf/KjC4PhjYD7mReP2lZiye40H5n/J0ojAiGpsnyH+U9Bhk8nkM1kKzK5WrmrsjXztU1lXUG7u&#10;7G5J/A/oALACwAAAHvQFOmGYsanqD71x6110SB9T7shp1sCvQxYygo+rcZT7nz9JT1e+8lCtTs/b&#10;VaoZcfE1yuVyEJFvL9DSwP8A2v3XU6QFbJ1HHD16WqvhAE8fIf5f9X+HgD2RyNZk62qyOQqpq6vr&#10;Z2qaurqGLPJI5uzMx5JJPuwFOmidWT03SEkG/v3VSadYPfumy9ehg2ttbD7cw1P2D2DTtNjJWLbS&#10;2iTomzEyfSSQfWLGRNYySEfufpW4KiShNcD8z6dPxRBBrf8AIev+x/q+0Ot1bpyu7c1V5zMzrJWV&#10;JCJFCNMUEKC0VPTx3IighX0qo+n1N2JJsBp60zmQ1PSWLE/4D3vrXXH37r3S72JsSv3tX1H+UQ4j&#10;b+Ih+93JuSt4p6KnFyWYkgPM4BEcYN3P9EDMtWbT05HH4nyA4n06d9874xtXRR7K2PSy4fYeMn8o&#10;SQn7nKVIsDX5B+C7MVvHGbLGtrKtlVKqvmeP+Dr0kusaVwv8z/q/1fIKS/8AT/b+3Om+sJYD/X/p&#10;7917riqyTOkUSPJJIwSOKMEszE2AAHJJP0HutAM9WqTjowdJjsX0njIMxnqWkynauRp1qcFgKkLJ&#10;Fg42s0dbWobq1eeDDEf83wzc+2yfFx5f4elSqLcVOWPAfw9ARlcrkc5kavLZasnr8jXTGoqqupYs&#10;7sfySf6DgAWAAAAAAHu5IUU6aLZzknptf9J90XB631h9+Zq9e6W+xtiZbfORlhpGjx+Hx0f3e4Nx&#10;1vppKCnUFmkmkJVdZVTojuGcg/RQzrQmnVlQt/n6Ve/ewcQuHi6764inx2yKJxJkshKNNXmakW1V&#10;NWQA3iDD9uI2AsrFVCxxxaApk8etu9cDh/h+f+r/ADdAr7t1tVrnrgXA/wAT791stTrGST9ffutK&#10;anofNobK29s7B0nY/aUTvS1I8+zNj/SfLSKAVmqFIPioFJBJYWcWJDK0cc9SScDp8DTk/kOgp3tv&#10;bO79ztRnc7UB5XHho6OG6wUsCk+Onp47kJEgP+uxJZizMSa6a/Z000lekU97/wC9e3AKdMk164+/&#10;de6dcDg8tufL0OCwNDNkcrkZhBS00I+p+pZibBERQWZmIVVBZiAD70Tp62qljQdGDz2cwvRmIq9m&#10;bMrKfKdl5CD7feW9ablccCPXj8a5F0lX6PILMp5NpdK07YHiZPDp5iIsDj5n/V/q/wAhYXdpGaSR&#10;md3Yu7uSSSTckk8kk/U+3eHTHHrCX/A/2/v3XusZJP19+6unQxdX9WLu/wC83Vuqt/u71zt0ebO5&#10;2f0+UqQftaW4JeZyQpKhtOoABpGRSzIc0HSlV8zw6jdq9rtvNqPbe2qP+73Xm3v2Nv4CD0hgt1FV&#10;UgEh53BJFywTUeWdnkeox1Vm1/Z6dAt791Xr3v3XustJTVeRq6agx9NPWVtZOtNSUtMpeSSRyFVE&#10;RQSzMTYAe/deAr0auKnw3xtwkdZWx0ea7pztB5KOlfTLBgqeVSPI31V6lhcf7VyB+yCZ601fZ/h6&#10;fJ8EUHH/AAdFVymUr8zkKzK5asnrsjXztU1lZVMWeR3N2ZmPJJPu3THTYX/A/wBv7917rh7917ob&#10;OperI93tWbq3XO+F6522rVWczEl085jsftacgFmdrgOUBK3CL+66D3UnyHTqJXubh/h6hdtdqNvi&#10;rpcLgaZsHsPb6Ck27gIrIoVAUFRMiekzOvAF2ESkqpLNI8lgNP2+fVHfxT8vIdAx791Xr3v3XulB&#10;tfamb3rnKHbuApGq8hXSgD6iOKMfrnmcA+OGIG7N/rAAsQDomnTkQ1HoxO/N04Tp/bFR1RsCoSpz&#10;lWmnf+7IdIeWQoyvSREM5RlDFWANoEJQXmeVlbC6jU/kOn5H0jSv5nopLu0jFmNyf949u9JFX06w&#10;OT9Pxb37p0LTrnTU1RW1NPR0kEtTVVUy09NTQKWeSR2CoiKLlmZiAAOSffuvFq4HRxI0x3xs2dz9&#10;pW9x7uobs3okXEUrf8lodLD/AFppR/aih5ZP6n2dP6vBHqf9X8v8P+AneQyFRX1E1RUTTVE08zT1&#10;FROxeSWRyWeR3YlmZmJJJNyTc8+3R0yB5nqB731Uv6dcEjlnmSGGOSaaWQRRRRgszMxsqqouSxJs&#10;AOSfp7YOD1cZ6Objaaj+Nmxf4rWJTVPcG9KIxY+ikCv/AAymNiWcG40xGxkvxNPphUNHFI/vx/U6&#10;UEiAVPHonWRyNRWVNTUVFRLV1lZUPVV1bUMXkllkYtI7sSSzOxJJP1Pt7TTHSUd51Hpq90f06v1M&#10;x+PrcrXUmMxtNNW19fUJSUdJTjU8kkjBURQPqWY29t8On1Xo3u566i+PWwE2Ht+oin7Q3lSLVbpz&#10;FMQTQwMCoSJxytlLJD+b+SoOgtGvuoXxD8uryuIV6JxK4RTEpJJ5kf8AJP5/33+w9vE6RQdIo0Mh&#10;1H8uohIH19t9KgtOsZf8D/b+/db69GhkcKPzyT/h72BXqrNoFess8oAESG0afX/E/wDE+9sfLqka&#10;/iPE9Qi5P04HuvTvXD37r3WAkn6+/dPYXrifof8AW90K8T1XXU9YPdE49Wfh10SB9fb3TPWIuT/g&#10;PfuvdcDwCf8AD37rYz1gJJ+vurCvTpIXr3vwUDpstXrogH6/1v7qX9OtA066JCi3+8e6gFutceo8&#10;rE2/p/T3tl09b6w+6dXCevXEsB/r/wBPfunOsZYn/W/p7917rj791sdcSwH+J/p7906WA6hFifr/&#10;ALb37pnrr37r3XAuB/iffutg06xkk/X37rxNeuvfutrk9cC4H05Pv3Vy9OuHLH37qymo65hAPryf&#10;fut9Rp3Avbk3/wCI9+6bc+XUQkn6+/dN9de/de64F/6c/wCPv3Tpf064AFj/AMSffuqAFusgUD/H&#10;/E+/dOBadcS/9P8Ab+/dW6+wP/LN/wC3b/8AL7/8Ui6o/wDeDwPuK9x/3Il/5qP/AMePU4bT/uLD&#10;/wA0o/8Ajg6O77R9GH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fLDL/ANP9v7yI6xH6x/Xk+/de697917oVNrf7&#10;huuewdwG6VGYkotj46UfkTyGtrlv/Q09KgI/2rn/ABafLAfn/k6fTtQn1wP8vQUlgP8AX/p7d6Y6&#10;xlif9b+nv3XunvbGGk3FuPBYKO4bL5anx5Yf2VllVHc2/CKSx/wHurHSCerIuogfPpV9w5yPNdi7&#10;mmg0/Z4+t/gdBHGfQsNCopRo5PpZomf/AF2JHHusK6VH7f29OTtqY/s6DAsT9f8Abe3Omeuvfuvd&#10;DjsNv7tdW9m7xJ8dVlkh2Fh3HBLVNpK1Qf6inZWBHIKH6GxDEnc6r+fSmLtRj+X+r9vQDkk/X2/0&#10;m669+6908bcw8249wYXAUptPmMpDjlkHIQSyKjOf8EUlj/gD7qzaQT1ZF1EDoRO983Dlew8jj6Ig&#10;YvadLDtPGRL9ESjXTKlhxdalpF/1gL/T23AtF+3PTtw1Wp6Y6Bv290x1737qhenDoxFSw2J0FSU4&#10;IizXamYNVL+JBjaQiy3FiVYqh/IKVLAn8e2Ka3+z/D0qykXzb/B/q/w9FxLE/wCA9v8ASYKB1x9+&#10;60X9OjI9FUtNtjE727dykKvTbTxb43BLLwstfUKF0q34a0kcR+vFQeOPaec6iEHnx+zpVaLQNIfL&#10;A6LjW1tVkauqrqyZ56utqXq6qZzdnkkYu7sfyWZiT7fApjpPSpqePHqJ731Qv6dGI+Pe3KBszl+w&#10;9wDx7e2BQNkzK4BVqvQzRhQSNbQxqzgDnyeL8sLp7hsaRxPSm0j1EueA6Bndu5a7eG5czuXIk/c5&#10;atap8d7iOPhYYVP+ohiVUX/BRfn28i6AB027aiWPTVjsfWZavo8Zj4Wqa6vqUpKWBbAs8jBVFzYA&#10;XPJJAA5JAHvZNOqAlzReJ6OL17S4HZmByfYtcyVO2diU1Ri9oFPSMrlJrRV+Tj1C/wDlUqrSUxt6&#10;aZLuoaNmKWSrmnmePyHp/l6XoBGNXkvD5nzP58B0TzP53I7kzOSz2XnM+QytY9ZUyc21OeFQEnTG&#10;i2VF+iqAo4HtUq6RQdFjuZCSfPpTbF2/Hkah83kKKSvxeNqoqOjxSA6spk5zaixkf0NpWHknI5Sn&#10;R7EO0d6O1MD/AIoevT0EeruPAeXqfIf5/l0YftDcknVmz5tmU1dHV9i79vmN9ZqmIBhjlGkwRW/z&#10;cfjBggQWEcKu6qhkU+2I18U18hgDpVPJ4K0B7jkn/V+wdEyJA+vtX0W9LvaOHx6UtZvLcsWvbWDn&#10;EEGPYlWymQK64cfGRyIgLSVTj/Nw8f5ySMGjHyHE/wAh0/EgHe3AeXqfT/P0k87m8huPLV2aykqy&#10;1tfL5JSgCoigBI4okHEcMMaqkaDhEVVHA92A0inVWrKanpp9763hen7bW3MhunL0+IxwiR5Faeqr&#10;KphHBS08Y1z1VTKfTFBBGCzsf+CqCxVTpm09eUGU0H7fQdKHeG48dLS0e0NqmWPaGEnadJ5AUlyd&#10;aV0S5OpQ2IZ19EEZ5hhsn6me7QNMnif5dXkIPavwj9pPr0H5IH196Jr1UCnUWRyWNuB7dTh1voSt&#10;pbfxeKxX+kDeUHmwcFQ1PtvAP6XzNdFY+Mi11xtOSDUy/Q/5lLyMQtGap0j8z6dPRqFGpuHkPU9I&#10;rcO4MpujL1mbzE/nrax7kKNMcSLxHDClyIoIUASNBwqgAe7qoQUHTbuXNT0y+2ia9V6xl/wP9v71&#10;1cJ69C/gsTjtg4il3tu6hgr87kIxUbF2hW8iQc2yuRi+ooo2A8ERsalxfiJSxqQXwPz6UgCEajxP&#10;Af5egpzGXyObyVdl8tVy12TyVS1XWVU36mdjcniwAH0VQAqgBVAUAe7U04HTJYyGp6avfurdcWIA&#10;I/Nvp791o8OhS2vtTF4XDQ9g78p5HwbSmPa+2gSk2aqU5tf9UWNhNvPNb1f5uO7MPbbNXA/M+nVo&#10;ogo1vw8h6/7HSG3fuzM7uy9Rms1ULLVyqIoYYRohpoV4jpqaIErFDEvCqP8AEklizG6gKKDqruZG&#10;z0kPe+t9e9+690t9k7HrN41lS71UOG25h4fvdy7lrQfBRU4/P48tRLYrFEvqkbgWAZhVn0/b5Dpy&#10;OPWfQeZ9OnbfG/KWuoYNmbNp58LsLFy66aicj7ivnFtWQyLrby1EpAKp+iIBVUDSLVVKZPH/AAde&#10;kl19q4Ufz6Cr25031737r3XUFPNUzRQQxSTTTyLFDDEpZ3djZVVQCzMzGwA5JPHuhcDrwFejBRUu&#10;L6Px9PXV8VHlO26+FanH46YLNBt+J1uk9QvKS5J1OpENxHw54t5WhWX7P8PSsDwR/SP8v9X+r5gJ&#10;kclXZatqsjkqqetrq6dqmrq6li8kjsbszMeSSf8Aig49uEUHTTcCfP16g+2+qKnXF/0/6/v3TvS5&#10;2F17kt9VdU4qYMNtvDx/d7k3LX+mnpIBy3JsJJ2UHRGCCxHJVbn3Vm09XRNX2eZ6fd/di4+qxVPs&#10;DYFLNhdg4uXW5c2qctUAi9bXMApJYqCkZ4WykgaY0i8q0yePW3fVgcP8PQNFgPr/ALb3bpvrEWJ/&#10;wHv3W6nh1x9+6sE9ejAbW2nt3r3B0fYnZ9Ea6prl8+yNgudMtay2K1lap5ioVNiAwOsG5VgVSShJ&#10;Y0HT+IxU/kOgg3jvLPb6ztXuDcFUaisqTojiT0xQRKT44IEuRHDGDwPybsxLszGwFOk7MX6S3vfV&#10;gnr1glYA/wCNvp791p+PTrtzbub3fmqLAYCilr8nkJfHBBF9AP7TyN9EjQcsx4Uc+9E060qlzQdD&#10;9n9x4TpDGVmyuv6uDJ7/AK6mNHvbfkPP2pP66DGN/utkbh5ByrAc+UDwUA15PTzERYXj5nosjszF&#10;nYlmYlmZjcknkkk/Un250n6jlifr/tvfuvdde/de6F/rPrOLc8VbuzdladvddbePlzebl9LTstv8&#10;joxYmSeQkKdIbTqAAZ2VTR2pgcen4k/EeH+HqH2j2tU71+y27g6JdudfYA+Lbu26X0jSt1FRVaSR&#10;LUOCTySE1MAWZnkkbpp+3zPV2fX9nkOgc966r10TYE+9kU6rq8uvU9PU1tTBSUsE1VVVMywU1NTq&#10;Xd3chVREUFmZmIAAFyfeurAV6NdQUOF+OWFizebgos13JmqLyYTCyESQ4WGRSPuJ7EgzkEjg3Y3j&#10;jIjEkj1+L7P8PT+Ih/S/wf6v9geZ6KxmM1ks9k63MZetnyOTyE7VNZWVLand2+pJ/AH0AFgoAAAA&#10;A926Y49NRJP1Pv3XuuvfuvdDB1P1ZLv6qrMvl6xMHsXbw+43Jn52CKFQa2ghZuPKy/VrERqQSGZk&#10;R6sTwHHp2OPVk8B1M7c7Vi3R9rs/Z8TYbrnbgWmw2MiUxmoMYt91ULcszsSxQMSVDFm/deRjYLp+&#10;3qkj+Kfl5D1/1eXQF+/dV697917pzwuHye4crQ4TDUktflMlULTUlLCLlmP5J+ioouzMbKqgsxAB&#10;PvxNOrKhc0HRpdwZfEfHrbM2ztsVUFb2hnKVG3TuamsfsIn9S09OzcpJpI8YsGt/lDhWMSq2AWye&#10;lDfpdq8fM9E/mqHmd3dmd3JZnckkk8kknkkn6n251SnUUsB/r/09+60WC9YiSx+nJ4AHv3TZYt0b&#10;zZWAxXRO1ouyt50sVTv3M0zJsjbFRbXTCSP/AIETpcOjlX/dPDRRt4+JpCqsklzQcPPpUqiBdTcT&#10;5f6v59Fc3NuTK7ozGQzWZrJK7I5KoNRV1Mhvc/RUUfRI41AVFHCqAoAAHu9PIcOk+upqePScJA+v&#10;u3DqpJbrGXv9OPbZevDq4SnHo2vVG0cP1htg919h0rPVWC7B25KAJZ53UmKpKtezvYmIkftxhqix&#10;JiIaqSaDpUoEQ1N0XXeu8cxvHPZHcObqPuMnkpdThLiOGMcRwQqSdEUSelR9TyzEszEqAAg6R1Mx&#10;1Hh5DpE+6F68OneuBcD6cn3Tr3RwuusHjOkNkt27vKlSfd+bp2pNg7dqOJE8qH95kNmQyoQ0j2Bi&#10;gOkHyThPemOo0HDpUv6Y1N/xXRXM9ncnm8rkc7mqt67N5ioarraqS31awAAHCoigKij0qoCqAoA9&#10;vE6BQdIhW4ap4f4ek0xIBP1P+PtrpX1hJJ+vv3XuvAEkAC5JsB791omnWeVxTII0N5G5Zh+P99+P&#10;9v7ue0U6ZUeKanh03kk/X3Tp/r3v3XusZf8Ap/t/fuvdY/fuvcevf6/09+691FY2BI9spx6uzV6w&#10;+3uqddEgfX37r3WNnvwP9v7917rh7917rokD6+6tkde6xl7/AE496CU49e64e79e6xyfj23J1dDT&#10;rH7b68Xr1gP1P+v7904OHXEkD6+9gV68TTrGXJ+nA930UHVNdT1hLgfTk+2+nOsJIH19+691iLE/&#10;4D37r3XH37r3XRYD6/7b37r3WIsW4/3ge/de65BP6/7b37pwJ69ciQot/vHv3TnDrGWJ/wBb+nv3&#10;Xuok31/2P/Ee/dNOPPrB791TrokD6+/de64BPyf9t7904E9euRYDj6/4D37pzrEzfknj37rRNOsJ&#10;e/049+6bL14dfYP/AJZf/bt3+X1/4pD1R/7weA9xXuP+5Ev/ADUf/jx6nTaP9xIP+aMf/HF6O97R&#10;9GP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fK/95EdYj9e9+6910SB9T7917oUd2t/CeueuMCt45sp9/vPIR88/&#10;cTLSUbf+c9ITf/arDgXLSZZj9g6eftRR9p/zdBP7d6Z66JA+vv3Xuhe6QVId4Vm5Jo0em2XtfI7p&#10;lWT9JMFOYowfpzrmBAHNxcfS4ZnyKepA6UW47q+gJ6B6WWSeWSaZ2klmkMssjfVmY3Yn/Ek39vdJ&#10;ya9YiQPr7917rEWJ/wAB7917ocuwD/AOrOq9prdJ8nT1G+Mmh/tGqbTROR/UQO6/8g/6/tiPudj+&#10;XSiTtRR+f+r9vQFFgPr/ALb2/wBJ+sRYn/Af09+690OfQdPDR7jz29axFai2HtaszhL/AEM7RNFF&#10;H9R6nQy6fzqUAC5BDE5wF9TTpRbihLeg6BGqqZq2qqaypcy1FXO9TUSN9WeRi7sf8SxJ9vgU6TM/&#10;mesHv3TRYt054HFVO4c5iMFQgmqy+Rhx0J/oZZFTUfxpUG5J+gBJ96Y6RXpyOLUQOhY+QGZpqre8&#10;W28aSMPsbD0+2KCIG6hoow0p/HqUsIm4H+aFh/VqFaCvr0oupBqp6dAWSB9fb3SMkt1w1FiFQEkm&#10;wt9T/re/dXVOjLdvkbE692D1TAfHXvTf3s3WFIuaiUuI43I/UFlaUWP4iiPPFk0Xexb8h0suH8FF&#10;Qfaeiy+1PSCpbrnFFJPLHDDG8s00giiijBLMzGyqoHJJJsB+ffurqnRoO1ZI+tutdqdTUUiR5bKx&#10;ruTehhNyzsQVjdgbFTOgC8X0U0Z+jcpox4jFv2dLrhxAgjHE5P8Aq/1cOitkgfU+1PRaTXoZuudq&#10;V+QbHUdCvj3Dvry4zFTMDehxClo8nlDxYGZVkpYP62qQLN4yWZHp9g/mfTpVAlB82/kvmfz4Dp/+&#10;QW8Mf97iusdr2i2xsWFaSWOI+mWtVNDaiLB2p1JUt9TK0xN+D71ApI1Hif8AB1u6lrRBwHHoAsHh&#10;63cWWosRQBPuayXT5JjpjiRVLyzzP9I4YIlaSRzwqKzH6e3mOkV6TRoZDQdHH2gu3dibWl7NyMZf&#10;be2oJsR1jjKpfHLkKyb0VOYdDyJ8jLHpjNiYKSM8FURijash0+Z4/L5dGShY11HgOHz+f2ny+XyP&#10;RNdw7gyW5szkc9l6g1WSylU1XVTHgXY8IgudMaLZUUcKoCjge1irpFB0WO5c1PUja23Z90ZUUQqI&#10;6Chpad8jmstUAmKjo4bGeokAsTpBCog5kkZI19Tj3pm0jq0cfiGn5k+g6mbw3JT5uqpaHD00mO2t&#10;gYWoNu42QguIy2qSpqCLB6ysf9yZhwCRGvoRAPItOPE8ennYHhwHD/P9vSP926ZL+nUuhoazJ1tL&#10;jsfTTVldXVCUtJS06lnkkchURVHJLE291ZgvHrSqZDjoR9y19Js3FVGwcDVQVVdUMp33uCkN1qJ0&#10;OoYymkHJoKNx+4wsKicFreOOO7NfEz+wdKm/RGgf7Y/5Py/1U6Ckv/T/AG/twJ69Ji/p1j9+fryd&#10;LzZ21KGtgrd27qeaj2TgZlStki4lr6orrixdHyCZ6gD1uOII7yOR6b1L0AA4n+XSmNAe5uA/n8um&#10;Ldu6q7d2V/iFVFDR0lNAuPw2IpBaCio4riClgUAeiNfqxF3a7tyT7cVdPVZJPENeHoPQdJj3RzU9&#10;U6wFifr/ALb3Tp4AL0LO2dv4ra+Hh39vajirIqgFtl7SqSVbJzKwH3VSgGpcXTnlidPnYCNTpJ1U&#10;Jrgft9Onlog1t+Q9f9j/AFfaHe4dw5Tc2Yrs5mqpqzJZCXzTykAAfQKiKPSkcagKijhVAA4Hu6jT&#10;0nYmU1PTCT+T791cCnWIuT9OB791voVNnbYw2Lxg3/v6CVttxOybewCNonzdXGR+1HxqSghP/Aif&#10;6DiNNTkgNs1cDj/g6dRQo1Nw8h69Izd+78xvLMS5jMSx+XxrS0FBSropqOmTiKmpoh6Yool4AHJN&#10;2YliSbqugU6YklLmp/L5dJF/0n3vptePWH37q5enS42Rsir3jV1UklVDhtuYaEVu5dy1oP29HT3+&#10;p+nknktpiiX1SNwLAEirNp6chQyfZ5npx31vqjyNHTbQ2hSzYbYmGlL0dHIR9xXT2s2RyLC3kqJL&#10;elf0xLZVAt78qacnif5dWkfX2rhR/PoK2f8Apyf6+7dU68lzcn37r3Umnp56ueGlpYZampqZVgp6&#10;eBS7yO5CoiIoLMzMQAALk8D37rYFeh7IxnR1FFJIlHlu3q2ESoj6Zqbb0Ui8XW5jmyciN+brEDce&#10;mxnTquv7P8PSg0tx6t/g6ACtravJVdTX19TNV1lXM1RU1NQxd5Hclmd2YkszE3JPt4kL1RcivUX2&#10;2Wr1brGX/p/t/demy/p0InXvXtTvSorK+vrEwOz8Gn3O5NzVYtFBGBfxRX4lqZBwqC5FwSDdVarN&#10;Thx9OrwxlzU8B59St/di0+UoYdl7MppMF15iZB9pQGwnr5l/VXZBxzJNKfUEvoQaQBdQRsL+3px3&#10;rgcOghL/ANP9v7cK0HVOsfunXuvf8TwPfunVoBXoxOA2viOpMRSb97FoY63dFbGKnYuwqn9Wq10y&#10;GST6xQxN+mM2bULEBx+23q14H7ena+GKnj5DoEN1brzm9M3Wbg3DWvW5GsbknhI0H6IYU+kcUY4V&#10;R/iTdiSbgU6YzIc9JwkD6+99XoF6xlyfpwPfuqF68Onva+1M7vXPUO3du0T12SrmsqjhI0B9c0z2&#10;IjhjBuzH/AAFiAdE060iFzQdDlufdOB6exdXsHrWrir911UBo99dgw/r1c66HHNc+FI2JDOvIIHL&#10;SjWlFGvJ/IdOswjwv5notBJJJJJJNyT7c6Y64n6H/W9+691HJA+vv3Xuhp6u6vg3LT1e9d61h291&#10;rgCZMnlJbq9Y6Ef5JSWGp2drKzKCbkRpeQ+mjPQ0HHp6OOo1Hh/h6ae0O0Jd8TUeFwtEu3dhbf8A&#10;2NtbZpgERVFx9zUBTpkqZASSbkIGIUlmd5NqunrZfWfkOggf6/7D3VlqevFqdcPdgoHTRYnrlBBP&#10;WzwUdHBNVVVVMsFPTwKXeR3IVERFBZmZiAABcnge23Nerohr0aqjosH8ccHDm83DRZruXNURfC4S&#10;QrJDhYZFI89RYkGcg2+t2N40PjEju3TV9n+HpTiIfP8Awf6v9geZ6KtmczlNwZOtzGZrZ8hk8hOa&#10;msrKltTu7fkn6AAcACwUABQAAPdumePTZ7917riWA/1/6e/de6Ffqjq6r7GyVVU1tWMJs7Ap95ub&#10;cNQQkcUSjW0UbuPH5mQXufTGvrYH0o9SadOImrJ4dP3bPamOzVHR7A6/pTheudvt46WGIMkmQlQ/&#10;8CqgE6ipa7Ir3csTLKfIwEdlGn7f8HWpH8TA4D+f+r/Z6AT37qnXvfuvdZ6CirstXUuMxdJPW19d&#10;OtNSUlMpeSSRzZVVRyST/wAV9+4dOrHXo2sk2H+NW2DBTvRZbuTctAv3sraZY8PTyLqCgepS17aQ&#10;T+84EjgwoiPVRr48B087iHtXLf4P9X+r5E9ra2qyNVPW1tRNVVVTM1RUVFQxd3dyWd3diWZ2Y3JJ&#10;uT9fdumwKdRD9D/re/dePDrB7902Er0abqrYuD2TgE7l7Litj6YrLszbrhTLW1B5hn8bHnkaolIt&#10;YGoe0aKWZashov8AxXShVWIa2/LoC9/79ze/9wVmezM+qac+Onpoi3ipoQToggUk6UW9yfqzFma5&#10;Yn26F046TPIZDU/s6QTNbj8+9M1OvKtesZJP19t0LdOVC9GK6T6xxmThq+yt/mOh692vqqmWsB05&#10;CeI8RKv1lhSSysq6jNJpp1VizhaudOBx6ehXV3NwH8+kb2z2hkextwtkZkejxVCrUe3cOD6KaC4u&#10;xUejzzaVMjD8hUBKItrKPDHz6Zlb6g/0Rw6B1n5JYkk8n3Xq3WIsW4/3ge/de6Mn0b1pi6qGt7T7&#10;ACUuwtp6qqGOrF0r6mI8IEP+egiksCouJpisIDDyL7qx8h0oji8z0gu0eyMn2Puep3DkQ9PRxXpN&#10;v4cm4pqYG4BtwZpP1yt+WNh6QgDqroFTx6TyuZ20jh5noKGYsxZjck3J9049PqoUUHWFmuLD/b+/&#10;db6xFgP9f+nv3XupSWgj8z8yOLRp/S/++5/23twdor0nYmU0HDz6gMSxLE3JNyfbfHp8CnXAsB/i&#10;ffut9YixP1/23v3XuuvfuvdcC4H+J9+691jJJ+vv3XuuD/pPtlOPXuoxcD6c+3uvdYySfqffuvdd&#10;e/de64FwPpyffuvdYySfr7917rr37r3WMv8Agf7f37r3WJmtybn23J1sCvWJmJ+vA9t9OhQvWEv/&#10;AE/2/twJ69W6x+7FgvTZWp66b6H/AFvbZYt1YKF6we69W6j+/de69791omnWIv8Agf7f37rfXD37&#10;r3XamxBPv3W1ND1yLk/Tge/dWL14dcPfurrw64syryxt791smnUR31k8WF/fummavWEuB9Offuq9&#10;YySfqffuvdds5N/wPfulHWIvb6c+/dUL04dYiSfr7900TXr3v3XuvsJfyy/+3bv8vr/xSHqj/wB4&#10;PAe4r3H/AHIl/wCaj/8AHj1O+z/7iQf80Y/+OL0d72j6Me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V/7yI6xH&#10;6xl/wP8Ab+/de64AMxAALMxsAOSSfwPfuvdCr3Kwpt4x4FXDQ7S25jNsQ2+g+3o4mkF/zaeV7n8m&#10;59tQ/DX1JP8APp+4w1PQAdBKX/p/t/bvTHWP37r3QybMIxPVfambOpJ8mcbtSglH0ImnaerQ8fmB&#10;F/3xHtl8uo+09KI6qjH7B/q/b0C5f+n+39vdJ+sfv3XupdBRy5GuosfBzPX1cdFCP9rlcIv+8t70&#10;TTPW1Go09ehW77r4Zuxq/FUZP8P2xjKLbdACb6Y6enRmT/kGaVx7bh+Gvrnp64PdT0oOgW9u9Mde&#10;9+60TTofcURtr4/bir+I63f27IMJEw/UaWiHmJH5K+RJkP4Gv+p9sEanHyHT+rTET6mg/wBX5Hov&#10;5cD6cn2/0kCV6xkk/X37q+F6Hv49UFNHuvL7yyMerGbC23VZ6duLeUxPHGvPGoxGVlv9GQEcge2J&#10;zig8z0ptDVix4Af6v5V6A7K5Ooy2SyGVrHMtZkq2WvqpGN7yTO0jm/1N2Y+3gKCnSUguST5mvTaS&#10;T9T731vC9C/0XtRN1di4datV/heBvuTKvJbQI6Qq0YfUQuh6gxqwP9gsbWB9sztpX7cdPWq+K/yG&#10;ekx2Vut96743FuLUWpqyvaLHA8WpYQIaYW/BMKKzf7UWP1Pu8S6FA6pL+oxP7Ps6Q3u/VCQvQ+fH&#10;3atJld11O7M1aHbuwqQ7gramUftieMM9OGP9IvG8/F+YgCLN7YuHoKDicdP2q621HgP8PQV763dV&#10;723Xm9zVQZHylYXghb/dUCAR08X9D44VVSfyQW/Pt1F0CnSaWTxWLf6qdQdsYaPO5UQ1dQaPFUNO&#10;+UzteBfwUcFjM6g8GV7rHCptrmkjS41X9+Y6Rj8uvRJ4hzwGT9g6NdjMueueu8z2rX00NDune8Me&#10;D2Dh+CKHGogWijRSQfGkMYndrfuaYS9pJGumKeIdPpx+Z8+jAP4SmQ8TwHoPIf5T/n6JXLLLPLJP&#10;NI8s00hlllkJLMzElmYnkkk3J9q+iwmuejM9XddSV0sG3J9dLV5uhizO/shfQ2OwTES02NV/rFV5&#10;gqJJeQyUwS4KmZfaaWTz/IfM+v5dL4Iadvmct8h5D8/P5dIbu7siLfG4YcXg9NPszasf8K27SU/p&#10;icRgRtUhRYBXCBYh/ZiVbAFmveGPQKniembiXxDpHAfzP+rh0DVLS1NdU09FRwS1NXVzrTU1NApZ&#10;5JHYKiIo5ZmYgAD6n28cdNLHXoQ901lNtjE/6P8ADzxTzCZKrfGWpmDLVV0ZJShidbh6LGkkAglZ&#10;qjyS8qsNm1Go6j+X2f7PT0jiMaB+f+b8ug19uE06TEluve2i/p1cJ69Cy7Dq/DFSCnYu48f6ubSY&#10;THVCDgj6xZPIQvz9Hp6dv7Ly+moXX9n+E9KC3gD+kf5D/IegfJJ+vt4CnSMmvXXvfWuljs3an95q&#10;qrqK6sXEbYwcAr9z5+UXSlgJ0oiL/u2qqX/bgiW7O5+mkMQ1Kafb5dKYI9XHA8z1w3pu4bkqKOhx&#10;lIcPtTAxNRbawStfwxE3eadhxLWVLeuaQ3LNZQdKqPe0TRx4npyWTWcCgHAdIn3ovXprrgXA+nJ9&#10;+CV49e6EzaO2sRjcUN/75jLbbgmkgwOB1FJ83WRD/Mx2s0dDA5U1M/0A/aS8jWVo5wOlEafibh5D&#10;16RW6N0Zbd2XqM1l5IzNKq09PTUyiOCngjGmGmp4l9MVPCnCqP8AEkliWOwAMDrTsXNTx/kOk0xI&#10;BPu+mgr1oMK0HWAkn6+69W6FXZe08NT4uTf2/vPDtKinMOJxER0VGcq0uTS0x+qUsRA+5nHCA6EJ&#10;kJ0UZjwHH/B07Ggpqbh/h6SW8t45PeWXfK5FaenWOBaLF4yiUR01FSx3ENNTxjhI41PH5JuzXJ92&#10;UaempJDJny6RpYD/ABP9Pe+k/WNmJ/wHv3XulnsfZVZvKsqnaphw23MNCK3cu5q4H7eip7/U/TyT&#10;yW0xRL6pG44AZhVm09KIoNfHh59O2+N80VfR0u0NoUs2H2Lh5fJRUUp/yiuqLWbI5Fhby1MlvQn6&#10;YVsqgW96VfM8eryygdq8B/PoKZLkj6kk8+79Mq1eugn9f9t791fqZR0lTkKqnoaGnmq6yqmWnpqW&#10;mUu8kjnSqIqglmYmwA9+Jp1sCvQ8zS4zo6kWCm+yy3b1ZTn7usOman29HKljFELmOXJsrepyGWIH&#10;SLqT5Wcy/Z/h6U1FvgZfz9F/2ei+1NTUVlRPV1c8tTVVMrT1FROxd3dyWZ3ZiWZmYkkkkk8n3tm8&#10;h0mPHPUUuB/iffgtenU4dYySfr7swAHXmFR0JWwevX3OtVn87WHb+w8GfJntxzD/AFOk/a0ikHzV&#10;kuoKqgMF1AkMxSN2a+Xn6dXjhrluHXLsbsWLcUVLtra9D/d/YOCfThcHFw0zj0mtrWBPmq5eTyW0&#10;AkamZnd7Kor8/M9Wd9WBwHDoIySfr7dwvVOuvdGavXuu1VnZURWZ2YKqqLkk8AADkkn3Tr3Ri8Rg&#10;cD0xjKHeG+KVMp2HXwfe7O2NPYx0Q/3VkMovDKyt6o4rghha3kDNT0Pdjy6eA8LJ4+Xy6AXcO4cx&#10;unL1udz1dNkMnXymWoqJj/tkRRZY40HCooCqoAUAC3uwFMDpomvHphL/AIH+39768DTrGST9ffut&#10;E16VWzdl7g35nKfAbcojV1kw8k8rnTDTwggPPUSHiOJL8nkk2VAzsqnTNp6uiFzQdDDu3e+B61wV&#10;R1x1VXiqrqpAm+OwqX0y1koHqpaGRSWipIySpZW5FwpbVJJJQLqyenXcINK/mei2e3Ok/XvfuvdY&#10;nfg2/p9ffuvdDL1p1ZS5vG1e/t+Vj7f64wr6qisa6zZGRWt9pRjhm1EaGdbnUdCXbUY6M3kOn44q&#10;jUeH+Hpi7M7Prd91NLj6GmXAbJwaCl2ztakssMMSDSssqp6ZKl1+p5CAlUPLM+1XT1SSTX9nQUF/&#10;6f7f3bqgNOsLNb/E+6s1OthSeu4IKmtqIKSlgmqaqpmWnpqanUu8juQqIiKCzOzGwABJJsPbRavT&#10;qrTh0ayjosJ8ccHDms1DR5rubM0Rkw2FkKyQ4SGVSvnqLEg1BBI4N2N44yIxJI9QNWfLp6oi+3/V&#10;/q/wevRVsxmMnn8nW5nM1tRkcnkJ2qaysqW1O7t9SfwABwALBQAAAAB73018+m337rRNOsTMeQOO&#10;ffutjPQp9V9V5PsjJzO8y4famHX7ncm5aqyQ08SDW6I72QzFATydKL634sGqzU+3pxE1ZOAOlX2t&#10;2liq7GU3WvW9OcT11hJArSICsuUnQ3NTOTZzEX9Sq3qdv3ZPVoSLajTnz/wdad9eBw6L9731Tr3v&#10;3XustPBPV1EFJSwy1NVUyrBTU1OpeSR3IVERFBZmZiAABcnge/dbCluHRtsfQ4b43bZhzuWjpMn3&#10;FuKhP8KxMxDpiaeUFWkkCEgm1wxuDK14oz4llkZums/LpU7eEKD4j0UjM5fIZ7JVmWytXNXZHIVL&#10;1VZVTm7PI5uzG1h9foAAALAAAAe3OmUWmfX9vTUTYX9+6v1iZif8B7917oxPT3WOKqKCfs/sZhQb&#10;BwTGWlp6gENkp0YBURCAZKcSemw/z0n7QuBJajGuB1daKNTcB0g+1+0Mp2Vn2rZwaPEUINLgsOjX&#10;jpYTpBtYANNLpBke3JAVbIiKtwNAp+3pK8hmNTw8h0FHv3WusLEE8f63upWp6sGoOhg6e6qquyM1&#10;JNXSNjNnYT/K9yZuQhEWNFLmCOR7IJXUXZibRR3ka9lV9O2gdOwxeIanh0oe5e1KXcz0W09pxjG9&#10;f7ZUUuGoKfUi1TRjQtTIhAbQq8RK12ALOx1yELWNKZPHrU0vinSMKOPz6LrIxYsxJJN+fdivmetj&#10;5dYApPP0/wAT7a6uFr0L3T/VtZ2ZuL7Vmeh25igtXuTL/QRw3JEKMRp88+khb8KoeQghNJ0TTp9E&#10;6V/dfZ9FuN6TZmz1joOutpaaTFwUtwlbNECgqD/qoU5EN7lrtKxJcBbRppyemZp9R0L+fRc5HaRi&#10;zf7Ae/E16siaBTrGSB9T711fqM36T7917rJAgUeaQelRdQfyfd1Hn0zI1e0cesM0rSMXY8D6D+g9&#10;1Jr04i6BTqKXJ/wHvXVuuPv3XuuiwH1/23v3XusRYn/Ae/de64+/de66LAfX/be/de6wSMSp/p/T&#10;3ULTr3Uf3br3XEsB/r/09+60TTrGWJ/1v6e/dN6qnrj79071wZwoP5I/Hv3XusAdnPJ4t9B7917r&#10;l7917rFKwA/qb+6sK9WU06ikk/X3sCnXqluuvdGfp0Y64FwPpyfegletM1OsZJP193NFHTYqx669&#10;s9PdR/dwleqF6de97cUHVMt1jKgKT+fbfT3WP37r3Xvfutha9e9+6dCgdYHmtwv1/JPv3VS/p1HJ&#10;JJJNyffum+PWFybkfj37r3XD37r3XEsB/r/092C16qWp1jLE/wCt/T3XpwtXrj791XriWA/xP9Pf&#10;uvdYixP1/wBt7917r7DH8sr/ALdufy+f/FIOp/8A3g8B7ivcf9yJf+aj/wDHj1O+z/7iQf8ANGP/&#10;AI4vR3/aPox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5XBYn6/7b3kR1iP117917pU7Gx65feu08Wyl463cVHB&#10;OoF/2zOnlNv8Iwx/2H490kOlSfl1eIVYfb1w39kjl977uyOoslXuOslhvfiP7iQRjkA+mMAfQfT6&#10;D36MaVA+XW5TVj9vSR936b64FwPpyffuvdDFk2OO6K23S/Rty7+rM0zC4JSiplowpI4Kh2vY/nkD&#10;6n2yMyH5D/D0+wpGPma/5OgY9vdMdcC4H059+690KHSeLOZ7T2bTkXWmyn8VYn6D7KN6pT/h64QB&#10;/iR7amNFPTsAq46RO68qc7ufcWaLav4rm6rIKR9NMs7uoH+AVgB/h7ug0gD5dUkNWJ+Z6YPdumi9&#10;OHXRYD6/7b37qgBboeO4icJtPqPZS2jbHbSO4q+IfXz5J9bBv8UkSW30vqJP4sxCdRY/PpdMNCqv&#10;oKn7f9VegA9v9Iy/p1xLAf6/9PfuqgFujD0Lf3R+O2Vrv83kezNzJjYG/tfY0ZYsQP6eSGZGJ/Eo&#10;sPofaY98n2Dpco8KL7T/AKv8HRcvanpGX9Ove/dVClujL7Vv1/0RundTEw5nsWtG2cM39oUqeWOV&#10;19QZbqKnkD9SxH6EEJm/UcDyGejCMeBEW82x/q/n0Wj2p6Ql/TriWA/xP9Pfum+jSb4Y9V9L7f2H&#10;H/k+5t+N/Ht0fUPHB6G8DXAZD6YoSLkHxz/6s+0qfquW8hgdGMv+LxhfNuP+X/N0VAvf6ce1XRd0&#10;ZDrfYEudyeG2C0cirW+DeHZNQhI8dEmmTH4ssBdZJBIJZFv+uVLjVSmyeR9Pd+Q/z9Lo4qdv+2b/&#10;ACD/ACnpK969gx743jLBjZEG2NtK2GwEMHETKhAmqEUcATOoCWAHiSIWBB93hTSM8T01dS+I1PIY&#10;/Pz6TGwMCayobcNXQHI0WMrYaDD4grq/imXnP+Q44KSNcRceWpt9IEKkq0qH3Z28v9QHWoEr3HyO&#10;B6t5D/P0Pfa+dPV2zF6+o8gK7fe9dee7DzsZGv8Aym/khBFtKy8xRrYWgVm0qZgfbEQ8VtXkMDpX&#10;KfDXT5nJP+r9g+XROvarpFhehQxv+/BwEWffSu8dzUTrtqIj14/HyXjkyZ+hSpqxqipPysfknFiY&#10;WLZ7zTyHH5np3V4K18zw+Q9f83QXk35PJPJJ97L04dJwlePXRIH190oW6vUL0J+2KKk2jhoews/T&#10;xVFXPK8WwcBVLqWqqYjpfJVKn60FA/6Vt/lE4EfCJIfeitTpH5np5D4Y8Q/7Uep9T8h0GddXVmTr&#10;avI5CpmrK6uqHq6yqqCWeSSRizuzHkszEk+3wKdJCSxqeohYD6/7b37rwWvT/tXbOS3hmIsTj/HC&#10;oiaryNfUnTBSUsQ1T1VQ5sEhhTk/ljZVuzKDVm0ivT8cWo0/n6DpQ713Tjp6Sj2ZtESwbMwUxkSa&#10;QFJcpWW0S5SrX6hpALQRG/gisosxb3VEzU8f8A9OnZHBGleA/mfXoNiwH+v/AE97K1PTXWMsT/rf&#10;097ChevdCPszaOPqKKq3nvF6ii2Th5REywWWfKVfBTHUWoi7sOZpBcQxgsbEght5fJeP+Dp+OMU1&#10;N8I/mfT/AFf7ITW8N35HeWWOQrVipKOmiFFhcNSemmoaROIqWnQBVVEX6tYF2uzcn3pI/wDi+rSy&#10;6v8AIPTpKE39vBQOk9euD/pPvT8Otpx6EnZW0sQaCbfG+nqKPZWNmMNNSQHTU5irXkUFHcghBb9+&#10;YcRrcAhiWRMzeQ4/4OlaRimpuH+HpM7z3lkd6ZUZGsip6Cjpadcfg8HQjTS0NJHxFTwJwAqjlmsC&#10;7EsQLgCyrp6bkcyn5dI0/Q/63vfVTw6we/dMdCBsLYNVvOprKmpq48HtTBxfebn3PWC0NLD/AKlb&#10;/wCdqZfpFELszEfj3Rm0/b0pgj154AcT1O39vuiylLTbS2bRPgdhYebyUOPPE9dOAFbI5Fx/namU&#10;D0qbrEvCj6+/KtMnj1uWevauB/h+fQVqurm/5936YCV49ek0qB+PfunAKdZaCirstXUuNxlLPW19&#10;dOtNSUlMpaSSRjZVVRyST/xvj34mnVgCxoOh5qqrF9H0bY3EyUeW7Zqqdoszm0tLT4JJFs1JR/VJ&#10;MjY2km5Edyi3uR7aH6ufL/D0pJEHauX8z5L0XyeaWpmlqJ5JJp5pDLNNKxZmZiSzMzElmYm5J5J5&#10;Pt3poUT/AFZPUVmJJH0F/ddIGemjnrh70X9Onk4dCr1/11FuCkrt2bqr227sDBMDlMyy3kqZARai&#10;oUP+dqZf03AYJcEhjZSyzft6eVMVOB1A7B7Gn3cKLCYihj29sjA3h29tulJ0qouPuKlrnz1cgJLO&#10;SbFmtcs7yeUaf8p6q76/sHAdBe/6T7unHqvWH3Z+vdZIopZ5YoIIpJp55FhhhiUs7uxCqqqASzMx&#10;AAHJPA9t9eAr0Y+jxuH6Hx0Ge3DHQ5ntivphNt7bD6ZIcKrqCtbXgEg1WlgY4/weVJ5dW6+J9n+H&#10;p+gh48f8HReM3m8ruPK1ubzdbPkcpkZzUVdXUG7Mx+gA4CooACqAFVQFUAAD25w6ZJrx6Z5Px791&#10;rrH7917pY7F2Nnewc9BgcDAGcjz19fPcU9JAp9dRUP8ARUUfQfqZrKoJI91ZtPVkQuehP3nv3AbM&#10;wNb1h1TMz0NQ3j3lvoECoy0gBVoIGX/NUCXKjSbOpIW6s7z1Va5P7PTpx3AGlfzPr0Xf250z1wLg&#10;fTk+/de6xM35J9+690OfWvWGNrsRU9jdkVM2D65xLfthfTU5adSdNLSLwzIzLpZ15JDKjLpkkioz&#10;eQ6fjixqbh/h6SHZnaOS7AroIIoEwu08OopttbWoiFp6WFBoRmVQFkqCn6ntxcqll497VdPVJJC/&#10;QWEk/U+7dN9de/dWTj1zpaSqyNZTUNBTzVlbWTLTUtLTKXkkkdtKoiqCWZibAD3RhXJ6uWrgdGrg&#10;oNv/ABuxEWWy32O4O58tRasVhiVlp8HHKpvNNpJDTlTa/Bc3SO0euR2z3fZ0+B4Q9W/wf6v9Xn0V&#10;TMZnJ5/JVuYzFbPkMlkJzU1lZUtqeR2/JP0AA4AAAUAKoAAHvZavTVPM9NnuvVC/p10WA+v+29+6&#10;qAW6Erq7q7MdmZiWGB1xm3sYv3e49xVItBSQAFm9TWVpmQHStxYAsxCAn3UtTpTHHq48B0se0e0s&#10;ZNiafrHrRJcX13hj45qgXWfLTK2pqmoaysYmk9aoQNTWkcAiOOLYXT9vW5H14HD/AA9F9976oFr1&#10;76cn37rXXSCSaSOGCN5ZZXEUUcYLMzMbKqqLksxNgByT7904qdG5wOEw3x129BvXd9PT5TtDOUjj&#10;a22JSGWgjYWaoqLG6sP0uykE+qCI/wCekVv+0+zp8kRcOP8Ag6KluLcOW3Vmchns5WS12TyVQamq&#10;qJfyx4AAFlVEUBVUAKqgKoCgD2500BTJ49Mnv3Xg1euDsLW/Pv3Vuhx6d6og3e1Xu7d864jrnbpa&#10;bMZGdzF9w0YDGmiYAtp9SiRl9XqEcd5WGmjNTA49XVRSrcOoHcPbM+/a+nxWHibE7LwSCkwGFi9C&#10;6YwY1qJUX0+Zo/Sq8iGP0L6jI73RfDFPPz6TzSeMfkOA/wAv+boDmbT/ALH37qnWIkn6+/de6XvW&#10;/Xmb7K3JTYDEIYohafK5N1JipKcGzSv9NTH9MaXBdyBcDUy1dtA6ehj8ToaO3t/4HbuEj6i62YQ7&#10;YxDePPZWBgZMjUj/ADiGVLCWPWLyvYCR1CIBCih6oK5PVp5f9DX8z/k/z9FUd2kYsxuT/vHu5NOm&#10;AK4HXD22Xr0+uKdKjZe0MzvzcdBtrAweWsrXvLOwPjp4VI8tRMQDpiiB5P1JIVbswBbJp0+DqNB0&#10;Y/tbd2G662wvSewJ7Q06n+/meisstTO6qJacspPrksBOAToRUpgbCRQ4ias+XVZ5tA0LxPHoo00x&#10;lP8AqUXhF/oPemavTUKaeopf+n+3916UdYySfr7917rmkeu5PCLyx92UV6akk0Y8z1jml1nSv6F+&#10;n/FffmavW4005PE9Rn/SfdenOsP05Pv3XusZf+n+39+691j9+6910SB9ffutE06xl7/Tj37rfXD3&#10;7r3XByApv7917qKXJ+nA9+691w9+6bZvLrokD6+/dUHHrGXJ+nA9+6f64Hnj37r3XG6qP6f4e/de&#10;6xlyf8B7917rE/0/2Pv3VlFesJYD6/7b37pwkL1iLE/4D+nuukDPWxnrj7qX9OtFanriWA/1/wCn&#10;utCc9eqBjrGWJ/1v6e69W64+3C/TYTr3tvqxYL1gLE/8U9+6tx669+6cCevXEsB/if6e/dWLAdYi&#10;xP1/23v3TZJbrC/1/wBh791oinWEuB/iffutdYmb8k+9gV60TTrEXJ+nHtwJTpsvXrh78Xp14JXr&#10;okD6+2unesZcn6cD37r3XD37r3XvfuvdfYZ/llf9u3P5fP8A4pB1P/7weA9xXuP+5Ev/ADUf/jx6&#10;nfZ/9xIP+aMf/HF6O/7R9GP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fK2JA+vvIjrEfrEWJ/wHv3XuhT6VRB2P&#10;g6yVNcOJp63MzD/CmoaiVfwf92Kv/Ec29tTHtPT9uO8fn/g6CuSQszSSMWd2LsT9SSbk/wCxPt3p&#10;jrAWJ/wH9PfuvdcffuvdDH2O/wBnsPprDnjwbarsyEtb/i4Vpkv+TZvF9b8/UAe2ozUt9tP2dPyi&#10;iqPlX9vQLFif9b+nt3pjrj7917ob+jbUWU3tuJjpG2+ucpkYJD+JiiRxgEkDUys4H1ueALnhifIA&#10;9SOlFsaFj6KT0B5IH19v9ISS3XAv/T/b+/dWCevTxtnEtntx4HCKGY5fM02NIF/pNMkZNx9AAxJP&#10;4HPurHSCenU7mC+pA6ETvrLple0dy+IqKXFPDg6WNeAgpYUjkQD6ACfyWAFhe3+PtuAUUft63dnV&#10;IR6Y6Bovf6ce3umglOPXoo5J5Y4YkaSWaQRxxryWZjYAD8kk+/db1eQ6MJ3/ACJhZdi9dUzqYdk7&#10;ThSsEZ4NZVKhmY/1LrEj3sP84bAA+2IM1b1PSm8wVQeQz/q/LovHt/pKEp1OxeOqsxksfiaGMy1u&#10;TrYqCkjH9qSZ1jQf7FmHvROkVPVgdRAHn0PHyFyVJQZTbPXWLkBxewcBDROFsNdVNHGzuwBN3MKx&#10;kkkkM7/kkli3FQWPmenrx8hBwA6LoXJ+nA9qOkXQw9E7Nj3jv6gNainB7cX+8OakmsI9EDAwxOWB&#10;QiWfTqU2vEsh/sn2zO+hftx0ptY9b18hn/N0mu2N6tv3fWbzyOzY/wA38Pwqtf00cBKQkKb6TLzK&#10;w/DyN7tEmhQOq3EviuT+Q+wdNmzqGjSSv3Pl4I6jC7XjSrlpJv01dZIWFDQnkErPKheW3Ip4piOQ&#10;Pe3PkPPr0KjLHgv8z5DoyOeyFX1H1FUPWzyP2Z3BNJkMvVy/5+GCUapdfN1aOKcqOAVnncjiMWTq&#10;PFf5L0sdvASp+Jv9X8v8PRRsLh6/cGWocNjUWWtyE4gh8jBUX6l5JHPpjiiQF5HPpRFZjwD7VE6R&#10;U9F6IZDQdHN2ZFt3ZG2qjs6vQy7Y2dBNg+taOcBHyddKTHV5goefJkJ1KRX9UNLGbgiJWKR6udI4&#10;nJ+Q9OjNQsY1eQwPn8/z6Jrn87k9zZrJZ/MVBqcllatqurl+g1N9FUc6Y41AVFHCqAo4HtWq6RQd&#10;F7y6jXpR7OwuPdK3dW44y+2NushmpNRRsjWPc02NiYcjzaS8zDmOnWRuGKA0d6YHH/B8+rQpq7m4&#10;D+Z9Ok1nc3kNxZWtzWVmWWtrpfJKUAVFAAWOKJB6Y4Yo1VI0HCIqqOAPdPkOvMdR1Hj0zF/6f7f3&#10;cJ69Nl/Tpb7M23RZAV+5NytNT7O26UkyssR0y1c73NPjKQn61NUVNyOIYg8zkBRfbNTA4nh/n6vF&#10;GG7m+Ecfn8h0zbq3NXbry8uWrlhp0ESUWOx1KNNPR0kK6Kekpk/sQwRiwH1Y3diXZidqukU6o7mU&#10;1/Z8h0mC/wCB/t/duvBPXpww2HyW4MpQ4bEUstbksjOKelpohcsx5JP4VEUFmY8KoLMQAT70TTPT&#10;qqWNB0Ie7MzjNr4eXrzadZFWQtKku99y0puuTrIiStNTvbUcZRPcR/TzyapiLaPbaAsdR/Ien+z0&#10;67BRpX8z6n/MOgkL3+nHt3pnrh7qzU690vtk7Pp8597ntw1cmH2Tt8pLn8uqkvISR46GjFrS11Te&#10;yLeyKTI/pFmZZift8h07HHqycAcT1A3tvSbdtbTJTUcWG25hYDj9s7epL+KkptRbk/WWomb1zytd&#10;5HJJNgoDiR6eOetSSeIfQDgPTpEe3Om+uiQPr70TTr3QjbM2hQVlFU7y3nJUY7YOHnENRJD6ajJV&#10;Vi0eNoL21yyWvI4ssUepmZTY+2JJCcDp+GOvc3D/AA9J/e29K7emShqpqamxeIxlMMdt3b9ANNPQ&#10;0qn0RRgAamP1kkI1SNybAKoqq6etvIZD/qwOkV9eT7t17h1iZjyPoB791o8Ol7sDYVVvSrq6mpq4&#10;8HtPBxir3PuisFoKWH/Urf8AztTL+mKMXLMQbW90ZtP29ahh8X5AcT05dgb/AKTL0lHtDaFJLhOv&#10;8HIWxmNY/vVs30bI5Bh/naiX6qp9Ma+lR78q0yePTskmoaV+Efz+3/V/sBKSSbnkn3fpoADPXRkK&#10;DSByeb+/dbBr1JxmLyWbyNHisVR1GQyWQnWmo6SnGp5Hb6Af4AC5JsFAJYgAn34mnVgCxoOh1rsh&#10;i+lKSbCbdqKbK9nVdM1LuPc8R1xYgOLSUONPANWB6ZZ+SnKrZiVjaA8TPl/h6eZhBgfF5n06L9LL&#10;JNI8srtJJIxd3ckkkm5JJ5JJ5JP19u9J0fjTrCWA/wAT/T37q4Ut1hPPPtljXrRx0LOxOv6OuoJd&#10;8b6qJsJ15jJdMlQnFTk5wTahx6Eqzu5Uh5B6UAb1Aq7R1PoOP8h0ojUBdTcP8PTL2F2HV71q6alp&#10;KSLBbTwqGl23tii9MFNF/q2C2ElTL9ZJCLkkgWX3tQEHzPXmbxDU8BwHQbkgfX3rrXWNmvwPp79w&#10;691kpaSrr6qmoaGmmrK2snWmpaWnUvJJI5sqIqglmYmwA9+62BXoxscWH6AoEqa6LHZ/uPI0+uko&#10;30T0u3onX0yv9VkyDgggf2R+RGb1Dfx/Z/h6exD8z/g/1f6vmXDJZKvy9fV5TKVc9dkK6dqmsrKl&#10;i8kkjm7MzHkkn250wTXqF7917rHJ+PfuvdLfYHXmc7Fy747FmGioKKI1mdz1d6aWhplBLSzOSBch&#10;TpS4LWJuEV2XTNp6uia/8p6Xm++xcHhMCeseqHnptrRkjcm5uUqs3PbS7Mwsy0Z+gXjWtlsIxZ6h&#10;amp6u7gDSvD/AFf6v9joAPd+mesbkji/FvfuvdRy/wDT/b+/de6HvrrrbD0uJHZva0k2L2JRyKcV&#10;iyCKrNT21RwU0d1c07W9TgqGW9mVA8iNs1TQdPIgXubh6evSH7L7Ky3YuUinqIosVgMVD9ltrbVF&#10;ZaahplAVURVCq0rKo1vpF7BVCxqiLZV09VkkMh6DD3bpvriWA/1/6e/de6z0FDX5eupcbjaSorq+&#10;unWmo6KkUvJJIxsqIqgliT78TTrYBbA6NSkeD+NeEWpq0oc53dm6HVS0h0zU+34Jl/W9rq9W6n/k&#10;L6D9m7Tpy2v7P8PSvT4I/pH+XRT8nk8hmchV5XK1c9fka+dqqsrKpi8kkjm7MzHkkn/bfQce7Ba9&#10;MlqdQCQPr7uwAHTZJbrGX/px/j7a6uE9ehO6t6tzHZuYkggkXGbexi/dbj3HVWEFJAAWb1MVVpmV&#10;SVUkAAFmKopPvRNOnkTV9nS67S7Sw6YePqzqyNsXsDFt48hkI7rPmJwRrmmewdoGZbgGxkIDMFUJ&#10;GmgtOvO+rA4f6v8AV8+i6e7dbVa564FwPpyffuts3XABpGCqCzMdKqvJJP0AH9T79010bnbG18F0&#10;Ntqm7G39TU9fv/JQmTZOzqg3NOxAtU1CjlXjuC548X+bQ+drx0+P7Olbfp/b6f6v9X+Uru6d05ve&#10;WbrdwbgrZa7JV0uuWV+AoHCxxqPTHFGtlRFACgAAe79J9VPmek6SB9ffuqk16xFyf8B791ePoYuo&#10;ep6rsbI1NbkZ2w+y8Epqtw52SyKEjHkaCF2GjymP1MxusSetgSUR6O1OHHp9Frk8OnruTtql3IlL&#10;srZMP8H672+q0+OoadTF928ZNqiVf1+ME3jR/VcmWT91rJtRo+3z+X+z0xLL4p+Xp69F5926b6xO&#10;QbW/Hv3XulBtPaua3rnqDbmApWqshXSBbm/jhjBGuedwD44Ygbs1j/RQzFVOiadXRDIaDoz+/d0Y&#10;Ppbab9VbBq1m3DWRBt9bpp7CUysul4I3ViY5bXAUEiniOkEzvI6tha5PT8snhjQnHzPROZZWlbU3&#10;+wH9Pe2f06YWPT1j91ClunepGOx2QzWRo8Ti6WWtyGQqko6KkgF2kkdgqqPoOSfqSABySACfdTjr&#10;YGrA6ORlarG/G/ZP92sJUU1V2tuukWfO5aL1ihhIYL4iQNIjJYQAi7vqnkGkRxnaJ4n2efTskgt1&#10;oMsf9Vf83/F9Euqqppncl2kLOXd3JJZiblmJuSSeeeSeT7u71wOA6SolMnieoJYn6/7b2304BXrr&#10;37pR12imR9C/X8n8D3sCvTUkojHXppePEh9K8E/1PuzGmB1WNKnUeo3unT/WKRwFNuT7917qKST9&#10;ffuvdde/de64FwPpyffuvdYySfr790y/Hrr37p7rGX/A/wBv7917rC54NzyffutE06w+/dNFiesZ&#10;f+n+39+69poOsf15Pv3XlFeve/dPdYy/9P8Ab+/dNl/TrH7915PXrokD6+/dOdYJX4sP6/X37rYN&#10;Oo/v3Wuve2TVj08DQdY3Yjge7hKceqF68OsfvzMBjryqTnr3trp3r3v3TTN1wLgfTn37rwSvWI8c&#10;+/dPA06wlyf8B791YvXrHqBNhz791VRU9dkgfX37p2oXqLKxJ/oLe/dNMa9YvfutdYX/AFH26CFH&#10;TRBY9cfdCxbq4UL1jL/0/wBv7sE9eql/TrH7b6c697917r3v3XuuJYD/AF/6e/de6+w1/LJ5/lt/&#10;y+D/AOAP9T/+8FgPcV7j/uRL/wA1H/48ep32f/cSD/mjH/xxejwe0fRj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yr/eRHWI/XRIH19+690K/UpCVW/q+6qcX1dmqyItq/W8cVMlgPrd6gXvYWub3HtqbNP9MOnoDS&#10;v+lPQQ+3emeuiQPr7917rGXv9OPfuvdDH3MwjqOucetguN6pw1OwXgGRlmkd9P4Llxf8ki5PPtmH&#10;zP8ASPT8+NP+lHQM+3uk5NOve/dNl69DbsMjHdT9yZm9painxW36Vh9T56pvuFvb6GNlJ5tYG/Nv&#10;bEmXUfaelduNMbn1oP8AV+3oCySfqfb/AEnwvXXv3VC5PQ0/H2ghruz8RV1BAosBRVeerJGvZUhg&#10;dFc2B4SaVD/sPbNwaL9uOlNnGS9fQE/yp/l6CHNZKXM5jK5ecsZsrkp8jKX5OqeVpWuf63b26ooK&#10;dNuwqT6kn9vTZ730yWJ6FbpLb/8AePs7atI6B6ahrv41V6uV0UamoUMPyryoiEfQ6rHi/tqZtKn9&#10;nSi1i1uPln9nSe7G3Cd1b63TnhIZYq/MS/aOTe9PEfDT8/4QRoP6f0492jXSoHW55KsT8/8AY6RX&#10;u/SYtXofPjxhqSo3bkd35RQMJsHCzZ6snexVZTHIsNwbC6ossqkkeqIe09w1BQefSqzWrFj5D/D/&#10;AKj0CO4s5U7hzuXz1ab1eYyM2RmUfRTK5fSP6KgIUf0AHt9V0inSaR9ZJ9emMsT/AK39Pe+qdGuj&#10;/wCMT/H4y80+7O2pLLcgSR48obEWb9H2b3v+pXqwD+nhJ/ayfJejAf4vF82/y/7H8+ioxo80scEK&#10;PLNNIIooowSzMxsqgDkkk2A9q+kAFcdGn612TS5fdWP27VmE7T6vvuTfFaWHgqMywBaF2PpaGk8P&#10;gF7oUp6h1IE5ulkegr5nA+zoxjjqQvkuT82/2OgY7a35N2JvbKZ7Uwxsbfw7BwNcaKOFmERsSdLS&#10;ktK4/DuQOAPb0UfhinTEzeK1fLy6Enqfr6qyb0OGUSQZXeVCK/NVsfD43bYcCSzc+OrzbgRxi1xT&#10;DXzHOSG5ZKZ9P5n/AGOn4o6Y9ePyX/Z6Ye9OwqXdecpdtbd8cOytlxfwnBwU3+aleNVjknX+qAII&#10;4rk/trrBBkb3uFNAqeJ49MXMviHSvAdBHt/BV25MvSYegEYmqWZpaiY6YoIY1Mk9RM/0SCnhVpJG&#10;/CqfqePdmk6bji1Gn/FdPG8dwUVa9DgcBrTa220elxAcaWqZXI+5yM4+vnrXUNY/5uJYoRxHzpUP&#10;n1aWUcF4Dh/n/PpDkk/X26BTpOTXpQ7W21W7ry8OKo3hpoxE9ZkslVHTBR0kI1VFXUP9EhhTk/lm&#10;Kot3ZQdM2gV6tHGZDQfn8h06713RQ5I0O39txzUuz9uh4cPBL6ZKmV7CfI1QHBqqsqDb/dUYSJeF&#10;5qi0yeJ/1U6elOugGFHD5/PpAkk/U+3OqgU65wwy1EsUEEUk888iwwwwqWd3YhVVVUEszE2AHJPA&#10;9+62BXoX8vURdV4aq2xj5I5Ows3S+Hd+VgYH+FUsgBOIppFNvupVsayRTZQft1uRIfbIHimp4Dh8&#10;/n0oJ8EUHxHifT5dAoST9fb3Sfr3v3XuljsvaE+7K6qaeqjxG3cLTjIbm3FUg+GjpgQL8A+SomPo&#10;hiHqkc2AsGIZc0zxrwHr05HHrPoBxPUjfO8oc+aHBYCllxGyNu64dv4hmJdyxPkrqw30yVtSSWc/&#10;RFIjT0gltooj48fPrckmrAwBwHQfe9Fi3TXWMv8A0/2/uxf0690ImyNkQ5qnrt07nq5cLsTBOP4r&#10;lFA81TNbUmOx6txNWz/T8rEp8knFgzLNTHn09FFq7jhRxP8AkHTdvnfFZvGrpkWlhw+3MNCaLbW2&#10;aIn7eip7/QfQyzykBppmGqR+TZQqrtE0j/VnrTymQ+gHAenSBJJNz731YCnXAsB/if6e/db6Xewd&#10;gVW9aqsqqqriwe1MJF95ufc9YLQ0sP10rf8AztTL9Iohcsf8PdGbT9vTiR+JxwPM9OW/9/0mWo6P&#10;aG0KOTB9fYOQtjMYxtNWzDhsjkGH+dqJfqqniMHSOfflWmTx6rJLq7Vwo/n0EpJJJJuT7v00WC9c&#10;SQPr791Spbpxw2HyW4snRYjD0U+QydfOKajo4BdnY8/4BVUXLMxCqoLMQoJGiaZPTqITgdDZlMzi&#10;em6Ks23tKrgyvYVbSmi3VvKnOqPHav8AOY/FNYESj9M0/wCoMLLpcaYWwDJk8PT16eeQQDSuW8z6&#10;fZ0Xx5CxZ3YszEsSTckn6/65Pt3pGAW6wlyfpwPfulESU64e/dOF6cOhj2NsDEnDy9gdiVE+L2RR&#10;OUoKKE6avM1Cnilo1JDeLULSSiwHqAZdLyRpzk0H/FdWRABrfh6ep6Se/uwctvmupzURQYvCYmL7&#10;Pb23aAaaaipxYLGigKGkKgB5CAWsAAFVVG+GB/xfW2bxDU/kPToPS9vpz7to691iJJ+vunXup+Lx&#10;eQzWQo8ViqOevyNfOKakpKYand2+gA/AH1JNgoBJIAJ9+4dbA1YHRhKmqw3QVC1DQ/ZZzuOupCtd&#10;kwVlptvxyrbxQggpLXlG9THhb8+j0y6A1ZPD/D06SIsDj/g6LXVVVTW1M9ZWTzVVXVTNUVNTUMXk&#10;kkclnd3YlmZmJJJNyfdia9M9YPeuvdYy/wDT/b+/de6ELrvrfLdg19UYqiDEbew8X3m5NzZE6aaj&#10;gHqYljYPMUBKR3F7XYqgLCrNTq6Jr+zpUdh9l4kYheuOsYZcRsGjIGRriNFXmpxp1VNY+lXMRZRo&#10;jNrgDUqqI4otKtMnj1d5MaV4f4egJ936Z64lgP8AE/09+691FlYluf6fT37r3Rgtg9c4DAYCHtPt&#10;jXT7aR/JtnanAqs3KBqQBGIZaQtY3+jpd2KxWMjZYthf29PogUam6DjsTsfP9kZkZPLtFTUVIhps&#10;LhKP001FBxaOJOAWIA1uQC5A4VVRFsqhem5JDIanoPmICm5/Hu3VOohcn6ce/de6m4rFZHOZGjxG&#10;Io58hk8hOtNRUVMup5Hb6AD8AfUk2CgEkgAn3ommT1tVLGg6NNJJhPjXhWiiNDm+7s3Q2mlGmanw&#10;EEy30j6q9W6n/kL6n9iwqG8yH5dKgRAPn69FPyeSrsxX1eTydXUV2Qrp2qaysqmLySSMbszsbkkn&#10;/in09uaR0nZyeoPvfVOsT/X/AGHtp+PTqcOhP6v6szHZGSlKSLiNr4kGp3JuisstPSQoNbjW5VGm&#10;Kchb8D1uVQE+2i1OnlSuTw6XPZnamIbCRdYdXQSYfr7GuUrq0XWozEqkap52sr+F2UMFazPwWCqq&#10;RpsCnXnauBw6LmxCk/6/0976p1iLE/4D+nv3W6nh10qszBVBZmOlVXkkn6AD8k+/dWCdG12ps/B9&#10;H7bpuzeyaOOt3hWrq2NsicgOktgVqalTcq8VwzXH7AIH/AhlEdfix5efTgpCK+f+Dos+79353fGd&#10;rNw7irXrK+rawvxHFGL6IYUuRHDGDZVH+JN2JJt0ySTk9JUv/T/b+/da6x+/de6FXqfqvK9nZ00s&#10;bvjtvY61RuDOuAEgiALaEZrIZ5ADpBNlAMjelTerNTp6Fa8eHS37d7VxU2LpusutUON2Dgx9vPUQ&#10;khsnKjAmWQ8M0AkBcavVM580gv41SwXT9vVJZfEwPhH8/wDV/q9SWsn6n6/n37qnWBmvyTYe/de6&#10;mYjFZPcGUocLhqOauyeSqFpaOkhtqd2/HJAVQLlmJCqoLMQAT78TTraqWNB0cLK1mF+Nu0H23hJq&#10;bI9sblo1kzuYVQwx8MiXCxEjgI3+ZQ8yNeolAURRFkL4hqeHp0od/pxpXLH+XRM62qnrKiWoqZpZ&#10;5p5GmllmYszOxJZ2ZiSzMTckkknk+7vVjTptF0/M+Z6ie/BKdX643LMERS7sQqqvNyfoAB9T78Xp&#10;17o5u08HjPjxs4763VSwVXZu46Z4Nr4Go+tHGyjUZAPUjhXDVDXBAK0yFWdyzYGo9PEi3Wp4ngP9&#10;X8+iibi3BktwZWvyuUrJq7I5GoNTXVkxuzueLD+iIoCqosqqAqgKAPbjNQaR0kVSx1Nx/wAHSf8A&#10;bXTvXRIH19+6spp1wGqRgqjk/wC+5/w97Ar1p3x1JkdYI/DGbuf84493J0inTUaGU6m4eQ6glgPr&#10;/tvbfSsmnWIsT/rf09+631jf9J9+691HLBffuvdYyxP+t/T37r3XH37r3XEsB/r/ANPfumytT1iL&#10;E/X/AG3v3TnXXv3XuoxNgT9ffuqO3l1hJJ+vv3TYFeuvfun+PXAuB9OT791QuB1jJJ+vv3VMt117&#10;91cJTrgXA+nPv3V+sZJP1Pv3Xuscn0/2Pv3Xuo5e3059+691yU3APvRIXrYBbrG/1/2HtosT06FA&#10;64e96Ota+uiwH1/23unV+sRYn/W/p791WgGeuPuxWg6qX9OuDsAD/W30916c6iFif9b+nv3XuuIN&#10;uR7914GnXFnA/wAT7917rESSbn37r3XXv3XusEhsSfr7sq6uqs2nqOST9fblAvTdS3XXuhevDq4S&#10;nHr3unV+uiQPr7917rGXJ+nA9+691w9+6919iD+WR/27a/l8f+KP9T/+8FgPcV7j/uRL/wA1H/48&#10;ep32f/cSD/mjH/xxejwe0fRj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yrC4H0595EdYj9YySfqffuvdCz1ufB&#10;tvtqs8gjVNifYk2NyamupUAFgfS2mx/1x+BcMy8V+3p+HAY/L/D0ERe3059vdMdYiSfr7917r3v3&#10;Xuhi70Ai359mLkY/beKowx+p00MLXI/B9XtmDK/mf8PTt22lqfIdA4WA+v8Atvb3SQAt1iLE/wCt&#10;/T37pwKF6G9AMd8eJn+k24ez1i/peGnoNQIuOQsyH6fk2/B9scZPsHSgtphx5t/q/wAHQGFgP9f+&#10;nt/pGFLdYyxP+t/T37pwAL0PnUX+4fZPc27jaN6TaKbapJj9deUkaL0n+qukR/1yv19p5sso+df2&#10;dKoGojt6CgPzP+odAD7UdIQpPXvfunAAvRiemh/dzZvbHYLgxS47bo23iKg/iprWtwf6xy/bm31I&#10;a3F/aebuZV+dT0rt30K7+goPt/1U6LoWA/xPtR0XdYWb8k8e/de6MtK39wfjrEqnxZrtbM625s64&#10;+A/j+qMkQ/rxVHn8BN/aSf6XpeR4MPzb/L/sf4eiw+1PSDoQurNmPv3fGE2+yM1A9R97mXUkaaOA&#10;h5/UvKGUWiRvw8i+25X0KT09BH4rAeXE/Z0rPkLvVN2dgVlHQSKcJtWL+7+NSH/Nloj/AJTIoBK+&#10;qa6Arw0ccfukCaVr656cu5NbU9Mfn0idmxnD0tfvR4/JU42VcVtWnsS0uWqFPjmRR6m/h0V6i4va&#10;f7ZWFpPd3NTp/M/Z/s9agTT3n7APmf8AN0Pm/pB091Bh+vaaVY9476jOW3fIhBlSCQWljZvrpYgU&#10;6/hljnI5Yn2xH+s+ryHDpVIRbpp8zx/y/wCbovOyMDS5SvqMnl4ppdu7eiSvy0MF/JUuzaKTHw29&#10;RnyFRaIaeVTyS/SM+1DtTA4nh0liGs1PAcfU+g/PozPYG4Krq3YU+IlmiHZnZoOR3LNSWUUNGVMS&#10;U0GnmKGnhApadASq2ndCNKj2kXvPyHD59LZGMS5+Jv5f8VwHRLywH1/23tQAW6LyQvQkZhv7j7eb&#10;bMfo3VuSmjqd2yi2qjoyVmpsUCPUss3pnqxxb9mA8pKp8i1NfLy+316ckbwl0+Z4/Ien+foMPb3S&#10;XrPS01TXVVNQ0VPNV1tZOlLSUlOpeSSSRgqIiqCWZ2IAA5JPvxNOrKhbh0JW7Kym2Zh5uu8NURT5&#10;OeVJuwMxSkMstTGdSYqGRSdVJQSf5wjiWoBP6Y09tKNZ1H8v8/StgIhoH+2Pz9Py6Cb27011xLAf&#10;6/8AT37r3QxYtIersJT7lr4437Bz1J5to4ycX/hVHILDL1CEf8C5luKND+gf5SbnQvtk/qmg4Dj8&#10;/l0+B4Ir5nh8h69A1LLJNJJNNI800zmWWWUlmZmN2ZmNyzMTck8k+3umCa9cPdS1OvdKfaO08lvH&#10;LpiseYoI44Xrcnk6q601FSxDVNVVMgBCRRr/ALFmIVbswHtl3pk9XjjMhoPzPoOlBvjduOloqXZG&#10;zBPTbJw85n88oZJ8tWWCyZGsW/F9NoIiP2o+LBiQNKCMnj/g6vJIPhXh/h6C5mAuPqfbgWvTPWIk&#10;n6+3AKde6X+xtlR7jaszOdrWwWycCBNuDPFbnnlKOkU8TV1R9EQA6QdbAgBWTM1OHHp2KPXk4A4n&#10;rDvjeo3PPS0GKo/4Js7BIaXbW3YmusMZ/XNMR/nqypb1zSMWYk6dRABPlXT9vXpJdeBgDgOg9Zvy&#10;fdumwK9Yi5P04Hv3Twx0ttj7GrN5VlVI9VDhtuYaEVu5dy1oP29FT3+p+nlnktpiiX1SNwLAMwqz&#10;aerxr4h+Q4nyHTrvnfNFkKKm2ftCmnw+wcNMZKKikP7+QqLaXyORZbeSokt6V/TEtkUC3vSr5nj/&#10;AIOqyya+1cKP59BUSWNz7v0xXrieAT/h7914Z6ccFgsvufL0WDwdFNkMpkJhDTU0I5J+pZibKkaL&#10;dmZiFVQWYgD3onTk9PqtTQdDNls5h+pMbkdo7LrospvWviNFu7fVLwtMp/zuNxLfqUKwtLUCzMRw&#10;AwUQtgeJk8PIdOvIIO1ct5n0+Q/1f7Bf3ckar3ufbvSYJ69YGYD6m59+6c4dcVa5P+8e/de6G3Zu&#10;xsRh8NB2P2WJKfawe+A26h01mbnWxVI1NjHRA8ySm114XhgxaL1wP29KI4wo1Nw8h69IXfe/ctvr&#10;MHJZPxU1NTR/a4bCUfppqGmH6IIUACiwA1Na7HmwUKq6VPT9vr03JIZDU9IFnLG5/wBsPboUDqyc&#10;OuPvx4dW6dsFgstuXK0WEwdDNkcpkJfDS0sAFyfqSSSFREUEszEKqgsxABPtjh14dxoMnoesll8N&#10;0dj6rbe1paXL9o1tK1LuXd8J1RYkPbXQ464sahbWkl4KN9fXaOCoGrjw6u0nhYHHzPp0WyVpJHea&#10;aR5ZZXLySOSWZiSSzE8kk8kn26zV6ZDV6jlwP8T7p14vTrGST9ffuvIa9Cd1z1nWb4euyuQrotu7&#10;IwCio3Juis4jiQEEwwXBEtU6n0qL2utwSyI+iadPImrJ4dOXY3Z1JlqCHYuwqN9u9cYtwIaFAFny&#10;MqWvWV7D1SO5UMqsTyAz3YKE0BTq0j1wOHQKk2Fz7t011jLk/Tge/de6wlwPpyffuvdGP2ZsLAbA&#10;wNH2n2zT+aGb97ZWwXstRk5gA0c1SjA+OjW4YhlIKlWcMrJFNTVqwOlCqIxqbj5DoIN/b+z/AGLn&#10;589np1uR4cfj4LinpKcG6QQIf0ov5P6na7MST7sq6emncuanpDF/wP8Ab+99U6xm5vc/X37r3UzC&#10;YTK7jytDhMJQz5HKZGcU9HR04uzMf9sFVQCWYkKqgsxABPvROnrYGrA6NFWV+3/jhiKrD4Gqodw9&#10;zZal+3y+bjUSQYOKRQWgg1XDVBv+eWIDyqqBIna0mTjw9OlOoQCg+I8eim11XU19RPWVtTPWVlVM&#10;Z6mpqXZ5JHYks7uxLMzE3JJufbwFOkxNcnqH791rr3tsv6de6FPqzqnJ9lZWd3nXDbTwyfdbm3NV&#10;aUhp4UBd0R3shnMYJ5OmNfW/psGbJ6UQpUZ4f4f9X8ulb2r2ri6vFwda9bQHC9bYVvE7pdJstMpu&#10;1RUE2doWcalVvVI1pZBcIkdQvn0476seXRdnmJuF4H+q/wB99Pdum+sHv3Xuvf0/qTYAe/dOJgdG&#10;y2PtTBdLYCn7S7No46jclXGX2HsmfifygArVTqb+JkuDdlPgBDWNQ0aLX4unS3hivn5f6v8AVT7c&#10;dFu3tvfPb+3BWbj3FWGqrqk6IoluIaeIE6IIEuRHFGDwOSTdmLOzMbcOk5NekeST9ffutdde/de6&#10;EjrHrLO9nZ0YzFr9rjKTTNnM5Mt4aSE35JuA8zgHxx3GqxLFUV3WrNp6cjj8Q/L16FHtfs/B4jBQ&#10;9SdVyfa7TxqmDP5unI15SbgSfuqFMkLMt5H4E7WCgQIgfyLpyeP+DrUsgftX4R/P/V59FgZyb/09&#10;26p1hd7A2549+691xo6OsyVXTUNDTzVlbWTrTUtNTqXeSR2CoiKoJZmYgAD6k+/cOrKpbh0c+goc&#10;N8ZtojK5BKTJ9v7ooL0NJKFkix0BNmuyn9Cn9ZB/flURp+0jye2aGU/Ifz6UMwthQZY9E7y+Yr81&#10;kazKZKqnrq+vqGqqurqDqeSRzdmY/wBSfx9AOBwPb3TKJpyck8T01Ek/X37pzrE5NyPx7aYkmnXu&#10;jbdSbEw3Xu3h3T2TCVjhAbZO35ABNPOwLQ1GhiLyOFJgDcKgaoYWCMKAV6dAEQ1N/q/2f9X2F+7A&#10;33md97irs9mZvJVVB8UFPGT4qaBSxjp4QSdMaaj/AIsxZzdmY+3ahOk2ZTqb8h0H/wBOT7a6c6xl&#10;/wCn+39+691w5J/JJ49+691Ka1KnJHlcf7b258A+fTQHjH+iP59QGcm9vz9SfbfSgtTA6x+/deVS&#10;c9dEgfX37pwmnWNmvwPp7902Xrw6wP8AQH/H37rydY/funeve/de6wtyx9+6ozU64EgfX37qw6xF&#10;yf8AAe/db64N9D/re/dNBK8esHv3VyQvXFv0n37pstXrD791XriWA/1/6e/dP4GOsZYn/W/p791v&#10;rj7917riWA/1/wCnv3XusEhLAD/H6e/de64BP6/7b37r3WT22VqenA1B1if6/wCw93C06oWr1w97&#10;OetDHUf2yEr08Xp10SB9fblAvTdS3WMuT9OB7ozV6uEpx6wsw5H1P0906v1i9+691xb9J9+691h9&#10;+6910SB9ffuvdYi5P+A9+691ic/j+vuwag6qVqesXvRNetgU69711vrGX/p/t/fuvdY/ryffuvde&#10;9+691jL/ANP9v7917r7Ef8sf/t2z/L3/APFHup//AHgsB7ivcf8AciX/AJqP/wAePU77P/uJB/zR&#10;j/44vR4faPox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5U/vIjrEfriWA/1/6e/de6FfY7pH113LUspaRcNiKV&#10;BewAmysSt+De1gf9hbi/tmT4l/P/AAdPx4Rj9n869BF7e6Y69791UtTrJDGZpooQQpmlWJS30BYg&#10;C/8At/fjjpvLnoV+/akT9t7wZVKhZ6SA3/rHj6SMn/Ylb+2YPgH+rz6V3S1kJ+z/AADoHPb3ScsB&#10;10SB9T791TLdDdvUrQdLdQ0CWEmWrs1m6lRb6pUrDGTax5icAXB+hAawA9sJl2P2DpY66Y1B+Z/n&#10;/s9AV7f6TF6de9+6pluh7UjCfHWSxVajefYIRrA3amo4NQBNrEJUU/8At3/17J/ik+wf6v8AD0vU&#10;aIf9M3+r/B0AntR0jL04ddEgfX37psmvRhtzsdr/AB72RhBeGs31uGo3RWp/qoYB44/9cMhpmv8A&#10;4W5+vtOvfIT6Y6WP+nCB/Fn8uP8Am6LeX/pz/j7UdIunPAYeq3HncPgqMFqrMZKHGwH+hmkVNR/A&#10;VdVyfoACTx70zaRXq8aa2A9T0NnyPzVNNvLH7RxjFcPsHBU+BpIrggSGNHkIIsLrH4o2/wAYj7Yt&#10;xip8z0pvHqwUeQ/w/wCodF3L/wBP9v7UdI+jb9WRr1h07u7tSpVI87uRTg9qs4BYKGaKNlFgfVVB&#10;5XX6NHTIwPPtLL+o4X049GNuPCQv5nh0VCjpKzK19NQ0kctXkMjVpS00K+p5ZpXCoov9Wd2A/wBc&#10;+1Jx0lVM+pPRrer9t4vKbtWtqKmBtg9K0L1DZG14avJjVPU1t/qyGaJpVYXIgp6WNhzf2llag+bf&#10;4P8AV/l6WRAM3yTz+fn0AO/N15Lsje2Szphnkmy1atJiMel3dIQRFS06qo9T6bX0j1SMzWu3t5QI&#10;hTpJITO1R9g6M113tzD7VoKrO554v7q9Xu+RysyEFclubQFfx39M0WIVxS01jZqlmlRvWyhM7F/t&#10;b+Q/2ejCFBEKngta/Nv9jh0U3em7slvbcuV3Lk2/yjJVBdIQSVhiX0wwR3/sRRgKPyeWPqJJUpHp&#10;FOi2WYyGvTztKmpsDQT7+y0MFQlBUmi2njKpQyVuTVVfyyRn9dJjVZZpb+l5DBCbiR9O37u0fn9n&#10;VohoHiH/AGo9T/sdIKrq6iuqqmurZ5amrq53qaqpnJZ5JJGLO7MeWZmJJP5PtwCnTBJc14nqGXv9&#10;OPfunAlOPQuY23We3odwSjTv7dNCx2xC36sVjpQUfJuDytZWKWSk/KR6573aL20f1DTyHH5npUv6&#10;Ir5nh8h0EBb6ljyTck+3emOsRcn6ce/de6FLaGGx23cQnY+7KSKsoI53p9nbdqeBla6KwaSReGON&#10;oXIacjiR9MAPqce2nOo6R+Z9B/n6eRQg1t+Q9T/m6D7NZnJ7iytfm8xVyV2TyVQamrqZfqzHgAD6&#10;KiKAqqLKqgKoAAHu4ogp00zFjU9NfuhevWunrb238tunMUWCwlK1Xka+XxwxghVUAFnkkc+mOKJA&#10;Wdzwqgk/T22TTJ6sqlzQdL7eG4cPt/ESddbJqlqsWk6y7u3PCNLZmsiZtKoQxIxdKSRAn6Xa8zai&#10;Qx0qlsn/AIr/AGerySCMaV/M+v8AsdA7I5vxxx7UBadJwdXWH3bq/S72NsmXd1VWVNbXRYPa2ChF&#10;dubcdULx0sJNlRF+s1VOfTDEt2dvxYH23I+j7fLp2KPxMnAHE9Zd9b5XcK0W3cBTPhdibdJiwWGB&#10;GuQ8q1dWsoAmrqnlmb6JqKJ/aZ2VWmfPr0smrAwBwHQcE3/1h9B7t011wf8ASffutg06WmxtjVm8&#10;qyqkkqocNtvDQit3NuatB+3oqe/1P08tRLbTDCvqkb+ihmFWbT08iGY+gHE+Q6dd875o8nR0uz9n&#10;Us2G2DhpjJR0chH3FfUW0tkciwt5aiW3pX9MS2RALe/IlO5uPW5JNXYuF/w/M9BUxJJv+Db3cmvV&#10;CQop1wJA+vvXTXTxt7b+Z3bmKPAbfoZa/JV8njhhj4AA5aR2NljiRblmYgKOSfeidOT1eNDIaDoX&#10;MzuHDdX4Ws2ZsSvhyW6clCaTe2+qO9lF7PjcVIQGWnVhaScWMhF1P6RE2F1mp4eQ6Uu4txpXj5n/&#10;ACD/AFfz4ADISbe3ek8fWF2IQAcc/X37pzrB7917oddo7LwW1MLD2F2hBJ9hOhk2hspyY6nLyLYr&#10;NKpGqLHqWUliLSAg2ZCiTtMdfaPzPp0oRBGNT/kPXoON572zu+sxJl83UBiq+CgoacaKekgH6Kem&#10;iBtHEg4/q36mLMSTcIF6adzIanpFH6n/AF/duvKleuveiadXqF6UG19r5veWbo9v7fopK7JVr2RF&#10;4VEH65ZX+kcUYN2Y/wCAF2IBaZ+tCshoOhmz26MH1HiazZPX1VT5PeNdT/aby7BpjfxXt5Mfi3HK&#10;IpFnlBBuLj9wKYtImrJ/IdOO4hGlePmf9X+r8+i7s4B9R5J/2Pv1K9JusErEj+gv7117rB791cJ6&#10;9C91x1gNz01buzdVc22uu8EPLls9KtmqGU2+0oQQfLUSH03AYISBpZyqNVjThx6UxoOJwOsHZfaD&#10;7sjo9s7aojtnrzBgRYTbcBtrK3/yqsKk+apcktyW0XPqZy8j+VadVaTXw4eQ6CD3bqvWORgFP9f6&#10;e/de6iksxsL8mwA9+690ZvbOzdv9QYWg7F7Qo48juOtj+52V1zLZZGb6pWV4YN440/UFZSENtQaU&#10;iNGixc0H5npQqiIajx8h/q/1D7egK3pvTPb6z1XuPcdW1VXVbaY41uIoIgToggQkiOGMHgckklmL&#10;OzMXANPTLMXNT0kCxP1/23vfVeuvfuvdPW3du5rdmZosBt7HzZPK18miCmhsOByzu7EJHGg5Z2IV&#10;QLkj3onT1ZVLYHRkMzntv/HnEVG09nzUWb7XyFKafde8kAePFhwL0VDqH+dT83tZgHlBbTDE2AXy&#10;enSRFgcf9X+qn7eim1FTPUzS1E8ss888jTTzzMWd3Ylmd2YkszMSSSSSeSfbvTBNeo/v3XuuiQPr&#10;7bk62BXoW+qOqq7sauqq+uqRgdkYEGp3NuapKpHFGg1tDC7+gzsnJJusS+t73RHb6fjirk8OnvtL&#10;tmhyOOj6662pTgOs8Q2hIYgyzZSRG1Gpq2b91o2calRzqY2kl9ehIrBKZ628uaD7P9X+r7ei9szN&#10;yxJ9161117917rgW50qLkm1vfuvdGu2bszb/AE1t+k7S7TpVqtx1SebYew5iBK0oAZKqqQgmMpcN&#10;6haAEEhp2jRdDu6cp4eTx8h/q/1DouW9t8bh7Az9XuLcVY1TWVJ0RQpcRQQgnxwQJc+OGMHgfUkl&#10;mLOzMd9Nk149JH37r3XEsB/xT37r3S+6265z/Z+4osHhlENPEBPlspKCYqWC9i78jW7WIRAQXI+q&#10;qGdas2nq6IX/AMp6GPszsjbmztuy9Q9Ssi4WMGHde6oyGlyU1gJkSUAaoSRaSQcSACOICnX93YFM&#10;nrbvUaV4f6v9R/YOisXuTc3P1PvfTfXF/wBJ9+691jSN5XSKNHkkkYRxxoCWZibBQBySSbAD37rw&#10;6OTtXb+D+PW1U39vSnpMj2PmabTtPbM59VGrLZnkA9SMob9+QAFf+A8TBndi2TrNPL/V/q/1YWM3&#10;gD1Y8B/q/n/qqU3c+5svu7M12dzdZLW5CvmM000n+2VVX6JGigKiD0ooCgWHtzh0wBTLcTxPSe9+&#10;6qX9OuJYD/E+/dbTox/S/VuMq6Op7R7F8dFsPAXqKeCsB018qMFF0teSnSUhAoB88tohqAdS2xPB&#10;ePShaINTcOkP212pk+yc+9ZJ5KPEUWqmwmKB4ghJ5ZwCVNRLYGRhe1ggOlV9+oIhTz8+kjymc18v&#10;IdA436j70Erx6dXh1GJJ+vunVuuvfuvdS100yeVxqlP6FP49uhdAqemGbxDpHDpud2kYsxuWNz7b&#10;Jr08BQU64+9db64F7fTn37pwv6dYiSfr7902TXr3v3XusTMDwP6/X37q6cesRYD/AF/6e/dO9Yyx&#10;P+t/T37r3WJmI4H+39+6ZY1PWL37p0cOvfTk+/db6xM9+B/t/fumy/p1iLAf4n+nv3TfWJmvyTYe&#10;/de6wl7/AE49+691w9+6uoPHrokD6n37pwmnWMuT9OPfuqhqnrh7908Er10SB9ffutsKDrGXJ+nA&#10;9+6b68GsoA+vujNTq6rXrGzfknn35WxnrTinWIsT/gPdCxPVesJf8D/b+3urhPXrGST9fbVCx6uS&#10;F697uFC9Nli3WA/U/wCv7aPTo64FgP8AX/p711vrEzE/Xge/de6xF/6f7f37r3WP37r3XvfuvdYn&#10;+v8AsPfuvdYiwH+J97p1UtTrEWJ+v+2966bJLdde/dOjHXAuB/iffut9YySfr7917rr37r3X2J/5&#10;Y/8A27Z/l7f+KPdT/wDvBYD3Fe4/7kS/81H/AOPHqd9n/wBxIP8AmjH/AMcXo8PtH0Y9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8qIuT9OPeRHWI/XD37r3QvbN8KdUdzyuWErjbtJAB9DryckrX4+toOD/sPyPbL/&#10;ABr+f+Dp5DRG/wBr/h6CH290kL164FwPpyffuvBK8enDBxrUZvDwy3KTZWnie3Bs0yA2/pwfdWwD&#10;9nT0YAYD5jpd91SPJ2nvZpDcrmDHf6cJHGij/YKo90g+Adbu2JkP5f4B0FZf8D/b+3emAnr1jJJ+&#10;vv3VyQvQ4dv3pMB09iCbGm63psqUvyDXO0huCLg3jsfxcWH05Yh4sfn0/ctVUH9H/N0B/t/pME9e&#10;ve/dWJC9D12p/uJ686W2yLoY9tVG5qiMkfXJSpNGSPwVJk/25H1HtPFlmPzp+zp+5aiIvyrT9n+z&#10;0AJf+n+39qOkXWSjpp6+tpKCmUyVVdVR0dPH/qpJWCIPz9WYD3omnW1XUQPXHQ7fJCrhp934TZ9G&#10;96DY+06LCQx/0cxCXVYH0loGhFv8PbFvwJ9T0rvW7go4Afs6Lz7UdI+jDfHLGUke585vnKL/ALiO&#10;v9vVGYnkIuBNJHIkY541eBZmX6nUq2F+QnuDgKPM9LLNcljwA/1fy6ATNZarz2Xymarm1VmWyE2S&#10;qSL28k0jSNa/4Bbj/D2+o0inSZmMhJ9TXqXtfb9burcOG25jwTV5jIR0SPYsEVj+5KwHOiGMM7W/&#10;sqfembQKnpyOLUQOjD/JfcFJSVm1+sMITFh9k4mE1ECm/wDlDwqkCv8A1aKk0tq4JMz3HtPbLxY+&#10;fSm7kC0QeXQObVhfD4bJ7pWNpMpWSNtTZ8CjU7VlQgFXVRrYljRUkoRSLMs9TA6m6H265qaeXE9M&#10;xVAL+fBft8+hw7Nni6q6r291RQyKm4dxxDO7xliIuFZgWjJH1DzRrEpB5ipyCPX7TqfEYt+zpVKP&#10;AQJ5nj/l/wBXp0HPUu18hVVVLl6BAM9l659v7IMgusVQED1+Yf8APhw9K2pSOTUyRaLtGw93Y048&#10;PP8Azfn01CvmOPAf5T+X+HpSd97sx9BFieodpyadu7NRVy0qEaqmvAbUJWWwdoS7NJ9L1DvqW8a2&#10;3An4zxPWruWn6Y4Dj0A+2MBLuTLR0AqI6Gjihevy+UmBMdJRwDXUVMgHJEaD0qOXcpGvqce32bSO&#10;ksUfiGn5k+g6z7v3HBnMhDDjIZKPb2FphiduY+UgmKmRmbySabK1TVSM007D9Urtb0hQNIunjxPH&#10;p2Q+IcYAwB8v9npIkk/X3fqoFOhG2Vg8bT0lZvrdUAm2zgZhBRY2Tj+LZIjXBQKf+OCD92qcX0Qj&#10;SPXInttyfhHE/wAh09GoHceA/mekXn8/ktyZevzmWqDU5HIzmeoltZR9AqRqOEijQBEQelEVVAsB&#10;7uqhRQdUZi5qemQkn6+99V6X2yNq0WXNduDck8uO2XtwLPm62LiWoka5hx1Hfh6yrIsPxEmqZ/Sl&#10;i276cDienESuTwHH/N017w3XWbvy5yE8EFBQ00CY7CYaj4goaOLiCmhX/UovLN9Xcs55b3UHQKD9&#10;vr1qR/ENf2D0HSV916p1LoKCtylbS47HUs9bX1s601JSUyl5JJHNlVVHJJPv3WwNWB0LG48lR9b4&#10;au2Ftyqhqtz5SM0vYW5qQ3CrchsLRSaQRTIbfdOp/fkGgnxqU97RNeT+Q/y9XlcQjSvH8R/yf6v+&#10;KBJmA+vJ9v8ASUKW6xEkm59+Jp06BTpY7J2XXb0yU1PFU0+LxONpzkdw5+vOmnoaVT65pDcanP0j&#10;jB1O3HADMrLy6eHTscZkPoBxPp08753pQ5Olo9obSpXxWxcFMZKGnbievqbaHyVe31eomA9Cn0wo&#10;RGoHPttQeJ49WlkB7V+Efz+fQXMebD6A+7dM9cffuvdLrYmxK7e9dUgVEOJ29iIfvdy7lreKaipx&#10;clmYkB5nAIjjBu5H4UMw0x0f5B05HEZD6AcT6dTd974oshS0+ztnQSYnYGFqC1FTEkTZGcelslkG&#10;splqJQLopAWFLIqix9+RPxN05LKCNK4Ufz6CsuT9OPdia9J+sLOBwOT711dUr08bd27mt25miwOB&#10;opchk6+Txwwx/QD+1JIx9McUa8u5sFAufeidOT15EMhoOhd3HuLC9b4Wt2FsGtirsxXRfbb733Tc&#10;GoP9vG45/wBUdDG3EkgsZiDzp9thS5qfyHSh3EA0Jx8z0ATSf059u9JOsLNbkm59+6cj6xMxP+t/&#10;T37pzoett7QwvX2Doew+x6ZautrV+42VsGcWkrWFjHWV4PMVChIYIVvJxe4ISRotrwPzPT4URDU3&#10;5D16Cnd2785vfOVWf3BVmprak6UjS6xQxLfRBBHciOGMH0rcm5LMWdmY3VQooOk5cyGp6TPu3W+o&#10;jvybf1+vv3V9dOHSq2Vs3O77zcGBwNOJqmW8tTUzErBTQrbXUVElj44kv9eSTZVDMQCzIaZ68iGQ&#10;46FbdO9sD19hKzrzrCpjq56uH7fefYUQAnrnt+5S0TgkxUK/pupOsXCkhnlm8iVyf2dOu4TtT8z6&#10;/wCr/V69F2Z/6f7c+3uk/XEA/qP45ufdSRw68M9dFifr/tvdWWg6eAC9DV151lQV2Ml392JVybf6&#10;6xzHTKCFqsrOt7UdAhId9TKQzgW4ZVI0ySRNE+Q49OquNTYH+H/V/wAV0n+yeza3fVVR0VJRxYDa&#10;GDj+123tWhNoaeNRpEklgBLUOB6nI4HpUC7FtKunpt3MvyHQWM35J9268BTrEXJ+nA9+6310kM1R&#10;JHT08Uk888iwwQQqWd3ZgqqqqCzMzEAAC5PA9+68BXozmGwGA6GxVFvHe1PTZns6thFVtLY0xBTH&#10;hv0V+RCm6yIRdF4Kt6U/cDSU7VfEwOHr0+AIhU8ei77m3Nm935uu3BuGulyGUyEvkmnk+gA4WONR&#10;6Y4o19KItgoFh7cApgdMk6snpOyfj3vrXWIkD6+/de6UW0tpbh31nKXb22qCSuyFUdTW9McUYIDz&#10;TyH0xQpflj/UKoZiqnRNOrKpc0HRgdx7s250fh8hsHrapTJb6rYBR707CjteBufLRY88+Nkbgsp/&#10;bP1LTgNDTTryenWYR4H7einu7yO0kjM7uxZ3c3JJNySTyST7c6Y64+/de69791tRU9DH1T1LUb9m&#10;qs7nav8Au919t8Gp3HuOpIjUqgDNT07ONLTMv6msViBDMGYpG7Uh8h0qRK/Z1L7U7bg3DSQ7E2HR&#10;/wB2+ssM/jocXTgo9c6MW+6qybyNqf1qjEnVaSXVJbRtUpk9NSS6sDh0Azmwt/X35n6ogr1i9t9O&#10;9dgFiFUFmY6VVeSSfoAPyT7917o2W0tkbc6T29Sdm9pUi1u66v8Af2PsOUgOJALpUVSEHS0ZZWOo&#10;EQDTcNOyIlfi6cNIhU8f9X+r5dFs3tvPcHYG4Kzce4601VbVHTHGtxFBECdEEEdz44oweB9SSWYs&#10;7Mxtw6ZBLZPSUICqf9b6n37q3UUvf6ce/de6XfXXXO4uy9wwYLBQEC4lyWSlB8NLCTYyykfUmxCJ&#10;e7ngWAZl0TTq6Jr/AMp6HPsTsTbnXG3p+pOpKgCGxh3lvSEgzV0xGmaGCVPqh/S8i8af2orRgl/K&#10;PM8ervJQaVwOiktIST/j+fe+mevJ9f8AYe/de65tyLD6ngD37rYFeje7A2bgulttQ9sdkwrLuWrh&#10;Y7I2dMAJhLpBWaVXUtHKLgs9rUyH6NUOkatn9Q08vPpQAIBqOSeA6LFvbeuc37uCt3Fnqnz1lWwV&#10;I4xpihiW/jghS50QxA2UXJJuzFnZmLgFOHTaqa6myT/L5DpIEgfX37rUnWIsT/gPfum+h06Y6jO+&#10;aubcW43GL2DgCanL5GpYxJUeIa3p45SVCIqi80gP7a8Ah2BFGanSmGPGpsDrJ3P27/fSrptv7eQ4&#10;3Y+3wtNhMbCviEvjQRrUSxg2FlGmFCB44z9A7P7sq6B8/wDB0xLL45x8P+H/AGP9X2F/Zyf8B70F&#10;pnqvWEv/AE/2/upf06eUUHWP2314tTqTGgjXzSfj9Cn+v9fbyroGo/kOmHYuaDqJLKZCSfz/AL7j&#10;22zajXp1E09RywH+v/T34LXpzrEWJ+v+29uhade669snj17riWA/xP8AT3rr3WIsT9f9t7917rg5&#10;IHH9ffurpx6w+/dWL066JA+p9+6plusTG5v791phTrEzgcDk+/dX10HWMkn6n37qymo6wsx5H0A9&#10;+60VpXrCXA+nJ9+6a6xkk/X37rYFeuvfunQoHWMv+B/t/fuql/TrjZm5+vv3VQC3XH37p6NQp64M&#10;xFrfn37pwv6dY+fqb/6/v3TfXXv3XusZf+n+39101NeraqCnWP3plqeq9dEgfX3YLTr3WD3Qv6dK&#10;OuJYD/E+966DprTU9YiSfr7pUt1egXrifof9b3bRQdV11PUUuB/ifegletl6dYySfr7uQFHVASx6&#10;69s9Pde9+6910SB9fewK9aJp1Flck/0FvbgWnTZavWL3VzXrwSvHrosB9f8Abe6ha9XJC9YixP8A&#10;gPfjjrYz1x966310WA+v+297C1691iLE/wCt/T26Fp17r7Fn8sb/ALdsfy9f/FHepv8A3gsB7ibc&#10;v9yJf+aj/wDHj1O+z/7iQf8ANGP/AI4vR4vaLox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5T/ALyI6xH69790&#10;2X9OhW2qwHVHbn/Udtz/ANyq7203xr+f+Tp6IVjf/a/4T0EZYn/W/p7d6bCheuPv3VS/p0oNooku&#10;7NrwyXKS7ioonA/o1TEDz+OD7pJhT9h6tCCWB+Y/w9PvbcskvZu+mkYsRuerQE/0WVlUf7BQB71F&#10;8I+zp6fDn7eg69udJi/p1737rQUnob+/D4t24PGXFsJsXFYpVBuFCwtLYX9Q/wA7fnnm/wCfbFvw&#10;P2npddUVh9lP5noEPb/SIvXh1yiR6iaGnhGuaeVYYlH5ZiFUf7En3446qBqNOht+Rc0cPYUWDicG&#10;Dau18dt+ABQoCpB9wLKCbXFTf/D6fQe2Lf4a+pJ6VXhq9PQAf4T0AZcn6ce3+knQt9D4L+P9qbTg&#10;ZNcGOrGzdQTyFFGjTxk/686xr/sfbM7aVP7OlNqupx8s/wCr8+kh2Fnv7yb33VndZeLI52olpSfr&#10;4FkKU4/5BgVB/sPd4xpUD5dNztrcn5/4MdIouT/gPd+mujMi2xvjcSLxZftPcGk34daGmY/63oYU&#10;/wDjdan/AGyb45PsHRgo8OH/AE3+X/YH8+iye1PSUkL0a3414OjxSbr7VzaKmK2rjZaWilkA/wA7&#10;4vLUvGSRaVINMaix1ecqORYpblq0UdK7UVBY48h/l6LxW1OY35u2oqfGanNbpzZdIU+hmqZfRGv9&#10;EQsFH4VR+APbuoIKDy6S6TK1fU8OjKdVYLDZHeFXuWeaMdf9NYpo6CvkH7dTVx+SaWt+gLF5vNVD&#10;6siimiPpCj2mkJpTzPS+EDVX8K4H+f8A1fLoB8xkcv292LWVpcUz5yvaRXqD+3Q0ECk65SOBFR0c&#10;ZeRha+lmtdvalVEK/wCrj0iZjdP9v8h0ZpMxQdXdf1W/oKf7bKZzHJtPq3G1SgSQYxbyLWyxn/d1&#10;bIWr6g2YFngjuoa3tNTxW0/mft/1Y6XM4hXV8gFB9P8AZ4noj008s80k00kk9RPKZZZHJZ3djdmY&#10;m5LMxuSeST7XdFVC+ehC3G/9zsENkQHRncp4clvmZTzGRaWkxFx9BS3E1SPzUlYzzTC7S951eXl/&#10;n6VEeENI4n4v83QZe3em+lNtHbNRuvMpjo546Ghp4XyOcy9R/maGhhs1RVSnjiNeFW4LyFI19TD3&#10;V20j/B1eNNZp+Z+zqXvndNNn6ykx2EhloNobcgbG7YxsttQi1apaqo02VqytkvLM39SIwSsa+9Iu&#10;nJ4nj1uR9RoOAwP9Xz6Q3u/TfSn2ltau3fmI8XSSRUkEcL12WytVxBRUcVjPV1DcBYolP9RqYqg9&#10;TD3Rn09XRNZp/qA6et8bqosmKDbO2Y5aPZO2y0eHp5Bplq5msJ8nWDjVV1VhYHiKMLEgUBtTI9Tx&#10;63I9cDgOH+foPve+m+vKGkdIokaWWRgkcaAklibAADkkk2AHu4SvHqpb0z0NVRKnTuIkpIyjdp5+&#10;g010wsTt+inRT4I9SenK1cTkSsDqp4zpWzsWNQPE+wfz/wBjp4/oj+kf+Mj/AD/6vtAhnLH6nn6n&#10;8+3+mAlOPXD37rxenSq2dtDKb0zMeJxpgp0SF63J5StbRTUVLENU1VUyn0xwxL+T9TZRdiB7ZlbT&#10;05Ahlx+0+g6VO993YpcbDsHZAaDZuLqBNWZJlKT5qsQaWr6oH1LCDf7eE8RpYt6rBG1U8Tx/wdOy&#10;SCmleA/n8+gpL2+nPt0JXj0mL04dYWYDk/X3rTU9WHSx2RsnI73yE8UU8OKwmLg++3FuKu4pqGmF&#10;9UkrcBnYAiOMHVI3AsoZl87CIep8unY4zIfkOJ9OnrfG+MfU4+HZGyIJ8XsPFTeX93ipytStg1fX&#10;kAFmYi8UR9Ma24BCqlUX8R4/4PkOtyyj4V4f4fn0ExJJ97Jr01117117p62xtfN7yzlJgMBRtWZC&#10;sc2H0SNAfXNM9iI4Ywbsx/1hdiAdE6cnp5KuQq9CpujdOE2Dhavr7rusWrqKpfDvffdP6ZK+Qfqo&#10;qFwbxY6NrglT+7zYlCzS1VC5qfyHTryCEaE/M9AG7luTwB9APbzLTpJx6wl/6f7f3TpwJ69Y/r/i&#10;T791fowuB21hep8bSbz7Ex8eR3VX0/3WzNg1NjouPRkMqhN44lb/ADcRGssCCuoN4mifEwPzPSgK&#10;Ie5snyHQL7k3Jmd25mtz2erZa7JV0vkmmk+gH0VEUemOONeFUWCgWHtwDTgdMMS5q3SfLgf4n3vr&#10;VfLrGST9ffut9LDYewc32Dmv4ZiljpqSmU1WZzdZ6aWhpluXnqJDZRZVOlbguQbWAZlo76B05HGZ&#10;D/hPp0IW89/4PbmCm616rkdMA66Nz7tZdFXmZrWcBrB4qIfpVBbUtx+gt5KIhJ1Nx8h6dXklFNKc&#10;BxPqegDPIP8Aj7eOOmOuIQD68n20Xr17rg0q/pXkk2v+PfgtM9eGOh22L11hcXhIuzO03mx+z4Zh&#10;/BMAotWZqYDUscKFlZaU/Vn41qCQVT1+2mYtgdKY4/xP+Q9f9X+rHSC7D7IzXYeShnrEhxuFxkf2&#10;e3dt0ACUtDTCypHGihVZ9KgO5ALWAAVFRF2BTrbtryeg8976aL+nWJ/r/sPfuvIa9ZqOjq8hV01D&#10;Q009ZW1k601LS0yl5JJHIVERFBZmZjYAfX37h1cCvRnYqPAfHfHR1+Yiodwdz5Ck8+KxVxLS4GOR&#10;bLNUEHS9Wym4AufwhWMmWRs1k+zpRiEfPosuazWV3FlK3NZuunyWUyM5qKysqTdnY8fQAKqqAAqq&#10;AqqAqgKAA4BTpgmuT01+/da6jyv9Lf7f37r3Sr2JsLcfYuehwO3KTzzsvmrKyY6YKWEEBp6iSxCR&#10;rfgcsxsqKzED3Vm09WRC/Dobd477231dg67rLqSo8+QqFFNvfsWI2mq5VBWSnonUnxwoSV1I2lRq&#10;EZZmadqKC2T+XTrN4Y0r+Z6K+Tfk8k8kn270x1H9+691734mnXuht6u6l/vZS1e8t3Vw211tgW8u&#10;Yzc5KPUaD6qaj4Jd2ayFgDZmCosktk9tGTyHT0cde44H+HrB2z22d5ij2ttWjO3OuNvgU+DwMHo8&#10;2i9qmqAJ1SMblVJbRcsWaRnc+po+3rUsmvA4dAgSB9T71lumusTNq/2Hu2ig6spp1xUPI6RQo8ss&#10;jiOOOMElmY2CqBckk8AD6+9BfXq5byHRsdrbTwHRWBo+x+y6SOv3zXxmbYuw5rB4XAutXWKb+N4y&#10;QTcfs8CxqCFir8eBw6eA8IVbj/q/1V6LZvbeu4N+7grNxbjrGqq6qOlEW4igiBJSCBLnxwxg8Dkk&#10;ksxZ2ZjthQ9NDvyekmGsLfm/uvWi9OHXFrkH8m3v3VBVj0sevev892RuSk27goSWkIlyFe6kw0kA&#10;IDzzEW4H0VbguxCjk3GiadKFTV0PXZvYO3ustvy9P9S1I1aWh3xu6Agz1M1tElOky/X8rKV9Ki0K&#10;EAOD4Dz6u7U7R/q/2f8AB0UUsWN2JJ/x976a669+6912CR9P9b37qyivRuOt+v8AC9YbeHcPa1OP&#10;JGofZm0Z7CeeoNmhmdH+klvUoKnwpeZxrCBW6lzQft6UmkIqePkP9Xn0XnsPsLP9kbiqM/nZl1Mv&#10;29BQwXENNTqzGOCFT9EUsSSeWYszepj7d4YHSSpc1PHpCe9dOF/TrG/4Hv3VQpboWuoepsn2fmmR&#10;mlx218YfNn84QAsaAajDEz+gzuovc3WJbyOCAFarNp6fjj/Z69LfuntjGVdJD1t15FFjth4IimY0&#10;lgtdJE9xJflmplkGtNRLTP8AvyktoC7RNGTx6blk+o7R8I4/PosLvySSWY8n3pmp1rRnrCST9fbd&#10;S3VqBeuvdwlOPWwa9Z4kUDzSEBF+g/r70gpk9Ji1cDj1FmlaZtR+g4Uf0HurtqPT6JoHWL3Xq/WA&#10;/U/6/t8cOvdde99aJp1iZjyPoPp7YPHrYz1w966910WA+v8AtvewtevdYmYt/gPdmXSOvdcfdOrh&#10;PXrG9uP6+/dXJC9Y/fumia9YD9T/AK/v3V1SvHrr37pzqO/9r/Y+/dMsSeo/v3VeujwCf6e/dPFg&#10;vWIlm/4oPfumyS3XIJ+T/tvfurBPXrkWA4+v+A9+6sWA6wEgfX37qikk9cRZz9OB9PfuneuMjDTx&#10;zY+/de6ikk/X37r3XXv3XuuBcD6c+/de6xkk/U+/de6691CU6sXr1gP1P+v7roqera6DrgzBRc/7&#10;Ye3AKdNk16xM5ZT+AV+nv3Xuo3tsv6dOBPXr3uhNergU69711vrgzEcD/b+3Anr02X9OsXuxYL1U&#10;KW64PYKSf9v71XUOt00nqMX/AKf7f3oJ69bL+nWP250310SB9fbJFT0+OHWMvf6ce7hKcet9cPd+&#10;vde9+6919i7+WN/27Y/l6/8AijvU3/vBYD3Em5f7kS/81H/48ep32f8A3Eg/5ox/8cXo8XtF0Y9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8p4kD6+8iOsQalusZcn6cD37q4SnHoW9nxiXqXuQ60VoJ9t1Og/Vl+/q&#10;YjYf4GUXP/FR7af41/P/AAdKEb9N/wDa/wCHoICQPr7d6SZbrGXJ+nA9+6uEp0otl/8AH47T/wDD&#10;loP/AHKi91fgfsPTkb9w+0f4enrtVg/ZW+yCD/v6q0XH9RO4I/2BFvdYvhH2dVnqzn7ekB7c6qFp&#10;1Joqc1dZSUihi1VUx06hbAku4UAE8A8/nj34mnWwakAeZp0LvyFq1qO3d2lSSkDUdKgIsRooKUOP&#10;8R5NVj/T2zbiiD/V59Xu/wC0P5f4AegTZif8B7e6TdLLrWgGX7C2Xjygkin3LRtUIbWMUcySSjn+&#10;saN/xQ/T3SU0U/Z09ANTj7a/sz1n7ayX8V7M3xWA6l/vHU0iMLWK0zmnUi3BBWIEf4fXn3qIUUfZ&#10;164bU5+2n7MdB57c6Z6MX0U4wWA7a36bxyYHZzYrHSn/AJWa3WY9J4IIlgiBI5Af8+08/cVX1PS2&#10;17Az+gx/h/zdFs9qOkgWvU7F46py+Sx+JokMlZk66LH0sYFy0k0ixoLDnlmHvRNBXp5EqQPXoffk&#10;fkqaHcm3ti412OL2BtqnxMaH/jtLFG7NYcAmnSC/51A39sW4wW9T07dvQhR5Dou8cbyukUaNJJI4&#10;jjRBclibAAD6kn28Wp0kVS3Rwe25E6y6b2h1lSvFHlM9au3A0JUlliYVE92UXZZKx0EbE8xxFB6R&#10;YI0/UYt0aTgQRhfX/iz/AD6LxtmOfD4LKbpiRv4jXyPs/akagmR6mpiArqiIAG5paOURi1mWWrhd&#10;TdCPb5XNPzPSRDpUsOJ7V+09Df2kY+quqds9U0cqJn9xgbg3k8JuSCwYxswPKtOixKR+qOmII9Rv&#10;SL9Vi3kMDp2c+BGEHE8f8v8Aq9OoXTHXwrYYYcgnhXcVGuY3LUudIptvQy6o6dnNvHJnauHn1Aij&#10;p3YXWU39NJTh5cPt/wBj/D1u2ioM8SKn/S/7P+DoLu6OxD2DvGpqaJtG3cMpxO3adRZfBGbNOFAA&#10;BqXGv6XCeND+ge3YY/DHz8+m538VvkOHTLtGCDb1BPv/ACUCTfYVJoNo0VQt0qcoFV/M6nh6fGIy&#10;zOPo0rQRN6Xa237u0fn9nXoxpGo/l8z/ALHSAqamaqnnq6qaSoqamZqionmJZ5JHYs7sx5ZmYkkn&#10;6k3PtwCnTRNesdPDU1tTT0dHDLUVVXOlNTU8ILPJJIwVEVRyWZiAAPqTb34462BXHQo7uqafZWEP&#10;XGHnjlyU0sdX2JlKdgwmq4/VFi4nU2alxrE+TkiSp1MeI0AaTvOo/l9nr09IfDGgf7b7fT8ugl9u&#10;E06Y6m43G12YyFHisZSy1uRyFSlJRUkAu8kjkKqj6Dkn6mwA5JAF/bTP1sAsaDoTN25Ki2jh5euN&#10;tVcNW7ypNv3cFIbrXVkRutFTvYE4+ge4U/SabVLYLoHtsZz+zp120DQPzPqf9joJSwH1/wBt7uFr&#10;0wWp1iZif8B7dC06aLE9DPhIaXqzCUe88tBDUb6zdN9xsTCVSq4oIHBAzdXE6kGQn/gFGwsWHmIY&#10;KLNk+IaDh5n1+X+fpVHH4I1HieA9Pn/m/wBVAVqqqprqmorayeWpq6udqmpqJiWeSR2LO7MeSzMS&#10;Sf6+3ummanWD37potXpQbY2zl935qkwWFp/PWVTandzpihiXmSonk+kUEK+p2P0HAuxANWYIKnrc&#10;cZlNB/xXS73lunD4PDP1xsOp+5wSzJNujcqoElzVZGbix/UuNp24gjvYm8jFiQxaCFzqP5fLpS8q&#10;xjQnDzPqf9X+r1B4sTwf9t7dAC9JSS3XH3Uv6dWCevSq2XsvJb1yz0VK8NDjqKM12eztadNNQUim&#10;8lRO5sosoOhb3duBxcjTShB6n06UxRGU08hxPoOlPv7e+Jnx9PsXYcU+O2HiJvLJNL6ajL1YsGr6&#10;3hSbkfsxkAItjpU6UjaRCx1Nx/wdWmlFNKcP8PzPQQs9+BwPb5XpOBTrh7a630o9q7Uze88zT4LA&#10;0v3FZODJJJIdMUES28k88liIoYwfUx/wVQWKqdMwXJ6ukZkNB0I+4924PZeCq9gddVX3L1q+HfG+&#10;oxpkyLrcGjoWB1RY1DcXBBm5/sFmlooLZP5Dp93EQ0p+Z6AdmLG/0H4H9PagsB0wEr1wP0P+t7oT&#10;Xq+F6xKrOyois7uwVEUXJJ4AAHJJPvXVCxbh0YjF4PCdNYuk3Tu+mp8r2TWRLWbU2XU2aPGqwvHk&#10;Mog58q/qihJBDAf27tAzqMpoOHmelSqLYVOWPAenQF5/cGW3LlazNZ2vnyWTrpPLU1VQQWY2sAAA&#10;FRFUBVVQFVQFUAAD26BpwOmSxPc3HpjLE/4D3vpotXrj791tOPQhdfddZXftfP4pYsVt7FJ91uPc&#10;1dZaaigUF2ZmYqHlKKdCAi55YqgZhR3Cf5B0qjiMnyHmelLvzsfFR4gdd9ZxVWI2LTOTka2b01mZ&#10;nuNVTWOAreElR44yF4ALqoCRRaVDWrcf8HVZp6jQnD/D0CHtzppRQdcWYKD+SB9PfjnrZNOorSM/&#10;H0H+pH++591Chet9GF2jsHAbHwdN2P2xBrhqYvudl7DJC1GUlUqVmqUIPioVuCdQsym7AgpHK00m&#10;vA/M9KUQRjU35DoLt/b9z/YWbkzOdqASo8OPxtPdaejgH6YKeMkhFAAuf1OfUxJ91A0inTbSlzU9&#10;IYkD6+99UJLdYy/4H+39+6sE9ep2IxGUz+UosLhaGoyeVyMwgo6KmF3djz+bBVUAlmJCqoLMQoJ9&#10;+4dOKNWB0ZSet2/8d8dJRYuWg3J3PkKbw5LIECWkwCSJcxQAjTJVkMOTe9ruFj/blbI8T7OnyRDg&#10;ZPRXK2urMlWVOQyFVPW11ZM1RV1dUxeSSRzdnd2JLMT9SfbnTBNeoRcD/E+/de6xkk/X37r3S869&#10;63z/AGTmhjMQqUtDSoanNZ2sBFLRQDlpJX4BYgHQgILG59KB3XRanV0Qv0Jm++ydvbUwFR1b1A3h&#10;wToIt17zXirzEoBEirILEUnJFxYMCUjCwljNULXJ6uzhRpX9vRbvd+meve/de6j+9MaDr3Q9dX9T&#10;0eVx79h9i1Y291pinLy1E5KS5KRGsKalUfuMjv6WdAWYgxxevU0bBJY9PRx1y3DpP9qdt12/pKXC&#10;4qlTbuwcE3i25tikCxoqINCT1AT0vOVvYcrEGKqSS7u6qU61JJr+zoGS/wCB/t/eytemusZJP192&#10;Ap17rtYpqiWGnp4pJ555BDDBCpZ3diFVFVQWZmY2AHJPA9+68BXo2229tbf+PWEo9+dhUcGV7Jyc&#10;Rm2bsdmUmjU8feVZGoRup/tWOg+hAZdTRME+LgcOlKgQip4/6v8AVX/USxbu3fnd7Z2t3HuOueuy&#10;dc/qP0SJBfRDClyIoYwbKo/xJuxZi8BpwOmGYuanpLE3N/bT8etV66916sq16W+wOv8AcfZGehwO&#10;3KQyvdZMhXyAinpISbGad/oo4OlRd3IsgJ96Jp08i6sD8/l0PG/9/wC3uqNu1PUnUtQJK+S8W+d8&#10;wkCeeYArJTwSLexW5Usp0wreOMmQu4qBXJ63LJp7V/1f7P8Ag/wFBb6n/X936ovDrsKT/gPfut9c&#10;Wst/6A29+690bDq/rLA7KwEXcHbq/bYmn01G1tsTAGetmI1wO0LEay9tUUZ9OkeaYiIWahOrA6fW&#10;kQ1HoDOzOys92buKfNZeUxUsZaHD4mNiYaSn1XWKMcamPBkcjVI3qNgFVbgacD/i+m6GQ1b8vl0H&#10;JIH19+6vhesZcn6ce/daCU6EXq/rPOdobiiw2LUwUUGmfM5Z1JSmhLW4HHknksRFGDdiCSVRXZas&#10;2npxBrOPzPQxdvdmYHbmDHUHVxjptuUCtTbhysFi1dMG/djWb6yxF1/elsPMw0R2p1/c2i6cnj5d&#10;NTyeJ2rwHE+vy/z9FOJLEkkkk3JPvfHrUeOsD/qPuhWp6sXpw64+9khemia9ZYotV5JDpiX/AHn/&#10;AI17sg15PDrTyUGleJ6wTS+Q2HCL+kf8T7ZZq9ORR+GPn69YffgpPVywHXvditB1UNU9YD9T/r+7&#10;jrxf064FgP8AX/p731UKW6wk/U/7H2wePTox1jL/ANP9v7uE9et9Y/diwHXuuiQPr7aLV6shp1jL&#10;/wBOP8feutl/TrEzgf4n37qnWIkn6+/de669+6fHDrgXA+nJ9+631hY8G/59+6qaAdYPfumevHnj&#10;37q4SvHrj6V/w9+6vhesZcn/AAHv3TZYnrj791sJXj1HJJ+vv3TmBjr17X5sPz791vrGzAiw/wBv&#10;7917rCWA/wBf+nv3XusZYn/W/p7917rj7917riWA/wBf+nv3XusTMT9TYe/de6xF/wCn+39+691i&#10;IuCP6+/de68eFI/w96PDrY49YPbHT/XEsL2+pvb3cJXqhenXZIH1Pu+F6plusTG5v7oXr1cJTrEX&#10;A+nJ906v1hkJIN/bqcOmn49YPd+qdcC4H05Pv3XusZJP19+4dPjh11791vr3v3Xuve/de6+xd/LG&#10;/wC3bH8vX/xR3qb/AN4LAe4k3L/ciX/mo/8Ax49Tvs/+4kH/ADRj/wCOL0eL2i6Me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UuST9feRHWIpIXr3v3TZYnoWNlBpOs+5xGpZlxuDfj+i5eNmP+wUE/wCw9tP8S/n/&#10;AIOlMSdjV/o/4egf+vJ9u9NEheve/dNli3Sl2Z/x+G0//DloP/cqL3V+B+w9OwpRhX1H+Hqf2R/z&#10;MTfv/h6ZT/3On96j+EfYP8HVpiFYj5n/AA9Iv6cn3fpgtXpR7Kg++3ptGiVQ33e56Cl0twD5KuJL&#10;E/gG/ur/AAn7D1aH41+0f4enzuOq+47Q3zIS5Zdwz0/rNz+0REOf6WTgfgWHukIoo6vcmrn/AFeX&#10;QYlifr/tvbvTHQ4fHWkjn7Tw9ZN/wHwuPrsvUGxICpSSxhjYH9LyqR9Obc/gsXBov29KrNav9gJ/&#10;yf5egWyFa9dXVtdLzNW1UlXJ+fVI5c82F+W/p7eApjpOzaiT6mvUAkn6+99aAr0Y9v8AftfGdRwl&#10;T2Fva5/1TU1IT/j+hJqAf9TP6G/tP8Un2D/V/h6XhdEVPU/5f9jot/tR0kL06Hf46YKnyvY9Lla8&#10;xpjNpY6o3HWyzcIpiXxwkn8GOWUSj/lmfxf2xcGi09cdPWg1vU+Wego3XnZdz7mz24ZtQfMZWevV&#10;G+qJJIxjj/1o47KP8B78DpFB5dUfvYt6noTvj7tL+9fY2NmmiMmP25/ucqybgGSJgKZAbEavORJp&#10;PDLG49tzdi/bjp62XW32Z6b+49yVfY3aeSTGeSuiiro9rbegi51rFIYl8fPIqKlndfpw4v7dhXQv&#10;8+m7hjLJQeWB/q+3oVerdu47Mb8Wumlp/wC4fSuKN64m8E9dH5JZ6zVpUsJKsTVKtYlYYaeM3UL7&#10;ZkbSvzb/AAdKYkDN/RTA+Z8z/q+XQTy1svbvZeZ3HmBVJgIHbLZQQXLw42mKx09JDb61NSTHTxWH&#10;qnlDW5Y+3v7JaDj/AJemdP1D1PD/ACD/AD9DX27uOXrvYQ2opgp989jD+KbpWkPpoqDSIIqCE/2a&#10;eGCNaOEcqY4p2AVnB9sQr4jV8hw+Z/1Z6UzvoFPM8f8AV/Loo228DU7lzFLiaaSOmWXVPW19RxFS&#10;00KmWpqpjxaKnhVnb8kCwuxAKtm0ivSNF1mn+oDqXvHcNNma+CmxEctLtvB0oxO3aOb9S06Es08o&#10;BI+5rJWaeYjjW+kehEA0i6ePE8etyNq4cBw6R/15Pu/VOhewCr13tuLetSFG79xQSU+xKV/1UdOd&#10;UVRmnQjhz6oaO/GvyTAHxofbLfqGnkOP+b/P0+v6Q1eZ4f5+giZmdmd2ZnZizMxuSTySSeSSfdi/&#10;p0x117b690Ml/wDRTgQ1zF2RurF3BHEmDxdSn+3iyeRhb/CSCnb+y0vuoGs/IH9vT9RAP6R/kP8A&#10;P/P/ACgsX/A/2/t8J69Iy/p1iZwP8T7v1oKT0LOz8FjduYdOy96UiVWOSdodl7aqQR/F66L6ySLc&#10;N/DaJyGmb9MjWhBN2UtO2o6R+Z9B/n6VxIsY1t+Q9T/m6DjcGfyu6MxX57N1clbk8lOZ6meT/bKi&#10;D6JHGoCoo4VQFAAA9uKoUUHSd5S5r0z+99NdOuDwmU3JlqDB4WjkrspkqgU1JSxWuzH6kk2VEUAs&#10;zMQqqCzEAE+9MdIqerIhc0HQqbozmL2LharrvZlZHV19WBF2BvCja61si/XHULgalx1OxIdhY1D3&#10;1DxgBmkBc6j+Q/y9KZHEI0Jx/EfX5dAizC/H1ta/txmp0mVa9YyQPr7by3TmF6Vmytm5XfWaXFY5&#10;oqSlgiatzOZrDppqCkj5mqqmQkKiIoNgSNTWUHm48xEYqerRoZjQYHmfQdKbfe88RFQDr/r4y0+y&#10;MdOJa7IyKUqM1VpYNWVZ4Ywhh+xDwFWzFQ2lY6pESdTcT/Lp+WYAaE4fzY9BAzX/ANb2+BTpNXTx&#10;64+22avWxnpRbT2rm97ZumwG36X7isqLvLNIdMNPCtvJUVEliI4Ygbsx/NlUMzKpbZgoqenI4zIa&#10;DoRt27uwm0cJVdc9dVZqKOotHvTekY0zZeZbhqenYG8WMjJIVQf3RfkqzNNVELmp/IenT0kojGhP&#10;zPr/AKv9XzAuRmJseAPoB7cIp0m6x+9dOF/TrlHHLPLFTwRST1E8iwwwQqWd3YgKqqoJZmJAAAuS&#10;bD37qoUt0YeioMX0PSQZnPU9Fme166lFRhMBIRJBgo5EulXWgAiSuN/24hwg9Wq5VvbJ/Vx5efz6&#10;VLS1FTljwHp0XvL5nI5zI1mVylXPX5GvnNTV1lSdTyO31JP+8ACwUAKAAAPboGnA6TFySSeJ8+mr&#10;3vrZyvXvfum+hM6863qd6PV5XJV0W3dk4MiXce6K30xxJwTBT3FpquQEBVF9OpSQSyI9HfTgZPkO&#10;lEEJfJwvmf8AN1O7C7JpctQwbJ2PQttzr3EzFqagQnz18oP/AAMr3vqkkewKoxITi5JVdGkSmTk9&#10;Xlk19q4Ufz6BwkD6+3OmqBesZcn6cD37qhevDriFLkKoLMx0hV5JJ4sB/U+/deVCejI4Hae3um8T&#10;R757Mo4sju6rUVOzeupWXUP9RXZRbMYo0blYyLhhYqZNQhTGsuBw8z/m6XBRANTcfIf6v9X59AZu&#10;3eOf3xmqnP7irpK2vqjZb8JDGCSkEEd9MUMeo6VH+JJLEk7pTHTDuXNT0lmNhf37ryivWIkn6n37&#10;pzC9P22Nr53eOZpMBt3HzZHJ1jWjhi4VVFtUsrmyxRJe7OxAH+uQDomnWhWQ0HRgM3uLbfRWLrNo&#10;7DqqXO9lV9OaXde/YQpTHX4koMcSCRIpFncEFWAZ7yBUp6gF+PSjEIoOPmeiuTTTVE0tRUSyTzzy&#10;NNPPMxZ3diWZ3ZiWZmYkkk3J5Pu/TLNTj1hb9J9+6oGqesPv3TnQpdY9WZbsauqJfuIcJtXD2m3J&#10;umvISnpYgNTKrOVWScoLhbgKLNIyqQTVmp1dE1dKvsjtPExYResuqoZ8LsGjZ0yWQb01eamvZ56m&#10;Syv4JLCyEKXFgyqipEmgvmerM1MDovXu/TXXEsB/r/09+691jLE/639PfuvdGF626sw9PhU7S7Xn&#10;OH6/pG8mNxbahV5ib6xRQRiz/bykHkENIASCkWqZW3auB0+kdO5uHSC7S7Yy/ZGQgjMUeH2rh/8A&#10;J9tbWobLBSQqoRCwQKrz+MAFrWUXWMKnHuyrTqjvr+zoJixP1/23u3TfXXv3XuslPBPV1EFHRwTV&#10;dXVTLT01NTqXkkkdgqIiKCzOzEAAAknge/E062BXo3WKwW3/AI3YSm3bvCGiz3beWpDLtfarEPDi&#10;1YEGpqSp5dTcM6kEsDFA3Ekysk68eXSighFTx/1f6q9FS3RunObxzdduHcFdLkMpkJfJPPJwAPos&#10;caj0xxRr6URQAoAA9ugU6TsxY1PSe976110SB9fbTCp690uuuuu9x9nbigwG34Cqi0uTycoPgpIL&#10;2MsrD8nkIgOp24HFytH7OnYkMmBgeZ6HXsDszb/WeAqOpOnJl0BWg3hvmMg1FXUcLKlPMhA4AKNI&#10;vpUeiCwXW3kj1ZPT0kojGhP2/wCrz6KQWA+p9+6SgV66Cj9X9eeffunhjrovb6c+/dVL04dGh6r6&#10;qwW3cF/pg7g/yPbFGVqNu7dqFBmyUxu0LGFiDIkhF4ojYSAGWUrTreShauB0+q6RqP7Ogd7S7Qzv&#10;aG4ZcrkmalxlMzQYLCRteKkpyfSo4AeVgAZJLAuw+ioqItgNPWl7jU/8V0GR+h/1ve+tl/TrB9eT&#10;7903x6XPXvX+d7I3HTbewcVi/wC9kMhKCYqWAEBppLfX62Rfq7kKLXJFWbT06oMp+Xn0YPtDsDb/&#10;AFhtuTp3q6QpPEDT7x3RCQJZ5iumeBZF5aVzxM4IVFH28fpD28q+Z/Lr0sg+BOA4n/V5/wCD/ATw&#10;sWJZiST9SfdumuHXX05Pv3Wx1gY3JI9ts1OvEU6yRR67sxtGvLN/rfj3tI9WTw6ad9OBx6xTz+Q6&#10;V9Ma8Af1/wAfbhNenYowgqeJ8+o/tsJTj1YvXh1wLgf4n3fqnWMkn6+/E068BXrCzm5A4/Hvwz06&#10;Epx64e/deL064sQAf9b2ycH8+rDPWH3svXrfXvdOqF6cOschAHP9ffutJk9RSxP+A9+6c64+3Anr&#10;17rosB9f9t704p17rEzE/wCA906fHDrCX/p/t/fuqF/TrhYm5/2N/fuqUJz11791rrGX/p/t/fur&#10;68Y6x+/dU66JA+vv3TwAXrgX/p/t/fuql/TrCWA/xP8AT37rSg1r1iLE/X/be/dO9cG4U+/de6w+&#10;/dUL066JA+p9+6spqOsZcn6ce/db6wlwPpz791QvTrGST9T791frr37r3XvfuvdcHZVBueSOB70c&#10;9bGOohYnj6f4D3oLTrZavXYUgXPFuR70z060OsbNb6m590ALdPAU6xFif9b+nvbLp631x90691jk&#10;YBT/AF/p7dTh00/HqKWJ/wBb+nu/VOuPv3Xuve/dPjh1737rfXvfuvde9+6919i7+WN/27Y/l6/+&#10;KO9Tf+8FgPcSbl/uRL/zUf8A48ep32f/AHEg/wCaMf8Axxejxe0XRj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ylSwH+J95EdYghSesRYn6/7b37pwAL0LPXlpdo9u0wYLI+z6eqFx9VhyNKzD/Am4A/1/bMnxL9vT&#10;8Lalf7P8/QS+3ukoWvXvfur4XpS7M/4/Daf/AIctB/7lRe6vwP2Hrcb1YfaP8PTp2kEi7I32qCwO&#10;7K9z/rtUyMTz/Um/vUfwj7B1q4/tG+09B8zfkn3fpnpedURmp7N2HGELhd1UU2kf82p0kv8A8g6L&#10;/wCw9ty4U/Z09birj7emzsSoWq3/AL4qU16J935KZA/1CtWzFQeTyAQPr73HhR9g6rN8bfaf8PSN&#10;JA+vu/TfQ79Hv9jR9s7hIt/Cesq6lhb+k1UV8XNuCzQ2ve9ieD7YnzpHz6WWmNTeg/2f8nQA+3+k&#10;wT169791ckL0Y7vT/cHtvqLY6/tvhtnDL10X9Z63xq5I/FpoJSB9RqN/aaDJZvU9KLs0Cr8s/wCr&#10;9vRcfbpf06ShPXoymynGzehewt1EePI70yEez8WxtcwhSsxVr3W8c1Re31aJb/QEJyNbgemelqHw&#10;oy3rgf4P8/RZSxP+t/T2qC06QFq9HO69YdV9B7l3uzCDPbtBp8SblXUyaqei9JXSxiBkqlNzdGI4&#10;/KWT9WQL5DowhHgRFvM5/wAg6LdtO+ExWc3q+r7qjT+7+2h+WyNbG6vMvNyaGjMkgIB0zPTk2uLv&#10;v3EL+Z+wf5+k8A0gv+Q+0/5h0OXYDf6JelsB13Dqp9z74tm90gcPHGfG0sTGxI9Sx09gbMsUv4Y3&#10;aT9Vy3kOHSlwIIwo4nj/AJf83Sk6h2ljto4GXP7lUU+P23BHvPdkkirdq3w+XEY1TqUs9DTS/dPG&#10;Tc1VVToRqisKStrNB54H+X/N+XTkK6Bn7T/q+X+XopW9935De+6MvufJE/cZOqMkVODdYYVskMCn&#10;/UxRKF/xILHkn2qRNAp0jkfxDXp7yZOzNrJglvHubd9LFkNxnkPSY0lZ6LHkEArJWEJVTi/6BTIb&#10;HyL7qO818hw+3q7fprTzPH5D0/z9Bp7d6Z6X2xdt0GUmr8/uMzQ7O2vEtdnJYjpeodmtTY6nbj/K&#10;a2QaRb9EYkkJAT208lMDienY0rk8Bx/zdMW6dy1+7c5WZvICOJ6hhHS0dONMNLTxgJBSwJ9EggiA&#10;RAPwLm5JJbAoKdVdy5qek9731ToU9o0FBtbEDsjcdLFVhKh6bYuCqh6K+vitqqpk+rY/HMQz/wBm&#10;abTDqt5B70QWOkfn8h06lIxrP+1HqegxymUrsxkKzK5SqlrchkKl6usqpjdnkclmY/65P0HAHAsP&#10;agKFwOkrEymp6bC5P+A976sFp0I2xNo0GSir927sknoti7ckX+JzQkLNXVDDVDjKK7LqqKgC7sD+&#10;zFeRivpu270wOJ/l8+n41Bqx+EfzPp0xby3dX7zzDZOsigoqWCFaDDYeiAWnoaOK4gpYEAUBI1PJ&#10;sCzEseT7si6B0nlkMpr+weg6Snu3TfUqhoqvJVlLj6Cnlq66tqEpaSlgBZ5JJGCoigfVmYgD3omn&#10;W1BY0HQ05zIUfUuGrtmYKphqt+5ml+033uGmKutDC4u2HoJRf182q5VPLDxqbr+20B4p1Hh5D/L0&#10;qZhbjSvxH4j6fIf6v9gBixP+t/T290k6xMxHA/2/upWvVg1OlLs7aGX3vm4cNiUVfQarI5CoIWno&#10;6VLGaqqZGIWOGFeSSRc2VbswB07iMV6vFEZjQfmfQdLbfO8MNjsWeu+vJZE2jTSrJnM4y6KjO1if&#10;WonP6hRxN/wHg/SB62BYjTREJOpuPkPTp2WUKNCcPM+p6BljfgfS9/b3SfVTrj7qWp14KT0pNqbT&#10;zW9c1T4HBUwnq5wZJppTphp4V/zlRUSWIigiBuzH/BVBYqpYZqZPSmOMyGg6EPd27sJtHB1XW/XF&#10;T5qOe0e9d6x+mbLyrcNT07AkxYyMkhVUny88srO83o49Z1N+Q9OnJZRGNCfmfX/V/q+YFFiSD/Q/&#10;T28WC9JwKdcWb8n22TXrfXKngqq6pgo6KnmqqqplWCnpqdS8kjsbKqIoLMxJsABf3rp1U6MPHFhu&#10;iscs84osz3JWwaoIG0zU23I5EuHccxzZJke6g3CfX9A/fazL9n+HpSxFuPVv8H+r/V8y65LJVuWr&#10;anIZCrqK2trJmqKqrqnZ5JXY3Z3diSzE/wBfboFOkRJY1PUD37rXXvfurasU6Fjr3rePcNNV7s3Z&#10;kG2117hXBymckUl6hwR/kdCliZaiT9N1DBL/AKWayFt3pgZPT0UIbubCj+f2dRux+zH3alJt3AUK&#10;bc2Dgm0YLb1N6dVhpFTWMCfNVOLkkltOogFmLyP5I9OfPqzzeL2jCjgOglL2+nPtzqvWIkn6+/dM&#10;vx6zU9PUVlRBSUkEtTVVMqwU9PApd5HchVRFUFmZmIAAFyeB78TTq8a16MrRYrAdCY6mz+6aajz/&#10;AGxX0oqdu7Tl0yU+GDcx1lfZiGqBwY1HIP6CCPMjFTKaDA/w9LRS3Gct5fL/AFf8V69Fvz+fzW68&#10;vW53P18+SymQl8tVV1Frk/QKqgBURFAVUUBVUBVAAA9uVCY6TMxY1PTX9B/re2znrXWNmB4A/wBj&#10;711sGnSs2RsbcPYOdgwO3KM1FQ9pKuqkusFLDcBp6iSxEca3/wAWY2VFZiAdFtPV0jMnDoY90772&#10;51dhqzrzqWrWsytUoh3j2XFYTVL866WgZdXip0JsHRiB6tBZyZjXTqyf2dKSRENK/mf9X+r8+iyk&#10;kkkkkk3JPu/SYv6dcSwH+J/p791UKT1iJJ9+6dAA6GPq/qao3qlXuTcNb/dnrvBaps/ueosoISxN&#10;PSBgfJO1wLhWVLi4Zykb1Zqfb06iasnh1J7P7ap8/QwbG2LQnbXW2HKpR4uIaJq505+6rmBLOzN6&#10;gjM3qs8haSxTwWmT15nrgcOgLJJ+vu3TRNOsTMQbDj37rwNesfv3W+jL7E6zwO0MBD2r3CktLhEc&#10;SbX2ZIg+6y01tUbPE5UinPDBWsHX1yFYbCVtmrgdPrGFFW/Z0EPZfaG4ezcz/EMrIKTGUd4cFgaY&#10;2p6KDgBI1AUNIVVdclgWI4CoFRbKunpt3LnoNvduqddE2F/fuvdSMfQZDMV9Ji8XSVFdkK+oWlo6&#10;KlUvJJI5sqKo5JJ/4379w62BqwOjcUtHtn4zYaLI5iCg3J3Xl6My4zGXWWmwscgKiSRlb/OEE6mX&#10;1SkGOIrFrldrMn2dP4hHz6KXns7ltx5Suzedr6jJZXIzGeqrKk3ZmP4A4Coo4VVAVVAVQAAPdivC&#10;nTBJbJ6ZPd+tde9tl/Tr3S/626y3H2juFcLgohFTwqJ8tmKgH7ejhP8AbkI/U72IjjB1OQfoquy+&#10;L6RXpyOMydDT2N2Ttzr3bk3UPT1QPtLGLee9oGBmyExGmWKGZPqh/S8inTp/ah/b1M9VSp1N0676&#10;RpX/AFf7PRSy/wDT/b+7F/TpoJ69Y/bfViwXrstxybAe/dNklujUdV9V4LbuAHb/AG+Psdr0emo2&#10;7t6pUGbJTEFoWMLEGSOQi8URsJQDJLpp1JkoTqwOlCRiMam/IdA92v2xne0s8cjkSaPEURaHA4GF&#10;iYaWEn/YB55AAZJCLsQAAqKqrYDT15mLcegrVrkkmwt731XrpnvwOB7917pU7J2Vn+wNwUu3NuUh&#10;qKyc6553uIaaEEB553AOiNL/AOLMxCKGdlBqzaRXqyIXNB0Z7f29tu9I7Wl6p60qVm3XUIE3ru6n&#10;sJEl06ZYY3GorUG5WytalS8akzmR0qi17j+zpyRx8C49T/q8/wDB/gJe7s7F3JZmNyT7c49NYAoO&#10;HWIuB9OffutdYySfqffuroadco4zI1ydMa8u3/Ee/BQTXpuWSn2+Q64zzh7Rx+mJeAB+fdXk9OqI&#10;mnJ49RSQPr72pqOnOsRYn/Ae99e64+/de66LAfX/AG3vTCo6snHrAT9T9OfexjrbEnHWMv8A0/2/&#10;v3Wwnr1j+vJ9skVr1YsF697r02WLdYy/9P8Ab+76KcerBPXrBJ9P9j7qBXq/y6xe3QAvWwK9e91L&#10;+nTgT16xP9f9h7b60/HqMbsSPrz9Pfuq5brmEt9effunAlOPXTOAptzx7915mHDqIST9ffumuuvf&#10;uvdcC4H059+691jJJ+p9+62TXrr37rXUf37p7VU066JAFz791brEzE/4D37qrcOsJf8AA/2/v3TP&#10;WJmt9Tc+/dOhqDrEWJ/1v6e/dULFuuPv3Vgnr1737pzr305Pv3XuHWMv/T/b+/dNl/TqMVZmJP8A&#10;X6n37q44dc/SguTb/E+/db6wPNe4XgfS/umjrY49YgpPP0/xPu/TpanXnsoH490cV6qrevWAuT9O&#10;B78Epx60Xrw6xN+k+79U6w+/de697917r3v3T44de9+631737r3XvfuvdfYu/ljf9u2P5ev/AIo7&#10;1N/7wWA9xJuX+5Ev/NR/+PHqd9n/ANxIP+aMf/HF6PF7RdGP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fKP95Ed&#10;YiF6cOve/dUALdC51SPNS9pUR0ETdVZKpVH/AC1NNSTix/qqIzW/NvbMv4f9MOlduNIb/SnoI/b3&#10;SYv6ddFgPr/tvfumya9Pe1KhYd1bZnkv44dw0UrhfrZamMn/AGNh7q/A/YenYcOv+mH+Hp67XYr2&#10;XvoWsf701n1/xmf3WL4R9nW7j4z9vQd+3OmehV6PiE3a+yULaQuWM1/r/m4ZZLf7HTb21PhD/q8+&#10;lFr/AGg/P/AekFuioefcu4ZmbU8ucq5XfjktUSEmw45J93TgPsHTc3xt9p/w9J/3bqoUnoe9in+H&#10;dJdy5PhZMnVYfBU7WNzapLSqDpsAYpiTzzYXA4unky6j7T/q/Z0tiHhxsfsH+r9vQCe1HSMv6dKL&#10;aGI/j+6tt4MgFctnaXHyX+gSWdEcn/BUJJ/wHtt30g9WiTWwr6joSfkNmVy3a249DloMWtPh4b/g&#10;wwIZQBc2AqHk+n+v9SfbEK9tPz6U3Ld32UH+XoDy5P04HtQEpx6SF68OjK94kbW2Z1R1pETHLisC&#10;dxZqD8fdVRI+nFis5qvrzZh9ObswdzM35D/V+zpXdfpqqfmf8H+foA9s4Oo3LuDD4CmJWbLZCOj8&#10;gBbxozDySkC5KxR6na3NlPt9m0ivSSNPEYD59GU+TmaipptndZYZWWkwGPjrKijpyzgSyL4KOEAj&#10;UWhgVtP9VmAAH09p7YVqx8+jC6Iwo/1eQ6x9bbNgzfYWC2xOY2211HRtmNyzsQIZMw7LJU62JKnT&#10;VRpBc2Vqei5tck6keik+bcPs/wBX+HraJVgPJeP2/wCr/B0wCsm7g7cy+7JqY5DA4aqigw2Mqr+O&#10;pIl8GIx7AX0LW1J81R9QkP3MhNk92/sUp5n/AFHrQ/WevkP9Q6ffkVuxMJj8b1Pia41U0D/x/fWR&#10;XhquuqG+4CyAE21SSGdkNwoaBVIEdverddXcfsHW7l6DT+Z/1f6vLov+y8dRRmv3bnII6jBbXCS/&#10;ZT/pr6+XV9jj/wDFJHjaWf8ApTxS8hmS7znyHE/yHSeMD4jwH8z5dJPJ5KtzORrstkp3qq/I1T1t&#10;ZUPa7ySMWY2FgBc8AWAHAAA92wgp1RjqNT1IwWEyO48xjsFiKdqnI5OpWlpYh9Ln6sx50xxqCzse&#10;FQFjwD7bZ+tqpc0HSy31m8bFBj9i7YqBPtjbMrvNkEAH8TyTjRVZFrXvEbeKmBJ0QKDe8j+2wPM/&#10;8V1eRh8I4D+Z9eg1LAf6/wDT24Fr0wWp0ttkbXp8/U1uVztRLjdm7chWv3Nk4ra9BJENJTavS9ZW&#10;yDxxL+LmQgqhB23Zw4nh1aJPFycKOPTVvLdtTu7MNXtTxY/H0tOmNweHpyfDRUUI0wU0QNrhV5Zv&#10;q7lnPLe7ougf4etyHxTU4HAD0HSQ926oWC9LPZGzqjeGUlhepTF4PF05yW5dwVAJhoaRP1yt9Ncr&#10;20xRj1SPYAWDEUd9A+fkPXrcaGY+gGSfQdTd97wp9wS0OFwFLJitk7cVqXbeJe3kIYjy1tWV4kra&#10;thrkbkLwi8C51GmnJ4nj16aXXhcKOA/y9B/7c6Y65IjyOkcaNJJI4SONASzMTYKoHJJPAA5Pv3Xg&#10;K9DpNJH0riWp4jHJ21naHTVSrocbeop1N40YX05eojPqYcwRtYWLXdj+2P8AR/wn/N0s/wBxR/TP&#10;/GR/n/1faATMzMWYlmY6mZuSSfqSfyT7f6R9de/de6UG1tpZreubp8Hg6dZamVDNUVEx0QU0Ccy1&#10;NTKfTFBEvLMf8FUFiqmruEFT1eOMymg6Xm9d34LBYQ9b9dTvJhFcPu7dC+mXOVaf0P6kxsDXEMV9&#10;LX1sCfW7aIWOpuPkPTp+SUINCcPM+v8Asf6vtBQkn6+3ukvXXtpm6dVelRs7Z+a3zm4cHgoUaVlN&#10;RW1tQdFPSU6f52pqZfpHDGPqfqTZVDMQDVuwVP8As9ORqZTRf2+Q6Xm8944Pb+Gn6563mL4UkLu3&#10;eGkJU5udfqisLtFjY2v44gbOOTqBZpNKn4m/Ien+z05LKANEfDzPr/sf6vtA1mv/AK3uxavTAWnX&#10;H3Xq3Waix9dlshS43G0s9dX10601HR0yl5JJHICqqjkkn/ivvxNOtgFjQdGDebGdCUk1HSPQZrt+&#10;vpTFW5GMrNS7eilWxihuCs2SdG9bfpQHTylxOzmX7P8AD/q/1fJYz/T/AOm/wf6v9XzLtVVVRW1E&#10;9VVTzVNTUzNPUVE7F3kdyWd3diWZ2Ykkkkkm59vdIia9N/v3Xuve/de6GTYXXNDVYqbf3YE9RhOv&#10;8eSISnpqstOCwWkoENiQzKQ8nAADAEaZJIm2fNF4/wCDpVFCKa3wv+HpOdjdlV296mnoqeBMLtPD&#10;L9vtzbFF6YKaJRpVmC2Ek7L+pyL8kLZeDZV0/wCU9NSymU+gHAdBeWJ/4p7t1VOPXXv3TvUzG46v&#10;zFfSYrE0dRkclXTCnpKKkUvJI5/CqL/Qcn8AAk2AJ96Jp03pLtQZJ6MjI2B+PVCUU0O4+6K6lDeT&#10;Sk1Ht1JF5AuWWavKt9bWsebRcVDFDN8l/wAPSwAWwpxb+Q6LPkcjX5evq8plKuor8hXztU1lZVMX&#10;kkkc3ZmY8kk/8UHHtQBTpgmuem8sBwPr7aC1611jJJ+vupx17oQOu+ts92PlXosZ46HFUCiq3BuG&#10;tIWloacXLSyuxUM+lWKICC1iSVRXdasadOxRmQ/LzPS+3v2Vg9t4KfrLqIy0e3T+1ubd49FZmpAC&#10;rguFV0pPUwA41qdKhYriSoU1qf8AiunZJgvav7ei8e79Jia9cHJFrH6+/dWQV64hCfrwPfurF6cO&#10;h2636posnip+wOw6x9uda4ol5KljpqMlKhsKWiX9bB2BUuoJJBSO7B2iqzUwOPTkUde5uHSf7S7Z&#10;rN+PS4TEUabb2Dgm8W3Nr0gVEVVBVZqkRkrJUMCT9SsepgpYl3fyrTqzvq+zoHvduqddEgfX37qj&#10;CvWKzOwCqWZ2Cqq8kk8AAfkn37qwFMdGl2psLbPUuBpOye3qZavLVcX3Gyeu3/z00y2ZJ61CCERP&#10;SxVwUjB/dV5SsPtsnVgdKFTwxqP5D/V/qHQC7+3/ALj7H3BPuHcdUJZ3Hho6OC6wUsIN1hgQltKC&#10;9ySSzMSzEsb+7gU6Zkl1cf2dIL3vrXXvfuvdOWGwuV3HlKLBYOhnyWVyU4p6OjphdmY8kn6BVVQW&#10;ZmIVVBZiFBPvxNOtqpY0HRrZJ9sfGbDNTUv2O4+78tQkT1lhLTYSKZR6VDceQqeBbXL+p9MBVJGQ&#10;fE+zpRiEep6KPlMpkc1kKvK5atqcjkq+Y1FZW1bl5JHP1LMeTxwB9AAALAAe3uHScnVk9Nbkcf4e&#10;6s2nrXWMkD6+26luvdCV1f1fuDtPO/wzEgUOLowJ87uCpUmCjhN+W5UPM4B8cYYFiCSVRXdfNROP&#10;TkcZf7OhX7K7R27tLbjdRdNymHARqY91buhP7+UmZQsypMoBaJ/pJILB1HiiC06/uVHqenJJNI0r&#10;0VJ/qP8AW92y3TaEAdcPdwlOtF69cC4H0591c1PXglejV9VdU4HbmA/0w9xf5Ftei01G3NuVC3my&#10;UxBaFjC1i8chF4ojxKAZJNNOpLsE6sDpWsYjGo/kOgh7V7Wz/ameORyRNFiKItDgcDCxMNJCSP8A&#10;WDzyAAySWBYgABUVFW4GnponVk9BMfqf9f3vrXXXv3Wq9KfaGzs9vvO0m3Nu0bVdfVm7MbiOGMEB&#10;553APjijvyfqSQqhnZVOidPV0QuaDo1O7914D47bbn6369qFrewMlCj7w3aANdOzJxHFydEwVz41&#10;BIp1bUS0zswqo1ZP5Dpwmnav5n/V/IfmeiVyyyTSPNM7SSyMXkkckkkm5JJ5JJ936Z4dYJDZf9j7&#10;917qMX/p/t/fuvdc4UZyTyF/Lf778+7KteqO+j7eu5pwR409MS/7z7pI3kOqon4jx6hl/wCn+390&#10;CevTvWP3YsF6910SB9fexnr3WMv+B/t/e+vdcPeiadWXj1hcm5H49+U1HTpoM9cfe+my9eHXBnA+&#10;nJ90Zhw68qV6xkk/X3vC9XwvXXujPXqhevWN2B4H9b+/Cq56vElT1iJA+vvWW6UYXrEXJ/wHvbLQ&#10;dULV64+6dVIp1xJC/wDFB7904DQdYyxP+A/p791QsT1wP0P+t791vR69RiwH/FPfuqdYyxP+t/T3&#10;7r3XH37r3XEsB/r/ANPfuvdYyxP+t/T37r3XH37qycesbkWtfm/v3ThanWF/0n37potXrD791rrC&#10;/wCr37qyrq64+/dOgU69791vrgXA+nJ9+6oXp1iZvyT/ALD37qmW6xhrsB9B791cJTrsuB9OT791&#10;fqGzM3LEn37r3Xh9R/r+/de6yF7fTn37r3UaQk2v7917rH7917ro/Q/63v3XusHv3Xuve/de6979&#10;0+OHXvfut9e9+691737r3X2Lv5Y3/btj+Xr/AOKO9Tf+8FgPcSbl/uRL/wA1H/48ep32f/cSD/mj&#10;H/xxejxe0XRj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ykpYpIZZIZVKSxSGKRD+GU2I/2BHvIjrEQR049cPfu&#10;tlgOhZ6cbXuLO0Hp/wBy+ws3jSri4OqglksfqQP2/wAf6359szcAfQjp21OpiD5qR0EJf+nH+Pt7&#10;pJ1iLgf4n37r3U/CTCLNYiaS+iHKU8rBf6LKhNh/Ww91bIP2dXiNGH2j/D0uu6VZe1N8hgVP8dka&#10;x44KqQf9Yg3H+HukHwDp26/tD+X+AdBaXA+nJ9u9J+hk+PUaT9xbNWUalElbKBcj1Jjax0PBH0ZQ&#10;f8fobj2zcfAfy/wjpRaf2g/P/Aeghr3WSurJEIZJKuR0YfQguSCP9ce3Rw60ygkn5nqJ731UvTh0&#10;PP8Axbvjh/ZEuf7U/wBpu0MGP/pybLLD/gbt/Q8pyR4n2D/V/h6UZ8H7W/1f4OgG93LE9JwoHQ4f&#10;HPGJk+18HLIqvBh6WrzE+v6DxwPHG3/IE0qNf/D2zMNK9KbU6nx5An/J/l6CPc+WbPbkz+bcljl8&#10;1VZK5/pPO8oA/oAGsB+Bx7UqukAdJJG1MT8z0o+rNv8A96OwtpYVk8kE+YjqaxCLhoKa9TOp/wCD&#10;QwsP9j+fp7rK2lSer26a3A/P9menTvDcn95Oz911cbh6ehr/AOCUhU3UJRKKdih/KySo7g/T1cXF&#10;veoF0qP2/t6duO9z8sfs6FD4s7bgqNx5remRZIaHbOOaOCeUlQssqlppVYfiGnQo449M45/BauWw&#10;B69P2icT6Y6D6PcTZ/e+9e2a5b02DqWy2KinF71srGnwdMb3BNPoWdlPDRUkg/PtzTpUJ6/6j1UN&#10;qYv6cPt4DoTsk8vVPQcNKxkTefblQ1RVs3+eWjlQFwTfUQKV1Ug+oSVT8cGzQ/Vf5L0436UeeLf5&#10;f9X7el3sbG0PTfX1durOwo1Rt6B50pmuDVZ6si8LRBrcrQwutFqXVokbIsVsAfdH/Vag8/8AB/qz&#10;06o8BM+WT9v8/s6JBNLmt47ieVhPlM/uPK30rdnmqKmThVH+LtYD6AWHAHtZhB8h0gJMh+Z6ft55&#10;CjhGP2hhahKnCbY8kclbATorsjJpFdXDn1RsyLDAf+VeKNrBne7QY8fM/wAh1eRh8I4D+Z9ekL71&#10;010Llx1xtAG5i3xv3GXB+j4zCSn/AG6VeWC/66Ug/Hn91A1H7P8AD/sf4enifBX5n+Q/2egeL3+n&#10;Ht8JTj0kL14dO23cDkt05ugwGIiE1fkJvGhkOmONVBeWaZ/okMMas8jf2VUn3ZiFFetxxmQ09elX&#10;vvcWN+2oti7TmaTaO3ahpnr7aWyuRK6J8nKP9QReOmQ3McFudTv7oin4jxP8h0okYKNK8B/M+vQZ&#10;+3OkxevT3tzb2U3VmqDAYan+4yGRm8USsbIgALPLK1iEhiQF3Y8Kqk/j3VmCCp68iGQ0HS83vuHF&#10;YvGR9c7MqFn29jqkVG4c9ELNmsinBnJubUNOfTTRg6frMdTMCKIpJ1Hj5D0HT0zhRoTgOJ9T0FHt&#10;3pN1wLgfTk+/de6HPE09P0/iKXdWYgiqOys1SfcbOwdSoYYeBwVGVroXFvupFP8AkkTCy/51wSAF&#10;ZP6poOHn8/l0sQfTDUfiIwPT5noD6urqa+qqa2tnlqqysnepqqmdizySOxZ3djcszMSST9T7eAp0&#10;kJLGp6j+/da6fds7by+7s3QbewVKavJZCXREn0RFAu8sr/RIolBZ2P0A4ubA1ZggqerxxmU6R0Im&#10;8N04naGDretNhVSVkFTIE3xvGMAPlJ4zY0tKRcpjIWuFsf3jdrlGJlbVS51N+Q9P9npTLIIl8NP9&#10;s3r/ALH+r7QPPHH1/wAfb3SPrr37r3Sl2fs7Ob6zkODwkKtIVM9bWTnRT0tOn+cqamWxEcMY+p+p&#10;NlUM7BS2zCPJ6eijac6R/sDoQd47xwm38JN1r1tOxwRYf3u3bbRUZuoS4IBBJjx0ZuI4wbOLk6gW&#10;aVpQWOo/8V0oldYxoTh5n+I/5v8AV9oHuw5H+2Htw1bpMKL1h906v1PxeLyObyNHicTRz1+Sr51p&#10;qOjpl1PI7fQAf7ySbAAEkgAn3ommT1tVLGg6HvIVuH6NoZsPt6rpMv2vX0xp9wbkgKywYRHFpKKg&#10;NirVpHpll5KcgWJ0rRVMuTgf4elLOLYUXLHifT/V/snouVRUS1Ess9RLJNNNI0000zFnd2JZndmJ&#10;ZmYkkkkknk+3Ps6S5OT1FL3+nHv3XuuHv3Xuhv2T19hcZhoeyOz3NHtNCz4LbobRWZuZNOlIU9LL&#10;R3I1yXF15BVDr9tM9TRePr6dKo4go1vw8h6/6v8Ai8dIXsLsLMb+ySVVWkWPxdBCKPBYCg9NLRUy&#10;2VIoUAVb6QNb2BYgCyoqIriqEFB+Z9emZZjMan8h6dB1730310TYX9+6snHp22/gM1uvL0mC2/QT&#10;5HJ10miCmpxzb+07sbLHGg5Z2IVRyTb3pmCip6UKpc0HRhcnm9v9CY+q21tCoo892pVw/b7j3kiK&#10;8OKDr+5RY/UTedDw7kcH9Y1jxQsgGU1PDyHTxIgwvxHifT/V/wAX6dFgnqJaiaWoqZpJ6ieRpp5p&#10;mLO7sSzMzMSzMzEkk8k8n2/0n6jFif8AAe/de64+6F/Tr3QrdadW5Dfk1Vk66qj29snBr9zuTdNd&#10;6Iool9TxwlvTLUFRwP0pcF/qquyzU+3p2OLXk4A4np37F7VoazER9edbUkm3uu8e9pWF0q8tKAA1&#10;TXuLMyOwusZ+vpLgaY44tiPSKnj1aSao0rgf4egK9+6Y697917ro2+p/Hv3Wx0YXYnWWEwuBXs7t&#10;xpMbtOMeTb+2SSldmphYxqkR0uKV/wCt1LreQlIR5GozVwOlEcNMt+z/AFf4P8nQedm9nZvsnJJN&#10;VrHjcDjAYNu7aorLTUcAsqhVVVV5SqjU5A/1KBIwqLtVp155NRp0F3u3Wuve/de67jgmqp4aWlhl&#10;qameUQwU8Cl3d2IVURFBZmYmwABJPA9+60TTo1WF23tj4/4mk3lv+nps52dWwis2fsjVqjoeLLV1&#10;pAKiSNjx9dLLaHVIGkibrr4dPqBEKvx9Oi07t3dn975ys3DuSvlr8jWPe7EiOJLkpDBHciKGO9lU&#10;f4k3Ykm4FOkzyl+kuXA+nJ976qEr1hJA+p9+6d6e9s7azu8s3Rbe25QTZDJ10miKGL6Kt/VLK/6Y&#10;oYwbu7WCj6n3omnW1UsaDo0WXzm2Pjhh6vauz5qHcXbeSpjBuLdyqrxYtWt/k1MGDWcDkIeSwEs4&#10;No4Vbprz0oqIhjJ6KFWVtVXVNRXV9TUVlZVzNUVNVVO0kskjG7O7uSzsxNySbk/X26BTpOTXqEXJ&#10;/wAB791rrGzabf4+6PmnVSadCn1T1Nne0cu0dOTjdt45vLuDctQLQU0SjUyIzELJUMvKpfgHW5VA&#10;T707iMdPRx6/s6ETtDtrBY3AydTdQQfwrZVK7Q5vPQsfPl5LBZSZbB2gkI9bk3mUBFCU6hH0iebc&#10;erySADSvDosXvT8emOscn497U0691j96LFuvdGn6q6pwG2cAvcPcIFHtijC1O29t1C3myUxGqBmh&#10;YgyRyEXiiNhKAZJCtOpL0OelqgKKnoIO2O2M92pnzkskTR4mjLQ4HAQMTDSQm3+sJJ5AAZJCAWIA&#10;UKiqq+Ap02W156CksT/rf09761w64+/dNl/TpRbV2rnN6Zyi27t2ieuyVc+lEXhI0Ftcsr2IjijB&#10;uzH/AFhdiAdE063GhY9Gv3JuXbvxu23UbG2RUU+V7Py9Ov8AerdACkUV1uI4wdQWVQx8UXOi/klu&#10;xANQNWT0pZgnaPzP+r+Q/M/Mk9TV1FZPNU1M0tRUVErTT1E7Fnd2JZmZmJLMzEkkkknk8+79N6qY&#10;HXAsB/iffuq9R5CSOf6+/de66iiaQn8Kv6m/33592Va9NySCP/J13PMFXxxCyDgn+vvbN5Dqsa1N&#10;Tx6hEk/X3Tp7rr37r3XAuB9OT7oVqevcesZJP1Pu/XuuvfuvdcC9vpz70eHXhjrF9eT70nDrxNev&#10;e7de6wH6n/X900VOenxw64FgP9f+nugBbpoAt1jLE/639PbgUL04FC9cGNgSPda6sdeWTOOsQUt/&#10;xU+7FgvTgUt12ygKP63+vtstXpwAL1hZiOB/t/dem2NesXv3VeuiQPr7904mB1jL3+nHv3Wi9eHU&#10;T37qnXvfutE0697902Xrw6wH6n/X9+6cHDriSB9fewK9b6xlyfpwPeuvdYS4H05PvZWnXusTN+T7&#10;117rCWJ/wHv3XuuPv3TqcOuiQPr791YtTrEWJ/wH9Pfumi1euPv3W1SvHrC/6j791ckL1x9+6bLV&#10;6970DXpxeHUUsB/r/wBPe+rdY9RJF/6/T37r3Wb37r3WOT8e/de6x+/de66P0P8Are/de6we/de6&#10;97917r3v3T68Ove/db697917r3v3XuvsXfyxv+3bH8vX/wAUd6m/94LAe4k3L/ciX/mo/wDx49Tv&#10;s/8AuJB/zRj/AOOL0eL2i6Me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WP2Zi/4N2DvPHBPFHDuOrkp47WtFLK&#10;00IA/p4pFt+D9Rx7yEiOpR9nWI9wSrkfP/DnpCFwPpyfbnSfoVOjZ0j7V2mkzHx1k1VjZACQbVVD&#10;U0/FgebyXHFr2v7Znyh/1efSi1/tB+f+A9BJOrxSywvYNFI0Thf6qSDz+Rce3umCKdYffutdZIZ/&#10;tp4ZwAzQyrKFP50sDb/Y29+Oetg0NehY7/ikg7e3nG5Uk1NLMNF/pJQ0si/UDkK4v+L/AEv9fbNv&#10;8A/P/Cenrk1c/l/gHQN+3uqBPXoc/jhGj9vbbZwSYaavkTn8mgqU/wB6Y+2Lj4D+XSq2A1fkegM9&#10;v9Iyxbr3tsv6dWCevQ670YUHR3UFFchsrk81l5UB4JiqfEh4AHEcq/W5Fzbi4DKDUx/LpVK2iNR9&#10;v+X/AD9AGWJ+v+29qQtOkRavRkOhz/B9u9x7xuY5MPsd8XSSj6+WsEzxhT+P3aWO/wDS4Njx7Tz5&#10;Kj1PSy07Qzeg/wA56LYWA/xP9PanpIFr0ZD46RriJuwexKlEan2VtCVoBLwDU1Ad4wvIuzJSulgf&#10;92D+o9prjNF9T0utVCVb0H+z/k6LbNLJPLLPM7STTSNLLI31ZmJLMf8AEk39qRjpOTXo5tc/+iz4&#10;0x0qs1PnN+lYXVXBJNcpknYqBqRkx0fgcE3Vwt7E6faMfqyfZ/k6XH9KP7f8v+x0HWx9lNuHO7B6&#10;0eMmmXT2Jv7j6LLGj0tM/wCrhKBolFxdZa2UH6X93d9NW/IdNotSF/2x/wBX+rj0ItVJN273bX5W&#10;kWKo29sCWLB7cRwGglrkeQwuyiyywpPHNWSAX10tNo51KDQfpJTzOT9nToHivXyXh9v7ekB8kN50&#10;1Xl8f11gppGwWyV8da5fWajIsv7skzcCSWAMysx9Rmecnk+9wDSK+Z/wdN3UlTpHl/h6CnDj+6e2&#10;Kjc8lkzm4kmwu1VNtUNPbx5HJD8qSpNJAbcs9Q6kPAPdmOo58v8AV/s/s6ZX9MavM4H2eZ/ydB37&#10;3010I2wsPi0XIb23PB59q7VdGNE1gMlkXBajxiX+qyMvkqCA2inVrgF19+IPAcT/AC+fTkdB3HgP&#10;5n06Q+fz2R3JmMjnsxUfcZHKVLVVTIBYXPCoi/RI41ARFHCoAo4A9vqoUUHSd2MpLHz6ZLs5CqCS&#10;x0qq8kk8Af43976sqU6GHMsvWW259p07Bd9boo1O9KpP1Y6hk0yRYZGHK1E40yVhFrLog5s/tofq&#10;GvkOHzPr/m6ekbwRpHxHj8h6dA37d6Rk16zU9PPV1EFJSwy1NVUzLT01PApd5JHYKiIqgszuxAAA&#10;uSbD34mnWwK46GjPVMHVuBqtk4moSXfGepRHv/L0xB+xgazDB00qk3Y2DVjqbFrQ3YBgrCjxTU8B&#10;wHr8/wDN0qc/TjSPiPE+ny/1f8UB5YD/AF/6e3+knWMsT/rf09+690M+08Ni9i4Ol7I3hRw11bWa&#10;m682lWC61sqGxyValwy4+lexRTY1ElgLR+pmXOvtH5n/ACdKo1EI1t/tR/l/1f5ugqzWaym4srXZ&#10;rNVs+QyeRnNTV1dQbszH/eFVQAqqLKqgKoAAHt0AKKDpO7lzU8emokD6+99V6dMFhMtufMUGBwVF&#10;LX5TJT/b0lNF9WNizMSbKiIoLOzEKqgsxABPvRIUVPVkQuaDj0LO589iOvMFVdebIrYq7N16GDsL&#10;e1EeKkg+rF4+Q+taCI8SuLGoYc+j0llVMh1Hh5D/AC9KpHEC6F4/iP8AkHQEObW/r/X2/wBI+sXv&#10;3XulVs7Z2b3zm4cJhIUaVkNRWVlQdFPS06W8tTUy2tHDGPqfqTZVDMwBo7hBU9ORRGU0HS93pvLB&#10;7ews/W3W07nBsw/vdu22ifN1CcEKRcx46MkiOMGzi5NwWaRlULmrf8V0qeYRLoTh5nzP+x/q+0DG&#10;kJ4Xhf8Aefb+npHq6x+9M3W1Xp1wmEy248pR4XB0FRksnXy+KlpKVdTMfqSfwqIAWZmIVFBZiFBP&#10;tomgr08qlzQdDnk83hemcTWbW2jVU+U7Jro2pN2b0prNHjVItJj8VIeRKLlZZxZgwP0cKsFVTxcn&#10;h5D1+fT7SC3GlcseJ9P9X+ry6LhNKzOxJLsTqZm5uTyST+SfbjGvSVR5nj1GJJ+vuvVuve/de6H3&#10;aWycBsvC0vY3akLmCcmbZ2xHGmoysiC6zVKsCYKBGKkl1s45IKskc7TMWNF/M+nSyOIRDW/5D16C&#10;vfO+87v7MyZrO1CswQU9DQ0wKU9LAv6IKeO5CRr+fqzH1MSefbiqEFB0nllaY1P7OkQWJ/1v6e99&#10;N9cffuvdKfaGzc/vvNQYDbtE1XWTWknlNxFTxBlDz1EliI4kuLnkkkKoZiAaswQVPTsMZkOOhl3D&#10;vLb3U+IrNh9XViZDcdWjUm8+xo1UPJwNdJjXDOYoUbgurcFbozufKGlUuat+Q6VvIIhpX8z/AKv9&#10;X59Fodzc8kkm5Y+3+kZf06xe/dbTrokD6+/dX6Gbrfq2PcFFUb13rXna3W2IbXXZicWlrWVrGloF&#10;/VJI5BQuA1mOlVd7qEzGmBk/4OnYo9fc2FH8/wDV/wAV1D7M7Vk3hBRbX23QDbHXWBITB7apzYuV&#10;v/lNYwJM1Q5JblmClibu5eR7KAnHJ69JLrwOHQPe/E16a697117ro3twLn6Ae/dbAr0Zfa2wNu9Y&#10;YSk7G7gpvuK+qRpdmdbygCarlUKyT1qm/igQkFkdbLdfKGYrA9CdWB+3pUqiIVP+r/Z/wdAxv7sH&#10;cfY+dlzm4arWwvHj8dDcU1JDfiGnjJIVbAam5ZyNTkn3YDT0y8pfpCs45A5/HvfVVTrCSB9ffune&#10;pWNx2SzeQpMTiKKpyGRr5hT0dFSKXkkY/hVHPABJP0ABJIAJ9+62BXo1KU+2fjTjo6yvjx+6e68h&#10;SiSjoiTJSYOKVLapCpAadlJuRZ3HpjKQlpJW/wC0+zpwkQCpyfLoqOdz2W3HlKzN53IVOTylfMZq&#10;qrqW1MxP0AHARFHCqoCqoCqAAB7uBTpKSZDU9MpYn/Af0976uFA64+/dVL+nSp2RsXcXYe4Kfbu2&#10;qP7msmvJPUS3WCmhBAaeokAbxxJcfgsxIRFZ2VTpjp6dRS/Ridz712z0Xha3rzquqTIb0q1+23tv&#10;6ylo3VbPTURuwRkckAKSsBB5ee7xtgF8nh08zeCKDj0UeWR5Gklkd5JZGMkkjklmY8liTckk8kn6&#10;+3ekuup6i+/dX697917oZOpensl2VXTV9fM2B2PhdVRuLc9TaONI411yQwPIPG0+jlibpCp8kl7o&#10;kjUjU+3q6ReIc8B0pO1e4MZUYiDrLqqGXA9dYpTT1E8WqOfKvyHkmbiQ08huxD+qYnXKB6UTyx5q&#10;enJJBwXh0W4kD6+3emOsZe/049tuPPr3WJmt/iT7qq6uvdGv616t25svba9vd0RGHERhZtp7QnH7&#10;1fMRrheSBipdZLXjiayst5Z7Qiz+J8h0oRBGNTfs/wBXn0C/aHam5O083/EszIKbHUhaPCYKnP7F&#10;JET9BwPJMwA8kpGpyAAFRVRa9NO5fj0FjfqPv3Xg1B1wJA+vv3Wst0o9qbVzm9c5Q7e27RSV2Sr3&#10;siLwkaC2uWV7ERxRg3Zj/rC7EA6Jp06kdejdbj3Htn4y7Ym2bsyalzPauYpVbcO4iqsKIMtxwbhW&#10;UNeCA3Av5pr3VZKgasnp1nCdo4/6v9QH+okbqKiprqierqppaipqZmnqKiYlmd3JZmZjclmJuT9S&#10;fd+m+uIUDn6/4n37r3WE/U/6/v3VC/p1yWMyED6KD6j/AL78+7KtemWl0Z8/Lr00w0+GLiMfUj8/&#10;7H3tm8h02iknU3HqE/0/2PunShOPWAsB/r/09+6uWp1jLE/639Pfumyxbrj7904op1xLAf6/9Pfu&#10;rdYixP8AxT37r3XXv3XuuJYD/E/09+691iLE/X/be/de6xMxBsOP8fbbNTHT68OsftzqpanXvejw&#10;6pluve2OnY0oeuBcD6c+/dPF6dYmb8k+/dNk16wsbn6e/da6xFwPpyffuvdYySfr7917rr37r3Uf&#10;37psv6dePHPvwz1Tj1hLE/639PbwUL06FC9YWe3A/wBv7qFrnq3WP68n3YkL1UtTrCWJ/wBb+nvw&#10;UL1brj7ozV691xf9J90691h9+691737qwag6xyfj37rXWIkD6+/da6xl7/Tj37p8cOuHv3TT8eui&#10;QPqfejkdV6xlyfpx78BQdPJw6ie99W697917qR7917rHJ+PfuvdY/fuvddH6H/W9+691g9+69173&#10;7r3Xvfunk4de9+6t1737r3XvfuvdfYu/ljf9u2P5ev8A4o71N/7wWA9xJuX+5Ev/ADUf/jx6nfZ/&#10;9xIP+aMf/HF6PF7RdGP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fLc7dP3eb29uG623VsbEZqRkNx5VpVopx/gV&#10;mo2B/Nxf83OQcOAR6EjrEi6yQ38Sg9BMX/p/t/bvSbpadZ1n2HYmxqskhY92UAlYXvoepiR/pyfQ&#10;x4/P090lFVP2Hp2A0cfaP546gb5ozjN67vx7cfZbnr6W/PISqlUEEgEggXBtyOffozVR9g61N8bf&#10;af8AD0kS/wCB/t/d+m+uHv3Vgtehj73Il7Dqa0K6jJYDE12qQ3ZtWMpVDHk82Sxt+Qf9cs2/w/me&#10;lt0Ark+vQOe3ukZevDoavj9I8XZmOljYpJHh8nJGw/DLj6lgf9gR7YnIK0+zpTZgh6/LoFCQPqfe&#10;8t0zhesZcn6ce7hKdUL16HXt7/JdodJ4m7Dw7BGXKM17ffyJJew9IDCPj+1bhuR7bhyW+3pTcnsQ&#10;fL/IOgGJA+vt/pIBXoxuIP8ABPjPuurYBJ9471gxULn+1FTmnmAFvodVPMDfixNhfkpj3SD5DowQ&#10;aIj8z/m/zdFr9qek3RmP+PP+MrPcR1/Ze7tPHEn2lK30/wCCa6E/64ntyD7S/HJ9g/1f4elXwRfa&#10;f9X+DoFOvtuPvDeu3NvCKSWGvySGtji/V9tFeapsTYavBG9r/mw9vyNoUnpiJdbAdGd7xyFFuTtH&#10;B7Tq28m1+usK+f3P47KGURpV1MYCjSHnhjggi44lmtYAn2mh7VJ8yaDpXMdbAeQyf9X+rj1h2vla&#10;3ZnVW+O3MjpTefZ2Vkx23iinUgmklVDCP1JpfzSqouCkEP1Fh709GYL5Dj1pWKKXPE8OlliUh6J6&#10;inzdRHB/eIxNS0MctmMmYrABOSL2daNYliKkA6aWcobVBvRj4rfL/J/q/wAPTg/QT/Vx6JPt3Dz7&#10;sz6wVdY8EEhlyuezE4L/AG9LEGnrKqT8uyxhioveSQrGDqce3yadIUXWf5k9Yt159M/mJauCn+yx&#10;lNDHjcHjQbimoqdfHTQk/RpNA1Sv9ZJmkkPqc+7InWpZdR/kB6DqDt/B5LdGax2BxUQlrsnUinhD&#10;GyKPq8kjWOmKJAXdvoqqT+PbhpGKnplQZTpHn0p+wdwYyWXH7Q2tMZdo7SV6WiqgNP8AEKtyPvMp&#10;IOSWqpFAiBJ0QLGo08j3qNfM8T/L5dPy0PaOA/mfXoNfbnTRYL0Lm0Kan2ThE7Ky8ME2SmmkpOvM&#10;TVKGEtXGdMuUljNw1LjmPoBBElTpX6Ix9tOdZ0j8/wDN+fTqfpjW3+1Hz9egqqqqprqqorayeWqq&#10;6ud6mqqZ2LPJI7Fnd2NyzMxJJPJJ9ugU6Sk6jU9YPfutdDdiI4eqNu027K9AewtyURk2Zj5hf+GU&#10;Uqshy8yG/wDlE6krSIwsFvMQfSAyf1TQcBx+fy6WKPpl1H4jwHoPX/V/n6BCaolqJZJpZJJZppDL&#10;NNKSzuzElmZiSSzE3JPJPPt7pGTXrB7917oVtkbXxFJjJew98ws+08bUmmxOGDaJc3XqLijiIOqO&#10;li4apmsQqgxrdyQrTsSdK8f8A6URRgDW/DyHqekZuzdWW3lnKvPZmVXqqm0cUMKhIoIUGmGngjHp&#10;jhhSyqo/1ySxJN1UIKDpuWQymp/4rpMlwPpz7t031KxmNyObyNHisXST1+SyFQtLRUdOLvJI5sqg&#10;fQf4k2AFySACfeidOT1tVLmg49Dbm8pjuo8LVbN2tWQVe/8AJwtS783bRHUtFGf1YjGy8FSv0qZV&#10;5LAqG4CxMgGU1PDyH+U9KmYW40r8R4n0+Q/1f7AAF7fTn2/0k6xEk/X37r3Sl2ltPMb0zdLg8LCH&#10;nmvLU1Mp0w00CWMtTUSfSKCFeWY/4KoLFVNXcIKnpyKIymg/4roQt570wm3sJN1t1rOz4RmH97d2&#10;20T5uoS4KqQbx46IkiOMGzi5OoMzSNohY6m4+Q9On5ZQg0R8PM+v+r/VjiBbsSSP9v7cLU6TBa9c&#10;PbZYt04FC9Pe3NuZrdmYo8Dt+glyOUrpNEFPFYcDlndmIWONF5Z2IVRyT78QEFW62gMp0r0NWY3J&#10;h+osTkNlbFrIMlvTIQ/Z7139SniD/jpjcU1gyohsJJgQzMCQA4TwUC+L3NgeQ6UO4txoXLebf6v9&#10;Q6LozFiTc8/77n3cnV0mA05PUd/1H3oinWwa9cQL8DkngAe9ha9aLU6MTgNpYLqrE0W+ezKEV+4q&#10;1fu9l9ezFQXsCUrsopuYqdXtpjI1EizKx1IjZJkwnDzPSpYxbjXJx/Cv+r/UPt6BTdu789vbNVWe&#10;3DXSV1fUtYFrhIo7krDAlyIoY9R0qP8AEm7Ek7ACig6akkMpqekq5H0/N/e+qdYibcn37rwFelvs&#10;Hr/P9iZc47DolNQ0qiozWcrPTS0NOLl5p5CQtwqkqgOprH6KGZaO4TpTFAZD/h+XQj7x7DwO0sFU&#10;9a9TM0eKlU0+7d6EKtXmJBcMsci+qOiF2CgEalJUWRnaaoSpq37PTq8k4UaU4eZ9f9X/ABXReSQO&#10;T7d6S5brCTck+/dXCU64M2n/AFz791YGvQ9bA6vxFLhV7L7Ynmw+xoG1YnEp6a3MzDlIaePhxTvY&#10;3e6lluQyJeZWXkrhePShIgBqbA9PXpG9ldoZjsStp42ghwm18Sog27tTHWSlpIlGlToUKjzleGfS&#10;LA6UCp6fdVGnh1SWUyfIenQY+/cOmC/p1737q/Wanp6irqIKSkgmqaqpmWnpqanUu8juQqIiKCzO&#10;zEAAAkk2Hv3XgK9GixOA2z0FjaTde+qalz/Z9ZAtXtbZBYNFjgytorMhbjyIw4HOlhaO7gyw0rq4&#10;dK1UQCrZPp6dFv3XuzO7zzdZuHcdfJkcpWMNcj2Cog/RFEgssUSA2VVAA5PJJJsBTpgkyGp6TJYn&#10;/W/p731YKF64H6H/AFvfuta68OnfbW2c5vDNUW39u4+fJ5Wvk0Q08X0AH6pJHNljijHLOxCqOSfe&#10;iadXGTQdGXyOZ2x8dMZU4Das9BuTt2vp/Bnt0aUlp8RcAPS0oYENKDe6nksA84sqQCnx/Z08WEIo&#10;Msf5f6v+L6KdXV1Vkquprq6pnrKysnapq6upYvJJI5LO7uxLMzE3JPJPtzpIwPE8em5/r/sPfuvK&#10;1B1w9+6qWr0IXXHWm4+zc4MTg4lipoAJstmakEU9JDfl5GH6nYX0Rj1OQfooZlqzaerxxmQ9DBvn&#10;s3bnXmAquremZiKeXVDu/fY/4E10wujpTTLYCMC6+RfSFYrDa7SvRRqyelLyiIaV/b0VUm/J5J5J&#10;Pt3pGTXro/Q/63v3Xhx6we/dP9Dr1J01PvdajdW6Kv8Au11vhA9Rmc/UMsZmEVi8FKXBu34aTSVT&#10;kDVJZC276cefTscerJ4dZu2u5oty0VNsPYFI+2es8IgpqPHQXjkrijahPVclihca1jYlmcmWYtKQ&#10;I/LHTJ49bkkrheH+HovJcD6cn250z1jJJ+vv3XuuvbTk8OvdG56/6y231ntuPtvuamta0mz9kVCj&#10;zVM9tUTzwP8Aqc2usTjTGv7s/wCFDVSTQdKUQRjU3/Ff7P8Ag/wAH2X2duXtHPvms/PoghLRYjEQ&#10;E/b0cLNfxxjjU5sNchGqQgXsqqqvgCPpl31noNCxP+A/p72FC9U6xM1uB9fbbGp6uq16f9p7Tz29&#10;89Rbd27QyV+Tr5LIi8JGgtrmmexEcMYN2Y/T6AFiAanAr06oqaDo4G49xbZ+Mu2ZdlbMmpcz2rmK&#10;VTuPcbKrChDLccHUFZQ14IDewPmmvdVkoBqyenHcRii8f9X+oDokFXWVOQqqirrZ5qurq5mqKqqq&#10;WZ5JJHJZ3d2JZmZjckm5P1936YVaZPWAsF4/3ge9ha9bLU6xM1/qbD3rpskt16NWlJtwg+rf8U/x&#10;92Va9NO+j7evSygDxRcKOGYfn/ff7z72zeQ6qieZ49RSQPr7p071gle44459+6unHqP791Zlqeui&#10;QPqffut4XrGXJ+nHv3W1NeuHv3W+uiQPr7917rEXJ/wHv3XuuPv3XuHXRIH196Jp17rCTc396FDn&#10;rdTw66926sE9euiwH1/23vxz04BTrEzE/Xge2ytB1vrCX/p/t/bfXusfv3Xusb/j37r3WP37r3XE&#10;sB/r/wBPfuvdYixP1/23v3Xuuvfuk/XBmABH1PvYx14Y6wlgouTYe91LdbJr1gvfn+vPvZamOt6+&#10;uBcD6cn3TrYSvWL3smvTvXveuvdY2YWsOfdtOK9e6x+69e697904g8+sEr2tbn37rTmvUYkn6+/d&#10;U69790+OHWMv/T/b+/dMsanrGST9ffutde9+6eTh1H9+6t1737r3Uj37r3WOT8e/de6x+/de66P0&#10;P+t7917rB7917r3v3Xuve/dPJw69791br3v3Xuve/de6+xd/LG/7dsfy9f8AxR3qb/3gsB7iTcv9&#10;yJf+aj/8ePU77P8A7iQf80Y/+OL0eL2i6Me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Wtue+U6t64y4VWfC5HL&#10;bQrJR9eJYsjTK3P1EdZIBwOAPre/vINcOR9h6xIk7o1PpUH/ACfy6Cj270m6z0dYaGtpKyManpKq&#10;OpQcfWNw4+tx9R78c9bU6SD6HoRu7qVaXtTeITmOqyEeUjYfQrWU8NUGH/BvNf8Ar/Xm/tqE1UdK&#10;Llf1D+X+DoKvbvTYWnXvfuvF6cOhj7nRmyexq9g98t1bg8jqkbUWvTtFc8kg3isb83BP0N/bERCg&#10;/wCmPT1z3lT6qP8AL0DnvZYnpoKB0MnQbX7JodP4weVN/wDyG1PtuZSq1+zpRatV/wAugTJJ+vtU&#10;BTpCTXr3v3Xuhz79Y02Z2JiwCoxHV+IoSpGkBh9wSQn9j0lRb8W9sQcCfmel10lCB6KP8J6AT2/0&#10;z0ZLsn/cJ0X0xt+4Vsq9buedAbE6mMkTsB9f28hZSebCw/Nk0fc7H8v9X7OlUvbGo/P/AFft6LUC&#10;zsqRqzMzBVVRckk2AA/JPtT0l6Mn8inGDh6066iKhdobNilrRGeDVVGmOVmtwWb7XX/QeQ2+p9pb&#10;YV1N6npVc9tF9B/sf5On34sYGlir91b9ymiPHbdxbQRzzKSqkL9zUyI30WSCOOO/9Ulb365bgo63&#10;arxb8ukTFHld6TGOMPHuHvDebSE2LGnw1JVFmaw/VA1YCT+FGO/23q6fsUfz/wBX+HrX9p9rH7aK&#10;P9X8ujI5DE0+7u09v7PxSLHtHpzG08UcVlaNsrNEDTIQbLL9nTwCZlY8mCWM2MnLAOkVPE9KAviO&#10;B5L/AIfL+XRdfkbvqDce7o9t4qYtt/ZUbYmn0sWElX6VqpdR5fQUWIE3uY2cEhyS7CmPt6TXcgLU&#10;HAf4eg3ybNtTalPg1Bizu74Icxnj9HgxtxNjqI/0NW2mtkH5QUf0IYe3UXUa+Q4fb/q/y9MO3hrQ&#10;cTk/IeQ/y9BsXA+nJ9v9MBK9C4x/0d7JBv4979hY+5H+7MdgZL8f7RUZi3+uKUfjze2f7RvkP5n/&#10;AGOlWIE+bD/jP+z/AKqdA97e6Sl69LrYu1abcFbWZDNTyUG0NtUwyu6MlGPUIdQWOlgJ9LVlbJaK&#10;Ff6lnIKxt7o7acDieHV4Y9ZqcAZJ6bt4bpqd3ZmTJSQR0FDTwJjcJiKf/M0VDBdaeli+npjXlmsC&#10;7l3Iux97RNAp+35nqssnimv7B6DpLe7dN9CzsbBYnD4qXsveNOtRgsbUmm2zgZeDmcknKxW+poaU&#10;+upf9JsIhqZivtp2JOkfmfQdKYUCjW3DyHqeg43DuDLbpzWQz+bqnrMnkpzPUzNwB+FRF+iRRqAq&#10;IOFUBRwPbiqFFB0w7mQ1PTL731XoRdhbMps7/ENxbkqZcVsbbIWfP5NBeSZ2/wAzj6MEjyVlWRpF&#10;uIlPkew0hm5H04HE8On4Ytfc2FHH/N01743pU7wycM328WLwuKpRi9tbfpSTDQ0aH9uJSeXkYeqW&#10;VvVI9yeAqrtE0f5T69VllMp9AMAeg6RBYn/W/p7v011lpqaoramCjo4Jaqqqplp6amgUu8kjkKiI&#10;qglmZiAAOSffiadbA1Gg6Hmvq6TpHE1GDxk8FV23lqfxZ7M0pDrgaWVBqoKSUEqclKp/fmT/ADSn&#10;xxnV6/acDxjU/D5fPpWT9KKD4jxPoP8AV/q4dF6d2dmZmLFjqYnkkn6kn8n2o6R9cPfuvdKTaW08&#10;3vbOUuAwFL9zW1F5JZXOmGnhW3kqKiSxEUMQN2Y8k2VQzMqmruEFT1eOMyGg6EfeW78FtLBVXWvX&#10;FSKmiqLR723qgCy5iZbhqenIJMWMiNwqg/u88spZpmkQsdTfkPTp6SQINCfmfX/Y/wBX2gOXv9OP&#10;b/Sbrh7bK1PTgag6UO1trZveebotv7fonrcjWvZVHCRoLa5pnsRHDGDdmP8ArC7EA7ZhEKnrcaNO&#10;1B/xXQv57dOI6vxFdsPrythr89Xwmk3z2BT31SNca8fi3BvFSREFXlHqla5FrKQ0imU6m4eQ6VSS&#10;C2GiPj+Jv83+rH29F4JvwOAPoPblNXyHSSun5nriSB9fdsL1XLdcFR5pFjiR5JJHEccaAlmYmwAA&#10;5JJ+gHtpjXPTqjy6MbjMHg+ksbS7n3pRUeb7IrY1qtrbKnbVHjQQGSvyiqbiZSf24TyCOPWC8Des&#10;z4XgOJ6VBBadzZY8B6dABuHcOX3Rl63OZyumyOTr5jNU1Mx5J+gVVFlSNBYIigKqgBQAAPboGKDh&#10;0lZyx1Mc9J8sT/gPdet9cffuvdCT131rkd/VVTUSVMOD2ph7T7l3TXlUp6WIepgGcqrzsv6VvYXB&#10;cqpBNHfTjifIdPwRGQ14AcT0od/dmY0YdeuutKeXC7EoyUr6s+mrzMwYXqax7K/jYqCsZtxbUqgJ&#10;FFpY6Zbj/g6tNPqGlML/AIf9joDGNgSPbnSdRU9YPryffunSQvXvfumy1ejH7V6+2519hKXsbuCn&#10;aTzp59ndeEhanJOApSarU3MNKhYEq4+nMin0wysMxfC/melccfgjU3HyH+r/AFevQQ7/AOwtxdj5&#10;t8zn6hdESmDF4un9NNRwXusMEf0AAtqY3dyAWJsLOqoTh1V3MhqekN78AF6TEluve2mNT1YJ69T8&#10;TisnnslR4fC0FTk8pXzCCkoaNS7u31NgPoFAJZjZVUFmIUE+/EUFT06AWwBU9GeLbZ+ONB9cburu&#10;uupSD+mahwCOOOLAtWOjfmzEW/RCf8oay/2dPki3+bf6v2D+Z6KzmcvlM7kK3MZiuqcjk6+Yz1db&#10;VMWd2P5JP0AHCgWCgBVAAA9ucOmgdZqemj37qxanXRIH1Pv3TZNelfsbYm5Oxs7DgNt0Znma0tbV&#10;yXEFLDqCtPUSWOiNb/QXZj6UDMQPemYLx6siFzjoctzb92z0zhq7r3qSqXIbnq4/td59kJYSM4/V&#10;Bj2V3EYQkrdCVit6WknJmVsAvk/kOlRpEKLx8z/q/wBQ6KlJJJM7yyu8kkjF5JHJJZibkknkknkn&#10;8+3emSQvWFyQOP6+/dNM1esXv3VehZ6t6lzPZVdNN5kwm08VeXcG6a4aYII0Ad0jZtKSVHjOrSWC&#10;otmkZVI1UdwvT0UJk+zpadldu4aiwZ6t6hhkw2xqVmjy2YFxV5aW9pHeXh/BLpFyQrSKAmlIVEZ0&#10;ik5PV5JQvan7f83+f/J0Wr250m697917rpv0n/W9+62OPQ/9UdO0mYx8vYfZFWdtda4hhNJNVao5&#10;ckQeIae1pPCzWUyIC0jHxwgvqeNt3pgcelscWrJ4dMXbnclXv9qbbuBo02115g28OC27RgRh1ThJ&#10;6lUOgyW/SgukVyAWctI3kj05PHrUkmrA4f4egO+nJ92fPTXUf3br3XaqzMFUFmY6VVeSSfoAPyT7&#10;qWp17o4Wy9gbZ6TwVF2n27EKjcM6+bZewSF83nADJNUI1wJkurHUNFKCGfVUFI0YLF8D8z0oRPD7&#10;m6Lb2D2FuPsrcNRuHcVTrka8VBQQkiCkgvdYIEJOlR9WJ9TtdmJJ92B04H7emncuekIWA/xPvYUn&#10;qnWAkD6+/Grde6f9qbSz2+M9Rbd23QyV2SrpNKqOEjQfrmmexEUMY5Zj/rAFiAdkBBU9OJVsDo2u&#10;4d07a+NO3p9jbCmpM32jlKcf3s3W6BlotS3EcakkCRNV4oTcJ/nZgzMFZrMmTw8ulFRGKL+f+r/J&#10;/qJJayqqq6qqKytqJqurqp2qamqqGLySSOSzu7sSzOzEkkkknk+7dMkhePUb3ZePTHiljQddHgE/&#10;4e7s3VhnrpI2kOpiQg+rf8QP8fdUQt16WUQj5+Q65STC3jj9MYFj/j78zeQ6ZRKnU3HqIXt9Ofei&#10;tOnesLNbkm59162Fr1iZif8AW/p7906F09Yma3A+vv3VS/p1iJJ+vv3VQC3XvfunQKdYy/8AT/b+&#10;/db6x+/de699OT791sY6xl/6f7f22zU68xqeuIUn/D/E+2+tddNZSeeP8fe8nHTqDHWEv/Tj/H2/&#10;1frh7917ri/6T7q/Dr3WH2z17r3v3Xuscn49+60TTqOzG9hx7914GvWP37rfXRIH197Ar17rEzk3&#10;/A966T9Yi9vpz7uErx691E9Tm5JP+J93JC9e68Sfp+Bx7aOenVWnXH3rq/XEsB/r/wBPdgtevdYy&#10;xP8Arf09uBQvXuuPujNXr3XEsB/r/wBPdOvdYyxP+t/T37r1esMn49+691j9+691hYkk/wCB9+62&#10;TXrj791rr3v3Xuve/dPJw6j+/dW697917qR7917rHJ+PfuvdY/fuvddH6H/W9+691g9+691737r3&#10;Xvfunk4de9+6t1737r3XvfuvdfYu/ljf9u2P5ev/AIo71N/7wWA9xJuX+5Ev/NR/+PHqd9n/ANxI&#10;P+aMf/HF6PF7RdGP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fLU28f4p1T2BiSdUu3sxi94UkQtfS7S42qP9bBa&#10;iIn/AAF/xzkG2HB9aj/L1iRH3RsPQg/5P8HQSFif9b+nt3pN1x9+6cCevQwdyD7jK7NzXJ/vD1th&#10;snI5v/nFpzSyDkDlWprH/YEcEH21DgEehPSm5ahB9VB6B/27w6SEluve2y/p1YJ69C92g4n291Fk&#10;RoPl68jxt0uf+AdZVRkE/TjV9Pwb/wCHtqMaiR8/8IHSmchQp+VP2dA0WJ+v+29qAtOkZavQzdBk&#10;jsmht+cJlR/6zqn2zcfB+zpTZ/H+R6BUuB/ifb/ScJXriqvK6RoCzuwRFH5JNgB/rk+/dOhacOh0&#10;+SBRO1stRIQUxuLx9Cn5awooZBr/ANqtJ/QcW49sW/w/melN18X2DoBi34X1E8AD2/0n6Md8lj/D&#10;81sPaat6Nrdf0dG8Q+iSFpI2Ww9N/HTxm63FrC/HtPb5BPqelV1ggeg/2P8AJ0GXUWC/vH2XszFl&#10;PJE2birqlCLgw0l6uVT/AINHCR/sfbkraVJ6ahFWH2/4M9TO689/eLtHeNesgkhgyrYmmZf06KJV&#10;pQV/2ljCWv8AnUT+fbcZ0qB16dtTH9n7OjHrjazaHx2wO18agXc3amSpsZEiuPUck/lYso/zemiV&#10;aeW99PGq36QwTrep8v8AJ0p06IwBxNB+3qP1c+Ixlbv/ALckVZ9rdcYL+5uyfINPmNNCqGRPqEmr&#10;CVJ5I8lbJf8Ar784JovmeP8Aq/1cOvR0BLeQwPsHSrqclP0309lNyZCT/f8Au8J5amSd/wDONlcl&#10;+7MSNRNqCNbFGFllgcg2n50q+K1PIf4OnGk+nQnzP+E/6v5dEk2fjqOtyFZnM8rVGA23THNZpHax&#10;qSHC01EGPOuvqmWIkXZYzLLYiNvaxzQUHE9FkK6zqbgMn5/L8+kzmcxXZ7K5DMZGQSVuTq3rKlkG&#10;ldTsSVRRwka30qo4VQFHAHu6rpFB1tu4ljx6WPX2Ax1VNkt1bliL7R2fClflIbgGtqHYrRYyP63e&#10;rlHrsLJCkrkrYH3SRiMDif8AVXq8VDVjwXj8/l0lNxZ/JbozeRz+XmE2QydQaiYqLIosFSKNbnRF&#10;DGFSNfoqKqj6e7qoUUHSeRzIST59YMLh8juDK4/CYimesyWTqlpKOnj+rOxtyfoqqLlmPCqCxIAJ&#10;9+ZgoqetKpc0Hn0vN9ZjHY+io+vNr1EdTgcDUfdZnLQ/TK5bSUnq7/mlpwTDSr+Iw0hJaU2bQE9x&#10;4/4B09M4UeGvAcT6noLiwH+v/T270n6XWwdnpuqurK3L1TYrZ+3KcZPdeat/mYL2SGG4PkrKtx44&#10;U5Ja7WKq3ujvp4cTw6ehi8Q1OAOJ6jb73k+8MrC9LSLidu4emGK2vgYjdKSjQ+hSf7c8n65pDy7k&#10;kmwAHo00D5+Z61NL4p+QwB8ukR7v010stkbNq95ZSSnFRFi8NjKc5Lce4KsH7eho05kmkI/U5AIi&#10;jHqkeyiw1MKO+gf4B69OwxeKfQDifQdT9/b1pc59htvbFNLiti7Z1QYHHyW8s7niXI1pAGutqz6m&#10;/sxKRGlgCW1GmnJ4nj1aaXXRVwo4fP59Bt7c6Y65IrSOkcatJJI4SONASzMTYBQLkkk2AHv3XgK9&#10;D4PD0fiVmlWKft3PY/VTQtoYbbpZl/zkgOq2WqIm9KkDwobn62kY/tj/AER/P/Y6Wf7ij+kf+M/7&#10;P+rhxL7NNNUTS1FRLJPPPI0088zFnd2JZmZmJZmZiSSTcnk+3+kZNesRIH19+690/bV2xm9652i2&#10;9t+keqr617ccJFGLeSeZ/pHDEOWY/wCsLsQDVmCCp6vHGZTQdCbvDeGE2fg6nrTrWo89LUHx723q&#10;g0zZeZbhqeBgbxYyIkgKDaXnkoXaZpELnU35D0/2f9X2PyuIxoT/AGx9T/m/1fMgMT/jf/H2/wBJ&#10;euvfuvdKbaO0M9vjOUu39u0Zq6+pu7Mx0xQxLbXPPJYiOGO/LH6khVDMyqaO4jFT05FEZjQf8V0K&#10;m5d4YXrvDVvXnW1ZHWVVbF9tvjfsAtJXSDh6PHuDeLHxcrqBvLckHSS8jKxmU6n/ACHSl5hANEf5&#10;t5n/AFf6s9F/LE/639PanpF1hL/0/wBv7bL+nTgT165U9PUVlRBSUsE1VVVUy09PTwKXkkdyFREV&#10;QWZmYgAAXJ4HulK5P7er18h+zoyFPS4XoOijyOUjx2f7grYFlx2GltNS4CN1DiepsdMleVI0KD6f&#10;qp0eqVsDxuHw+vr0rxaCpy54D0/1f8V0XPLZbI5zI1mVy1ZPX5GvnaprKypOp5Hb6kn8AfQAWCgA&#10;AAAD2oC4p5dIGcsSTx9emssB/r/097LBetBS3WAkD6+2enSadC11v1kd2RVW59y5AbY67wkg/jW4&#10;p/S0hFv8molKt5ahyQtwrBNQ9LuVjZt304GT6dKIIvE7mwo8/Xrl2P2gu4qSm2ftCiO2uu8OQmOw&#10;sJs9UyHirrnHMs7n1aSWCHnU73kO400ZOSfP061NN4naMKOA9egbJA+vu/TPWNmvwPp7917h11Ek&#10;s8sVPTxSVFRPIsMEEKlmd2IVVVVBLMxNgBck8D37q6oW6M5h9tbd6LxtFvDsKnps32LWQCr2jsEs&#10;GWhNmMddkwDwVYDSv4YELqkVmgYJMuBw9elYRbYajx8h6dF93Zu3Pb2zlXuDcdfJXZCrf6txHEg/&#10;RDDH+mKGMcKo/wBc3Ykl5VC4HTHiGQknpN+99b66JA+vtnLdaAp0odp7T3BvnOUm3ttUEtfkKtvo&#10;oIjijuA008lisUMd/Ux/qALsVBsaRip6uqlzQdGFy259r9CYur2n1/UUm4Oza2A0m7N9aVeLHkgi&#10;SjxpPIeNx6ibgMAZdTgRQMmsmT+zpQWEAoOPr6f6vT9vRV6qqnqp56usnmqqqplaepqahmeSR3JZ&#10;3d2JZ3ZiSSSSTyTf3bpLx6iMxP8AgPfuvdYS/wDT/b+/de6EjrTq7P8AZmUlgoWTG4THDzZ/ctaL&#10;U1FEAzEsSyB5SqnTGGF/qxRAzjROnp2KIyfZ69CTvztPA7WwFR1h01roNu8xbk3eDasy0tmSS0oA&#10;YUzA21DTqX0RqkPElAlTU9OtII+1PzP+r/D+zosXtzpkv6dcSwH+v/T37qoUt1iZr8nge/dbZaDo&#10;beq+oJd5U9Vu3dVcNr9b4TVNls/U2Rp/HbVBSagQzE2UvZgpOlVeSye6O+nHn05DB4mTgdZ+1e4o&#10;dxUUOw9g0P8AdfrTEHwUuOpgUkryr6hUVX9vSzDWI2LMWPlmZpCAmkSmTx61NcADSvD/AA/6v+L6&#10;AL250jJLde9+6dHXEsB/iffut9GV626kw2Nwi9pdxynEbKpgZcRgJtSVWVl0lolWO6yeGSxKKCGl&#10;A1ErCC7Ns/kOlUMH4m4eh/1fy6Dntjt/Odn5GJHj/g21MXph2/tekYCCnRF0I7hQiPPo4uFCovoQ&#10;Bb6tomn7erSSa+HDoIvd+mC9OuD/AEH+v791VW8z16CCeqnhpqWGWpqaiVYaengUu7uxCqiIoLMz&#10;E2AAJJ4Htpnr06BXo5O29pbW+O2Do9/9kRw5fsTI0xl2jslCrGlextNM3qUSJca5SNMBusYkl0kN&#10;ULmg6UqBCKnj/q4f5T/qJVd7b43Fv/O1O4tz171lbOSkES3ENPFqLJT08dyI4U1Gw5JJLOWcsxf0&#10;UFB0w7l+PSNLk/4D34LTqvXH34vTh17pS7M2VuHf+4aTbm26J6yuqn9cjXEMEQPrnqJLERwxjkn6&#10;k2VQzlVPiwUVPVkQuaDo2G6t5bV+Om26vrnreeHLdjV0Yj3dvEqp+1k0+pE/UPNHqIihBKwXLSlp&#10;tQKf+0NT0qJEYoP9X+r/AFfMkdRVTVM01RPNLUVFRK089ROxd3dyWZ3ZiWZ2Ykknknk+79I3m9P2&#10;9RvryffumaF89e9+6cC067RTIT+EH6nP/Ee3Ujrx6pJL4f2+Q64yygjxx8IOP9f3538hw6rHGa6m&#10;4/4OoTEkkfi/097AAFen+sbEgcf190Zq9WUVPWH3TpwsB10SB9ffumyS3WJjc39+6uEpx64+/deL&#10;U6xP9f8AYe/dbU164e/dW64FwPpyffuqF6dcOWPv3VRVj1zCAfXk+2X49PEU68XA+nJ97CV49a6i&#10;uSWN/bgFOnk4dcPe+rdcC/8ATn/H37r3WIkn6+6vw69172z17rGX/p/t/dtNB1XVU9Yma3J5J916&#10;0y16wk3N/furAaR11791Qv6dYX/Ufbgag68GoOoxYn/inuwAXpvrr3Uv6de697b691gP1P8Ar+/d&#10;PA0HXXv3VC9eHWA/U/6/t8cOnBw64kgfU+9OK9b6xlyfpx7rooOvdcPbfXuuiQPr7917rEzav9h7&#10;917rj7917rAfqf8AX9+69117917r3v3Xuve/dPJw6j+/dW697917qR7917rHJ+PfuvdY/fuvddH6&#10;H/W9+691g9+691737r3Xvfunk4de9+6t1737r3XvfuvdfYu/ljf9u2P5ev8A4o71N/7wWA9xJuX+&#10;5Ev/ADUf/jx6nfZ/9xIP+aMf/HF6PF7RdGP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fLO6fP3m48ttlgGXee0M&#10;ptxFf6edqZqmlI/2sVVNGF+vqNvyfeQU2BX0IPWJNqKkj+IEdBQRbg8EcEH2903heve/dUL16F/e&#10;+iu606hy6+qaCjy226wi3pNJXCaBT+eYaq4/2P8ArlOraWb8v8HSmQa0Q/aP9X7OgfJA+vu2W6Zw&#10;vWMuT9OB7uEp1QvXoYt6FarqPpurBLSUkmfxNQSwP6a6KeIBQLghJSDf8AH8+6Jh2/L/AAdPS5jQ&#10;/b/h/wBjoGSQPr7e6TgV6Gz47Rir7Vw9MxKLPjcjCWX6gPQVC3/1xf2xcfD+zpZarpfoDPb/AE10&#10;7YCEVWewlKVZ/ucvTU+hP1HXMi2H+Jvx7q2Afs6vHlh9o6EXv+rar7f3tIXV9FdBTXT6fs0dNCAf&#10;8V8dj/iD7pB8A/1efV7j4z+X+AdIPZOMOa3ltTEAXGT3HRULXvYLLUxoxNgTYKSTwePx7u5oCfl1&#10;SMVYfaOhG+RWRGR7f3YUYtDQtS42K/48NHAsg+pH+eL/ANP8QDf2zCdKDpy4NXP5dKf41QxY3Nb1&#10;31VRiSk2TsuprhqNgJpQWQE/7VDTzLb/AB90nbVQep6tbChLeg/1f4OgW2jhanee8sJhnM08udzU&#10;aVskYLP43fXUy2XklYg78f097Y6RXplF8RgPU56N73tnvs87VLRg6Ng7bjwGHp4UCqc5uFGRdCLw&#10;WpsRE86WBKS+PgBrluFaj7f8A/2els76TjywP9M2P5D/AA9LfEbLXH0XWnUyrG8GEgTf2+ALFZZ0&#10;kY0tO9yBNHNkmd9JNzBRFR+B7bLcW/If6vs/w9WVKAL6ZP8Aq+3P5dFb+SXYH97d8HBY6YyYPZyt&#10;h6XSxYSVVwKuW5JLEOixAkm4i1A+o+1VvHoFfXpJdNrankP8PQcbuI25isdsOE6aykkGa3i6k+rJ&#10;SpaKkb/DF0zeMj8VMlV9RpPtxO46vyH2f7PVJWEYCD7T9v8AsDpE4zG1uYyNDisbTvVZDJVcdDRU&#10;0f6nllYIij8csRyeB9Tx7uTTJ6Sishp0IXYWRocZBjuusBUR1OG2pK8uWyEH6cjmHGisq72F4YAB&#10;TU/1tHGXBPlPtuMV7jxP8h09OwWiDgOPzPQX+3ek/QwKw6z2l5SRHvzfWM/Z/wCOmKwswsX/AObd&#10;blV4H1aOl5BRph7Z/tT8h/M/7HSr/cdf6TfyH+foGi5P049vdJenrbO3Mru3OY/b+Fg8+QyE3jj1&#10;HSiKAWkmlf6JDDGC7sfooJ/w91ZgoqerxoZDQdLvsDcuKpqCj652XOZNpYCoM+RyqjS2ZydtM1fK&#10;Af8AMR28dMlzpjGoklgFoik9x4n+Q6dmcAaF4DifU9BP7d6T9Pe2tu5bd2bocBgqb7rIV0mldR0x&#10;xoo1STSueI4YkBZ2PAA/JsPdWYIKnq8cZlOkdLffG5sTjsVH1zsepM226GdajcOeQaHzeQT6ztY/&#10;8AKduKWI3At5SWZgRRFJOpuPkPQdPzSBR4acPM+p/wA3QS+3ekvWMv8Agf7f37r3Q9Yeko+nMRR7&#10;tztNT1nZWYpVrNlbeq11LioH1actXxEW+5b/AJRYW/SR5HBYERsE+MaDgOJ9fl0rUC2GpviPAenz&#10;P+r/AC0AuurqvJVlVkMhUzVdbWztVVdXUMWeSR2LO7seSzMbn28BTpKxLGp6gl/6f7f3vrXT5tfb&#10;Ga3lnaDb2BpTV5LISaI1Y6URVBaSWVzwkUSAszH6AcAmwNWYIKnq8aGQ0HQsbq3Vg9hYOt6565rU&#10;rJaxPBvzfkHD5Fxw1DQsOY8bGbgkH97nkoWaVpVMh1N+Q6USSCEaE/2x9egCZr8D/b+3+kQavXD3&#10;7q3Sn2hs/Pb4zVPgtv0bVNVL+5UTvdYaaEEa6iplsVigjB5Y/U2VQzsqmrMEFT05FEZTQf8AFdCd&#10;uze2D2Vgq3rXrKo88NVaHeu/E9M+VkUFXpqUjmHGoSVFj+4L8lWd5mlQudTfkPTpTJKIV8OP/bN6&#10;9AF7f6RddEgfX37r3WXHY6uy1dSYzGUlRX5CunWmo6OlUvJI7Gyqqjkk/wDGzx7b0hRU9OglzRfP&#10;oxcs2G6Bo5KaimoM93JW04jqqtVWal27HIoLRxFtUc+QZTZm+ijggJcVDIrcfJf8PSskWQxQuf2A&#10;dFsyFdVV9XUV1fUzVdZWTNU1VVUsXklkdizu7MSzMzG5J/Pt4jyHSUHWdRyem4uT9OPeix4de09c&#10;PfgletF6dDT191jj6zFydhdj1kmB67x8pSIDUtXlZhfTS0KW1MrMpDSC30YKQFkkiYkeh0rx/wAH&#10;SiG3qNcmF/memHsntDIb6mpcdR0se3tm4VBTbe2rQm0EEaAqskgGlZagqSC5HpBKrYFi20j8P7Tx&#10;PW5pvFwMAcB0FJe305936Z6xEk/X37r3UzHYzI5mupcViaKpyGSrphT0lFSKXkkc/hVXk8ck/QAE&#10;mwBPvRNOrxjUQB0ZuOHbXxzoUqKoY7dPdNbTa4KS6zUWBSQCzSW/zlbb+hBt9NMdmnZzMfQdLTSD&#10;5t/g/wBX8+ix5jM5XcGTrMxmq+pyeTr5TNV1tWxd3Y8Dk/RVAAVRZVUBVAAA9vAUwOkchJOemz3v&#10;r0fWMv8A0/2/v3TnS669653J2VmxiMDAqwwKJstl6u60tHDz+7PJY2uFOhBdnINhYMVbeQRj/J1d&#10;ELnHQubt7G211zg6rrnpucu06+Hd3YwsKqvksA0VFKhvFTKdShlNgCfESS00rNDJk/s6edxGNK/m&#10;f9X+odFhaQk8fn6k+3StB0m6wswH+J96C1691iLE/X/be69e6GXq7qKr3wtTuLPVq7X69wpMuc3R&#10;WaUUhLaqel1kCSZr2LWKR3FwzlInqzaenoodeTgevTn2b2/RZPFx9e9b0L7Z63xp0Cmi1JUZFrqT&#10;NWMSzlWcagrMWY2aUlgqx6VfM9WkmqNK4H+Hov5Ynknj3fpP1hLk/Tge/dOhKceuHv3Xi9OjE9bd&#10;Q4s4Y9l9r1LYDr6hImo6KQlKnLPc6IYUUiUQyFSLr65Bfx6VvKrbvTAyenI4tQ1PgdJLtbt/J9iT&#10;U2KoKVdvbHwtodv7YpNKRoiKESScR2R5dI9IHoiBKp9Wd/JHp+3pm4nL4GB0DftzpOErx66JA+vv&#10;3TgFOsZYtwB9eLD37rfRrtk9Y7b6ywVN2f3TCNTgy7S6/lH+UVcwAaN6mIn6Dg+JxoQENOeREWma&#10;uB0rjiEY1v8As/1efQI9m9obj7Ozb5XOz+KliLR4fCU7H7ejiaw0xrxqdgo8khAZyPwoVFuqBemZ&#10;JTIfl6dBp7t1QsT1jL/0/wBv791YJ69ScfjshmK+kxmLo6jIZKvqFpaKipVLySyObKiqOSSffiad&#10;bIrgdHIx2I2p8YcFTbi3TFSbj7ky9I7YXARurw4xHUr5JGW4BHKyTA3kOqGn9AllZMO/hw9ela0i&#10;FT/q/wBXr0UPdG6c9vPNVm4Nx5GfJZSte8k0x4RQSViiT9MUMd7KigKB+Lkn25XSKDplmLmp6TL/&#10;AF/2Huymgr1XrGSB9fdCS3XulpsDYG5eytwwbd2zSiWdx5q2uqNS09LCDZp6iQK2hB9AACzsQqKW&#10;IHvdNPH9nV0Qvw6MxvTsDbPQW3qvq3qmZK/eVSgj3pvsafJHPYq8UJGoCeMEhVDFKQG13qDI6U+L&#10;J6u8ghFBx6JRLLJPI8s0jySSOZJJHJLMxNyzE3JYk3JPJ9749IyxfrH7cCU49XCU49e90bj1frms&#10;eu9+FH1Pu0a+Z4dNSSaMDJ9OscsoI8cfEY/3n/jXvbyVwOHVY4qHU2T/AIOopcD6c+2un+sJYC5P&#10;+v72Kt17rEzX/wBb3crQdeBp1x9t9e64P9P9j791ZTTrF7914sT1jL/gf7f37rYT16xkk/X37q5I&#10;XrExJJH+NrD37pssW67Cf1/23v3Vgnr1yJCi3+8e/dODHWMsT/rf096p1smvXH3vrXWF/wBR9+6c&#10;DUHUYsT9f9t7905117917riWA/xPupNcdVLU6xFifr/tvewtOm6luuven4dXVadYnINv8Pr7apTr&#10;xenWMkD6n34CvTZNesZcn6ce3AlOtdYS4H059+K1PVwlesXtsmvVOve9de64F7fTn3cJXj17rF7u&#10;aKOvceve2evdR2/tEf4+3Q3l04G4DqOST9fd+nOve9Hh17rGX/p/t/dAnr17rH70/Hr3XvdOvde9&#10;+691gP1P+v7917rr37r3Xvfuvde9+6eTh1H9+6t1737r3Uj37r3XB/p/sffuvdYvfuvddH6H/W9+&#10;691g9+691737r3Xvfunk4de9+6t1737r3XvfuvdfYu/ljf8Abtj+Xr/4o71N/wC8FgPcSbl/uRL/&#10;AM1H/wCPHqd9n/3Eg/5ox/8AHF6PF7RdGP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fKX2nmm23ujb2fUn/AHD5&#10;mmyLgf2kilR3XjmzoCp/wPvIZxqBHWIyShWB+fTt2ThU29v3duJiULTU+cnkolUgj7eZvPTWI4N4&#10;JE5HB90R+0H5demQhyPn/hz0ifeixbrQUL0LcbrkujKxBqao2x2RFUajay0+RoGjIta//AilBv8A&#10;4kf0tQLRwD5j/Aeny2qI08m/1f4egc9qekXXvpyffuvceheqz930LiqjUC+G7RqcaFuLhKrGx1AN&#10;rXCl4mFyfqD9fwzwk+1f8vSylYgD5N/k6Bn29030OHxxdl7k2igayyrkEcf1Axla1v8AkpQf9h7Y&#10;uTRD+X+EdPW/xj8/8HQGy643eJlKvGxRwfqCDYj/AGB9v9M9KvryBarsDY1M7Mq1G8cZAzL9QHrY&#10;FJF/zz7pJ8J+w/4Orx/EPtH+Hp47hmM/aW/HYAEblqYbD+kbmMH/AFyFv7rFhB1aY1Y9PPQOO/iX&#10;buzIioKU1bNknLfQfbUs86n/AF9cagf4ke25n7T1u3+Mfn/g6RvYWR/i+/N55IElK3dNfPFfm0Zq&#10;ZfGL2F9KWH0H09+XAH2dVl+I/aehm20Rtf4274zBHjrN7bng29SODbVBD42b/g11FUtv9iSRce6U&#10;1OB6Dp9f04i3qf5cP8/Un4q4FK7eeX3TUgJR7UxBK1DNo8c9VrQOWuPSKaOYMP6NybcH1x2inr1S&#10;zGok+n+Xpb7Yozv7tjBitQigxL1Hbm5hPx4564xnD0srH/lUxyUJCN+k/ci1r+9MdCn/AHkflx/n&#10;Xp4LrYfLuP2nh+YHQnbx3idj9dbs7HaQxbh31ViLbUclwyQyIYcWqrf/AHRQIaxlIFpnmU/q9tou&#10;tgvkOP8Aq/l05JJ4Slv2f5P89Pt6IXsqJKBslvvJRrPTbWaObHRVNmWqy8zMaGFg1xKsTI9VMpuG&#10;jgZGsZFutc17R5/4Oi+I8XPAcPmfL/P0hJ55qqeapqZZJ6iolaeeeUlmd3JZnZjyWZiSSfqfbnSY&#10;muehY27/AL8HaE+9Zf290bpjnwmxkP66am5iyOWA/skqxpaZuDraaRb+MH2y36hp5DJ/yDpTH+iu&#10;vzOF+Xqegi9vdJehI2Hh8ZBT5Dfm56ZajbO2JUjpsdMOMplHUvSY5f6w+ky1Lc6IV0kEyL7akb8I&#10;4n+Q6UQoB3twH8z5DpDZ7OZPcuZyOezFQ1VkspVNVVUzfS5+iqOdMcagKijhUAUcAe3FUKKDpl3L&#10;kk+fTXHHJLIkUSPJLI4jjjjBLMxNgqgXJJJsAPr731UCvQ4ZuaPqjbE+zqF0/wBIG6aNTvnIREFs&#10;bROA8eGicXtPMLPVspAtpi9X1Vlf1TXyHD5n16Vv/iy6R8R+I+g9P9X+boCiwH+v/T290k6y0dJW&#10;ZOspsfQU81XW1s60tJSU6lnkkdgqIqjlmZiAPeiadbVSxoOPQx7lraPrLBVnX+BqYqjduXh8HY24&#10;aUqwhXgnBUcqk/sxsP8AK2B/dkUJfQpUNKPEOo8PIf5elTt9OugcT8R/yf6v+KA8sB/if6e3uknW&#10;IsT9f9t7917ob9q4fF9eYSi7H3hRwV+YrgKjrvZ9UT++6sbZWvjHqWggYXhUkGoccWj9RYdjIdI/&#10;M9K40EI1tx/CP8vQQZvOZPcGVrs1ma2fI5TIzmoq6uc3ZmP4/oqqLKqgBVUBVAAA9vAaRQdJncyG&#10;p49M5JP1976r09bc27l915rH7fwVG9dlMnOIKaBOB/Vndjwkcags7HhVBJ4HvTMFFT1ZEMhoOhg3&#10;RubBda4PIdddf1kOTzOShNH2Bvyn/wCUj8SYzGv9UoEN1kcczkH+z7aVTIdTfkOn5ZhbjQmT+I9F&#10;9JJ+vt7ovyx669+6dVdPSo2bs/N76zkGCwUCPMymora2oOinpKdP87U1Mv0jhjH1P1JsqgsQDR3C&#10;Cp6fiiMxoPz+XQnb23vgdp4Go6w6vqjNjJbLvTesdlmzM6izRQspJjx0ZJCqptICQCyM7ztIhc6m&#10;/IenT0sojGhPzPr0APtR0k64F7fTn37r3U/DYXK7jylHhsLQ1GSydfMIKWkpxdmY/k/QKijlmYhV&#10;UFmIAJ96ZgoqerIhkNB0YHIZfC9E0FVgNqVtLme1K2L7Xcu64lV4MQpAMlDjywIeovxJIRwRyA4C&#10;RpwDPk4XyHr0uZhaDSuXPE+ny/1fn0WqeplqJZZ5pZJ555GmmnmJZ3diWZmZiWZmYkknknk+3S9M&#10;DpHpJyeoUnLXP9Pfg1Bnq4x1w92A8+mmavQ+7K67weAwkHZHbAmpNtsS229qLqSszMygMll9LR0R&#10;vcuSuoWJKoymRh5Sx0Jx8z5DpZFAIxrk4eS+Z/1f8X0HXYnZGc7Cyq1mSMdHjqKMUuFwFBdKSigU&#10;BVjhj4XVpUantdrAcIqIulQR4H7eqyzGY1OPQdByWJ/1v6e7dN9cffuvdP8AtnbGc3hmaTA7ex82&#10;RyVa4WOGIcItwGllf9MUKXuztZVH1P096ZguT1ZELmg6MNlM7troLG1W3dmVFFuLtSsp/ttybzVV&#10;kp8XqHrpMdqXmRb+pj/aF5RqAhhaAMuTw8h69K9Qg7V4+Z9P9Xp+2vRWaqqqa2pnrKyomqquqmao&#10;qamoYvJJI5LO7uxLMzMSSSbk8+3umuozNb/X9+6afj1iJJ+vv3W4+hW6x6oy3YdRVV01TFt/ZuFB&#10;m3HuzIWWCnjUamSPWyiWcr/ZB0oCGkKgqGbklCfb6dKY4i+fL1/1f6h0qexe2cRDhm616mppcHsG&#10;mYx5DJcrWZmS/qmqZCqyiByOENmZbBwiaYUbWMtluPXpJKjSuAPP1/1fz6Luzfkn/Ye3wKdMYUdY&#10;i5P04HvfVuuHuhenDr3RgeuOo8fPhz2P2jWPtvruhIlp45dSVWWfhkgpUFpDDKARrT1PYiKwDSxp&#10;y1cDj0/HFUamwOk12n29kN/PTYTE0i7a2DhQIMBtWiskYRBpSWpWM6JJ7fQcrGCQlyXd7+HoyePW&#10;pJdeBw/1f6qdA3790z1xYgAj8ke/dbGOsIBJAAJJNgB791ssT0abZfV+2+vsDTdnd0xlKaUeXamw&#10;WH+U18unXG9TESCsY4PjaygEGcqv7cjbMThf29KEh0DU/D0/1f6vXoHuzu0Nx9nZgZHMSCmx1Kxi&#10;w2CpSRT0kVzZVXgPKVsHkIBawACoFVbKgXpqWUyfZ6dBiSByTYf1Pu3TNOsZkuPT/t/eyKdb6509&#10;PUVlRDS0sE1VVVMqwU9PTqzySO5CqiIoLMzEgAAEk8D3rrwFejeYDaG0/j/hqTfXZsMGZ7Cq4vuN&#10;pbEVkcUzFSUqKoEMBJGw5f1LEf8ANiSbToZ1GQ0X9vSxIxANT8fIf6v8PRYt87+3J2DnanP7jrWq&#10;quc6IYkusNPEP0w00VyIol/pyzG7OWcli4qheHSeSQyGp/Z0i783+vN/dumxnrxYn6/7b37p4AL0&#10;74HAZjdGWo8HgMfUZPK18nipaOmF2YgEsSTZURFBZmYhVUFmIAJ96Jp1oEuaL0b2abaXxdwrQU7U&#10;G6u68vRAtOyh6fExypYgE2ZFsTYemWo4LiOEge2syfZ0qCCAZyT/AKv2f4f8BNc3m8puLK12bzlf&#10;PkcrkpzU1lZUm7ux/wB4VVFgqgBVUBVAUAe9AV4dMkljU9M5cn6ce3AlOtdYma3FufdiK9e6EDrX&#10;rLc/aefTC4Cn0wQlZMvl5x/k9HCxt5JDxqdrHRGvrkINrKrMuiQnVlXV0YXsDsza/UO36jqjpaa2&#10;SLeHeW+oiDPJMo0SRwzD9U99QLp+3TglIf3Czo0E1mp6fZxGKD/iv9nolzszO7MSzMxZmbkkk8kn&#10;8k+/Hj0Xtx64+3U4dOpw697t1brkq35PCj8+6hNZr5dMSy6MDj1jlm1ehPSn0A/r/r+9OcU62iac&#10;niesPtrp7qGX/p/t/funAnr1j9u6go6oePXvpyfdC1etdYy/9P8Ab+69e6xM1uTc+/dbAr1hLE/X&#10;/be/dOgBeuvfuqF/Tr3v3WgpPXXC8/T/AB9+6dAp1jLk/Tge/db64e/de64syryxt7917qO8xbhf&#10;SP6/n37r3Xk/SPfuvdYCQPr70TTp8mnWIuT/AID22Wr02Wr1x97VaZ68Erx66LAfX/be3OrkhesT&#10;MT/gPfumy1esJf8Ap/t/dSteq9Yma31Nz7sBTrYWvWIsT/rf09+6dC064+/dW64lgP8AX/p7ZC16&#10;T9YyxP8Arf09uABevdcfdS/p17riWA/xP9PdQpPXusRYn6/7b24AF691xP0P+t7b8/z62OPWD24W&#10;p06Wp10fof8AW9t1qem61PWD29091720/Hr3XvdOvde9+691gP1P+v7917rr37r3Xvfuvde9+6eT&#10;h1gP1P8Ar+/dW669+691I9+691wf6f7H37r3WL37r3XR+h/1vfuvdYPfuvde9+691737p5OHXvfu&#10;rde9+691737r3X2Lv5Y3/btj+Xr/AOKO9Tf+8FgPcSbl/uRL/wA1H/48ep32f/cSD/mjH/xxejxe&#10;0XRj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yd/eQZf06xECevQp9nMMjSbA3Yt3O4dlU9JXTH+3WYp3xtQSf9&#10;UY4ImP8Awb+hHtuNa1Hof5HPSidsK3qP5jj0EpJP19qAKdIya9C/1zfI7M7f24OTUbTp90Rra5Bx&#10;FbFKxX+loZ3Bt/ZJP0HtqXDKfnT9vSiDuVx8q/s6BwuB9OT7e6ZCV6xkk/X37pwCnQybdD13SXY9&#10;MNTLgt1YTNEDVZfuvuaMnjgXIA5/w/NvbLGjj5gj/L0oXMZHoQf246BcuB9OT7e6Y6GD4/TyQ9w7&#10;JeNrMayphJNj6ZKGqjcf7FWI9s3Aqh6et/jH5/4D0FOVjeHKZKKQaZIq+aOReDZlkYEXFwbEe3V4&#10;dNMKE/b0tuoozL2hsFFTWRuqjkK/4JMrk/8AIIW/+w9tSsNJ+zq8Iqw+3pv7JlSfsXfs0b+SOTem&#10;UeJ/6qa6fSRf8abW9tpwH2DrUnxH7T/h6Fr4wRpFv3MZqUXh27syuyrXNgSGgj03FyLpIxvY/T6X&#10;t7pNw/Pp61+I/Z/m6LfNO8skkrHVJK5kdrAXLG5NhYfU+1IT16RM/p0ZHt5jtzqLpbZgIWSpx0+7&#10;MjDaxElQFki1f7UDWzKf6afbUOWY/l/q/Z0suAQir+Z/Z/s9Cr1BiafbnROQyFcy0zb4rpzXVK8S&#10;x41FaOs0lrBWTGUlVPH/AFZlOoXGlqZqv9n+HpRbx6I/tJP+r9nSr6ewdRktoZjcVdCIct3DuCWq&#10;rEQWEOHjaVfCqqLxRGm8scTDhDUQWtx7rMaGg/D/AIerQio1H8Wfy8ui7/Jjez7s37FtXFM82M2i&#10;TiYqenFxJkJGAqtKqLlo2VIAtrho308P7ft00LU+f+DpFdyeI2keX+E/6v8AD0E295osWuN2NROj&#10;U21vIcvNEQVqMvOI/v5NQ4dKcxpSxn6FINY/zre3Y893rw+z/VnpqY6aIOA4/NvP/N1B2Ntdd156&#10;Okq6n7DCY+mkzO5cqfpS4+mGuol+hvIwtHEtjqldFtz73I2gfPy+3qkMfiH5DJ+zrBvbdR3XnZsh&#10;FT/Y4ulgjxW38Sh9NHQU48dNTryRdUGpz/akZ3+re/Iugf4ft69LJ4hr5cAPQdN219u5Dd2doMDj&#10;zFHNWSEy1M50w08MamSepnb+xDTwq0jn/UqbXNgds2gV6rHGZDQdKDf25Mfk6jH7e215otmbUhag&#10;wSSjS9TIxBqslOv/ACsV0o1WP6IhFELaOaxrTJ4nj05NIG7V+EcPn8+g+9udMdDZtGmput9vQdmZ&#10;qngm3FkjJD1phasBrSJ6ZM3PE1x4aRjamDD9yb1gBVST2w58Q6Rw8z/k6Vxr4C624n4R/l/1f5ug&#10;Vq62prqmorKueWpq6ud6mqqZ2LySSSMWd3Y3LM7Ekk8k8+3wKdJSdRqeovv3Wuh1iC9M4KKulsva&#10;u5cfroIGAL4DHTr/AMCGv/m8rWxtaMfrp4iS2h3ALH9sf6I/melg/wAVFfxkY/oj/P8A6vtAZ5Gd&#10;ixJJY3Zibkk/kn+p9v8ASPrH7917oYtlbZw2Bwy9mb+pxPgoZ2h2ltmRtEucroitxpKsRjaYm9RJ&#10;bSxtENRJQtOxY6V/M+n+z0piQINb8PIep/zf6vtDnde681vPN1ufzlSaitrH4RbiOGIcR08CXIjg&#10;iX0oo+g5N2JJuqhBQdMySGU1PSb926p054bDZTcOVocJhaKfI5TIzino6OnF2dj/ALYKqgEszEKq&#10;gsxABPvRIUVPW1BY0GSehs3LnsR1JicjsDZFZDkN45CFqDf++ab6RfiXE4tiAyQow0zSizOwtwQF&#10;iZUGXuPDyH+U9Pyyi2GhPi/E3p8h/q/nwLx7f6L+uJYD/X/p791sGnSt2RsfP9g5tMLgoYwUjNVk&#10;MjVkpS0dOv66iplsQkaj/AljwoJNvdHcRip6U28bTmg/4rpfb03pg9u4KfrPrOZ2wTuP737vtoqM&#10;5UJcFVIN4sbGbiOMGzjkkgs0tEQsdTcfIenSmWUIPDTh5n1/1f6scQMLAf6/9Pb3STrEWJ+v+29+&#10;690+bb21mt3ZmiwG36GXIZOvk8cMEf0A/tSSMfTHFGOXdrKo5J91ZggqerxxmU0Xocs1uXB9OYut&#10;2b15kYsrveuQ0m89/wBOOKcD9eOxTG5RVcfuTDm4uD5AogYCGY1bh5DpY8i2o0plvM+n+r/Vnotb&#10;u0jFmJYsdRLckk/Uk/kn3cnV0mA08euHu4SnHqhevDrE3LADk/Sw91fj1dOHRi9t7I2/1lhqPf8A&#10;2vR/dZOsjM+zeupgVmqZF5SqyKMLw0qGxKMDe41qx/aZkyGXtTy4npUkK241ycfwr/q/1D7cdA3v&#10;ffW4d/52oz24KvzVEv7dPTQ3WCniBOiCnjLN44lv9LlmN2dmcli+kYQUHSSWZpjU/wDFdIY/U/6/&#10;uh49WHDrr3rrfSz2LsLcXYebjwm3qTyOF8tdXT3WnpYubzVEtiEXg2HLMfSoJ91ZgnHp2KIymg/M&#10;+nQybn33tvrDD1fX/UdV91kqlft94djqAKipkUkPT0Ei/wCbplIIV0JABPjZmLTO2FLmrfkOnpJB&#10;ENMf5n/V/q9M9Fmc3Bubkm/Pt7pKpoesPv3Wy1esT/X/AGHv3Vehu626ljzuOm31vyvO1etcUTJV&#10;ZSf0TV7KT/k1ArAmQuwKa1Der0Rq7hgjTyUwOPSuCLGpsD/D/q/4rqD2h27LvCnpdpbVoF2r1thG&#10;EeH25S+kzaGJWprWBYyzMTq0lmVWOol5LyN5I9OTx6tJLqwMDoEGe3A/2/t3pMX9Osfv3TfXvrx+&#10;SbD3o8OlHRnNm9abc2DgqXszudGjpZAJ9p7BOn7vJSgK8b1ERN0p+QWjcAWIM2lSsciY1Y0HSqOI&#10;INT/ALP9X+r16CLsns7cXZmXWvy7pSYyiBgwe36PilooeAEjUBQ8hAGuQjU1gBpRURXFURfb0zJK&#10;ZD8vToNyQPr78SW6b6xl/wAD/b+9laDr3WSmpqmtqYKOjgmqquqmWnpqanUvJJI5CoiIoLM7MQAA&#10;Lk8D3TrwFejaYPaO1OgcRR707Igps72PWQir2nsNWVkpD6SlTWnSwWWN/wC0bpGQRGJJQGjbLa8D&#10;9vStEEI1Nx8h/q/w9Fx3pvfce/8AO1G4NzV71lbN6IYl9MNPECSsEEY4jiS/05LG7OWcsxuq6cDp&#10;O8hkNT0jJXAHHJv731TqFKSSCT/sPbkfXunPCYfKbgyNFhsLQVOTymQmEFHRUilndj/gPooHLMbK&#10;oBZiACfdXwSetgajQdG7iptofGPFxVuRGO3b3TkaTyUVAD5KXDrIpGpmUg6irctw8vKRaI9cjJiT&#10;Ljy6VHTaipy3kP8AV5f4eig7k3Jm92Zmtz24cjUZPKV0pknqag3/AOCoiiyxxoOFRQFUAAAD2rUC&#10;MdJmcyZPTF7b6r1737quuhx0qNnbN3DvzO0u3dtUL12RqbuxPpihjW2uaeQjTFElxdj9SQqhnZVO&#10;iadOqpkNB0afObo2l8bcLVbQ2JJSbh7Vr4BFuPdssaOlCGFzDECW0lSAUguRe0s5YhI/bQrJ9nS0&#10;AW49T/q/1Af6iTCvrqzI1VTkK+qnra6snaoqquqYvJJI5JZ3diWZifqT7eAp0m16z03kk/X34CnW&#10;+ve/de6FHqnqPcXbGbajxYFDhaAo+d3BUqfDTRk30r9PLUMtykYIva7FUBYVZtPW41Mpxw9ehj7L&#10;7c25sjAP1L0i32OJh1Qbn3fTkGeumt45RDUCxfyaf3J1sCLRwaIgCzaqWyenncJ2rxHn6f7P+D/A&#10;UP6cn290xw6wH6n/AF/dNHr0weuveywXp1OHWRUFi7nSg/P9fflUtk8OmpZado49RZ5y7FVGlPfn&#10;fyHTaLpz5+vUYGxv9fbeknPTyg8eumb8k8e69OE06j+3QlOPThevDrgzgfTk+9aanqnWMkn6+9sK&#10;Dr3XXtrr3WN2B4H9fdlFevK9D1j97cU6tluve6dXC064F7fTn37qwNesRJP19+631737r3WMv/T/&#10;AG/v3VC/UaTlrn+nv3V+uHv3XuuQf0i3+39+691GP1P559taSerBS3XX05Pu4WnTgAXrGX/p/t/e&#10;g1T1Uv6dYWYD/E+79N9YixP1/wBt7917rr3RzTr3WJ/r/sPfk4dOpw64e79WJp1722zUx02Xrw6j&#10;+3OqddEgfX2y/Hr3UV5WbhbqP9593CU691yX6D/W936914kD6+2aFuvdRmkZmA+g1W49300HXuuX&#10;trr3XR+h/wBb3scetjj1g9v9P9e9tv17r3tvr3XvfuvdYD9T/r+/de669+691737r3Xvfunk4dYD&#10;9T/r+/dW669+691I9+691wf6f7H37r3WL37r3XvfuvdR/fuvde9+691737p5OHXvfurde9+69173&#10;7r3X2Lv5Y3/btj+Xr/4o71N/7wWA9xJuX+5Ev/NR/wDjx6nfZ/8AcSD/AJox/wDHF6PF7RdGP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fJxLE/4D3kMFp1iCWr0K0QOc6aqkA8lTsLeaVdz/YoszD4mA/wFbRp/h6+&#10;fxenwv8AaP5jp/44v9Kf5H/Z6CYsB9f9t7d6Tha9Cx0hURv2FQYiokMVHufGV+2Koj8rWUc0aA/S&#10;48wTj/Yi5FizP8NfSh6WWo0tT1BB/wAP+ToJJoZKeaWCZSksErQyofwykqw/2BHt4GvTZFMdYSwH&#10;+v8A09+610MPWJOQ2p3JhNIbz7CXPaLX/wCLZX002r9Lfp8l/wAf14+oYlGVPzp+0dPxZDD5V/Z0&#10;DHt/pjoT+l5hB2rsRy5S+4IYgRfkyXjC8f6otb+nPPHtmY9pHT0GHH+ry6SG7Iftt1bmp9Wvwbgr&#10;YddrX01Mi3tc2vb+vuoNQOqSfEftP+HpadIRyS9sbFWNdTDOJIRcD0oju55t9FUn+v8ATn3ST4T1&#10;e3+Mfn/gPSL3jPHNu3dE0Z1JNuKtlQ/S4aplIPP04PtxFqOmpnAY/af8PQ2dH2odkd6bhcBTRbI/&#10;hcDtcDXWR1gAHFjZ4kuL35H9fdJhQqPn/m6etWOlz8sfsPRecNj5s3mcRhqYMZ8tk6fGQhBdi9RK&#10;kSgD+up+PaljQV6TRx6iAfM9D18lqo5XtaLbmNiLjAYag23RUkPI1yA1CovJux+6VP68AHke2LcU&#10;Wp8yT0pumq+kccD8z/xfRjO2sbJjdobD6pwsjirzYotl0MhX0+G8X3lZbiz08FNpluC3jrGJIudS&#10;eM1JY+VT/q/1eXSqX4Qg86L86ef8uhI31n8d1bsHJZmiWGNMDhI9tbTpiEa0+lYYgp+rLrVDKh/s&#10;0zH21H+q1PzPV5HESk+n+odVw7SmkxcWc7ErnaarxUn2uBkqDqabNVgcxT8m7GgiElUW5AmWnVxa&#10;UXMWzRf2/Z/qx0VR9tZD5cPmx/zceg5dyzM7szO7FmZjcknkkk8kk+3OmOhZ3Qx2Js+j2LD+1uPc&#10;yQbi32w/XBDbyYzEseNJjRhVTra/leNCf2yPbK/qHV5DA/z9KpP0V0eZy3+Qf6v8HQPe3ukvQv5V&#10;v9HO0jtqICPem9KGOq3ZN9Jcfi5NE1Lih/aSatAWeqHBEfhiYH1e2R+oa+Q4fM+v+bpU/wCgun8R&#10;4/IenQQe3ukvQk9d7Ux2WkyO6N0vJS7F2kiVednU6Xq5WP8Ak+MpTwWqKxxpNiPHHqcsvpu3I5GB&#10;xPD/AD9KIIg3c3wjj8/l0md6buyO9s/VZyvSKnRkWkxuNpuIKOkiGmnpIFAAWKFOBYC5uxF2PuyI&#10;EFOm5ZTK1T+Q9B0lPdum+hi2jjsbsjAw9mbnpYaytqHePrrbVV9KuqjNmydUn1/h9C/Krx55gEuq&#10;DUzLnWdI/M/5OlUSiEeI3H8I9fn/AKv83QSZTKZDN5Gty2Vq5q7I5GparrKuc3d5HN2Yn/egOALA&#10;AAAe3QNOB0mZi5qePUD3vrXQo7B2djaujrN871aei2DgJxFP47rNlKwgtHjKI3BLyWvK4Noo7klS&#10;Qytu5HaOJ/l0ohiBGt/hH8z6dJbe+9cpvnMnKV6x0lJTQLQYXDUlxTUFHENMNLTpwFRFAubAu12P&#10;JsNogQUH/F9UmlMprwHkPTpHEgfX3fpkmnU3F43JZ3JUeHw1FPkMlkJ1paKjpl1PI7fQAfgD6kmw&#10;UAsxABPvROnJ6qCZDpXieh3zWWoelcPVbO2tV0ld2TlaY0++N30Ta/4ajfqxOOkt6ZR/u+ZTqDcC&#10;zhRCwB4xqeHkPX59KnYWg0qasfiPp8h/q/2C6FvqWPJNyT7UdIOsRe/049+690sdibEz3YWdjwmE&#10;iQaUNVk8nUnTTUdMv+cqamT6JGg+g+rGyqCT7pJIIxU9PQQGdqDh5n06EPfe+8Ft/BSdX9YTOu21&#10;f/f1bqtpqM7Urwx1DlaBDcIgNmH9VJMjcaFjqbj5D06WSzLEvhpw8z5n/V/qx0AZcn6ce3+kBevX&#10;D37qyCnSn2fs/O75ztJt7b1Iamtqjqkka4igiUjyTzvYiOGMHk/UkhVDOyqaO4jFT0/FEZjQdDBu&#10;XeOB60wlT191dkFrslWxmHfPYcACyVbWIaix78mKjjuQXQ3Y8oxuXdlFMp1Nw8h/n6VSSC3GiPj5&#10;t/q/1D7c9F1L2+nPtT0h6wlgPr/tvdSQvVgC3XUSTVMsVPTxSTTzyLDDBCpZ3diFVFVQWZmY2AAu&#10;SbD22z16cVPz6MpjNvYHo3GUm6d8UlNmuychSis2nsmazRY71XSuydm/zikXSP6hgVHrDPAxmbAw&#10;PM9LRptRU5Y8B6fP/V+XRfNzbmzW781XZ/P10tfkq+XyTTSfQD6LHGo9McUa+lEWwUAAD2qRQgoO&#10;HSCSQyGp49MHu/TfWA/U/wCv7YPHp8cOhJ636xzXYlfP4JIsTt3FL9xuHc+Q9FLSQrZnu7FUebRc&#10;qmocepiqAsG3fR9vp0/DCZfkPM9LbffZuExWDk626milxe0FHjzu4XGmtzUmkK7zPpR0p2NxpsC6&#10;2XTHH+170qVy3H/B05LMANCcPM+v+r/VjovZf+n+39udJesfv3XuuiQPr7917ow+yOrsJgcHD2b3&#10;A02M2qAJNu7XHprczLpLxqsd1eOne350l19bNHFZ3aZycL+306VRwhBqf8h/q/wft6Dvs/tPN9kZ&#10;GH7hIsTt3Fjwbf2vj/TS0kK+lPQoVHn0WVn0jgaUVEAUWRAnVZJ9Z+XkOgt936YJr1gP1P8Ar+/d&#10;a6zU1NU1tTBR0cE1VV1Uy09NTU6l5JJHIVERFBZmZiAABcnge6M9OtgVwOjV4jau1fj/AIyk3f2L&#10;BS7g7LrIvutqbDDK8VEbjRV1rAOokjYcHlVYERCSQGSJosZMDh59GSIIBVsnyH+r/D0XDeW9dx7+&#10;zlTuDc2Qkrq6c6Yo+RDBFclYKeK5EUKX4UckksxZ2ZjsduB0mZy/HpIlwPpz7sEr1XrGST9T7cAp&#10;17p1wWBy+5srR4TBY+oyeUr5hDS0lMt2Yn6knhURRyzsQqqCzEAE+9OaDraqWNB0a1m2h8ZseF04&#10;7eHddfSAsWvJR4RJVBt9ReUg3uNMsi/8com/cTaTLw4f4eldBbDOW/1f6vn0VHO57LbkylZm89kK&#10;nKZWvl81VWVTanY/QAfhUUCyqoCqoCqAAB7sBTh0lZi5qemQsT/gP6e99V6xP9P9j7917p/2ls3c&#10;G+87Sbe21QSV2QqTdyLiOGO6hp55LERQx6hqY/4AAsQDYMEyerKpc0HRoMruPaPxwxFTtjZMtFuX&#10;tiupvttw7qdVkhx2oWeCnB+jo63ERFyQHqLgJF7YNZTU8OlDOtqKDLf4P9Xp0T6vr67K1tVkclV1&#10;FdX1szVFXWVTl5JHY3ZndiSxJ9uAU6LmYsanpub9R976cDUHXH37qhJboQeuetdy9m5xMNgKfTDG&#10;VfK5ecN9tRxG/wC5M4H6mCnQg9TkWHAZhpm09PQwmQ/6sdGA3l2VtbpjA1XWXTUq1Gdm/a3d2B6G&#10;maZbpJFA1mHkBuBpPjpwSE1TF5FYVTJluHS5pBb4XJ8/l0TiSR5HeWV2kkkcySSSElmYm5JJuSSe&#10;SfqfajpGSXPWBmvxbj37rZGnrEXA/wAT791cvToZ+oOmcv2fWzZCsnbA7IxJaXPbmqNKxqsa63hg&#10;aSyNNoN2Y+iJfW9/Sj0ZwvW4ojMc8P8AVw6XfbHdGIpcL/oo6fhGE2Njb0mRzFGxWbJsLCS0gAcw&#10;SMLySEl6j82i9L1Va5PTkk+gaU/b/m/z/wDFkqhcD6cn270lU06xkk/X37rxNesLMb2HFvbTN1rr&#10;PEoCB5OEH0H9fd0j8z01JOR2Jx/wdYpZTIf6KPovu7P1aKLT8z5nqI/6j7oADnpQFA6xF7fTn3Vn&#10;68Xpw6xEk/X3QLXqgBbr3vZYnp7rAfqf9f26OvdcCwH+v/T3VzjqpanWMsW/4oPbXTZYt12VsCT/&#10;ALb3sGnTkaZz1iLBfeulBYL1iLE/8U9+6aLE9de/dOJw64lgP8T/AE9+62Wp1iLE/X/be/dNFq9d&#10;e/da6jyuAf6m3v3SjrD6mP8AX37r3WUCwA9+691GdwCbc8+/dOa6DrEST9ffum2b164t9D/re6qt&#10;Om9dT1g926c697917r3tt+vdYXIJ4/1vdkFB1YNQdcfey1Oqk16xOTcj8e9AVz06oFK9YGe3A/2/&#10;u3TZ6xMwH1Nz7bK1PWusHtzr3XLVYAD/AG/v3Wga9cffut9YTw1/9q96OevdZvbHXuuj9D/re9jj&#10;1scesHt/p/r3tuTr3XvbfXuve/de6wt+o+/de64+/de697917r3v3TqcOsB+p/1/fur9de/de6ke&#10;/de64P8AT/Y+/de6xe/de697917qP7917r3v3Xuve/dPJw69791br3v3Xuve/de6+xd/LG/7dsfy&#10;9f8AxR3qb/3gsB7iTcv9yJf+aj/8ePU77P8A7iQf80Y/+OL0eL2i6Me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TcSB9feRHWH4FehW6ltlsjufZjBn/vps+uxtDGPoa6lQZGha35PmpNIH1Jew5I9tS4o3of5cOll&#10;svFT+Ifz6CL27030+bYy5wG5dv5wMUOIzVLkiR/SGdJCLfkEKQR+RwePdXGoEfLqyHSQfn0pe3sU&#10;MF2ZvXHRqEh/jstfTqPoIqy1XCF/2kRTrpP9Lc+6wnUo/wBXDHV5hpc/6uOeg29udNdDL0Upq96V&#10;2BUFjujZma2/oAJ1eXHzShbBWJuYfpb/AG/0LM+BX0IPT9v8VD5gjoGvey9emOl51bMYOy+v5Bp/&#10;4/PGxnV9AHrIUJ/H0DE+2n4H7D1eL4h9o6x9oQil7I39DoWJV3nkzHGlgAjVkzIABwBpI4/H097Q&#10;VA+wdamOlj9p6UXQjk9vbJ/p/EJuP+qSo97mXSh69bNWQfn/AID0GW45AdwZ0oQwOYqiGH0/z7/T&#10;+vt5OA+wdUkSrN9p/wAPQ97J1Y743dt5QHS+W3DQYOJh9T45aJ5FJU6gBFVN9QFN7c3I9svmRR/q&#10;8+lKUSJj8/8AN/n6RfQGHGa7b2fCwYxUNZJmJWH4+0gknjJ/wMyIP9j7tO2lD01bd7j5Z6Wuyqb/&#10;AEh/JSfItrmoYN21u4jLHzpgoHdqMm/9kyRwIf8AX/2Huj9kf5D+fV0/UmJ9Cf5YH+To1GIgG8u9&#10;M/mTofF9a4ZMLQvGxMb5TIIDUSre48kdGogk02syp/sU57Ep5k1/IdKuL18lFPzOT/k6Lt8qN4z5&#10;vdeJ6+xjyVMO3wk1bDDdjNkatV8cekcO0MDKFsLh5pFtx7etk0gt6/4B0lu5NZCD/UfL/V8+gA33&#10;VQ4+THbKoJY5aLaET01bPCQyVGVmKtk6gEEq6rKi00bjh4aaJrXY+30z3ev+Dy/z/n0nmOmiD8P8&#10;z5/5up3XOMoaV8nv7cFOlRgNlqlRBR1A9FflZNX8OoP9qjaVDNPa9oInDD1j3qQ17RxP8h1aBQKu&#10;eC/zPl0H+VyddmslX5fJ1D1WQydXJXVtRJ9XklYu7f0FyeAOAOBx7cA0ig6ZZi5qfPoQdh42hxNH&#10;Xdjbgpo6nE7dqFpcDjKgXTJZhl109Oy8aqakA+4qeR6FSPkyge25CT2jz4/IdPQqFGtuA4D1PQd5&#10;TKVuXyNdlcnUyVuRyNU9bW1UvLSSyMWdjawF2P0HA+gAHtwDSKDphmLmp6cNqbYyu889QbfxKIam&#10;tk/cnlOmGnhUapqmd/7EMEYLMfrYWUFiAdOwQVPV44zKaD/iulf2NujF1CY7Y2z5G/uRtNmSkqba&#10;Gydaw01OVnA+rTMCsIP+bhCgBblRSNT8R4n+Q9OnJ5B8C/CP5n16CosB/ifbvSfoSdg7TxtdBkN6&#10;7xaWn2JtmVVrVjJWXJVjAtBiqM8XmnteVh/mYdTsV4YNSPTtHE/y+fT8MYNWb4R/M+nSZ3ju3Jb1&#10;zlRmskIYAUWkx2OpBpp6OkiGmnpKZBYJDBHZQPybsbsxJui6BTqkkhkNT+Q9B6dJMuB9OT7t030v&#10;9g7JXdVRXZXN1hwuytuRLW7ozzf7rjJslNTAgiWtqm9ESWPJ1EGwDUd9OBxPAdPRRa8nCjiesW/t&#10;8Pu+so6TH0a4XaO34Dj9q7dhsEpoL+qSXTxLWVLDXPKblnNrkAe9Rpo+08T16abxMDAHAdB6XA+n&#10;PtzpMXp1lo6OsyVXTUFDTT1tbWTrTUlJTKXkkkchUREUEszE2AA596Jp1QAyGgyT0YTIVmP6Kw9X&#10;gMNUx1vbmaofttyZ2la8eBp5QrPj6Nxw2QcWE0w/zX6UIYX9sAGY1PwjgPXpexFkukZc8T6f6v8A&#10;Z9Oi3vKWZmJLsxLMzG5JP1JP1JPtR0XdYSSfr7917pabE2Jnews7FhMJEihUNTk8nUnTTUVMv+cq&#10;amT6JGg+g+rGyqCT7o7iMVPT0EBnNB+Z9OhE37v/AAWAwMvVnVkrrtpXH97N2W01OdqV4YlhymPQ&#10;3EcYOlh/VSTI2kZY6m4+Q9OlE04jHhx8PM+v+r/Vjov5JP19v9IwC3XvfunAtOljsfYuf7BzceDw&#10;ECNIIzU11dUkpTUkC/rnqJbEJGv+xLGyqCTb3R3EYqen4YTMaD8z6dCbvLfeB2Xg6rrLq2ZZaCZf&#10;DvLfKjTVZeYXEkMDgnw45eVCqTrW4BKtI87Sxlzqf8h6dKJZhENEf5nzPReyxP8Arf09qOkXXH37&#10;r3XOgoK7K1tNjsbSVNfkK2Zaeko6RGklkkY2VURQWZif6e6P6nA6cjqTQZJ6MtHT4H4+UKVNatBu&#10;LuatpVlpKM6ZqTbySL+qUhis1eVbgD6cWtH6p04Bn4YX/D0tNLQZyx/YP9X8/s6LTmMtks3kqzLZ&#10;asnyGSyE5qqysqW1PI7fUk/gD6ACwUAAAAABw0GBw6S1LGp4nps9vLw6Zbj10SB9ffiadeAr0LXW&#10;/Vcu7oavdG5K7+7HXmFJlzW46kaTIFvenogysJp2YBOAwViAFeQrGySSShoMn0/z9LoINQq2FHn6&#10;/Z1n7K7XhzlDDsfY1B/dnrjEvppMXD6Za50a4q69xdpHdgHCFms3qdncBh5I9OTx61NcB+1cDoEC&#10;Sfr7c6Z669+6910oeR0ihRpZZHEccaAksxNgABySTwAPr7914CvRnsDsjbPTeIot99t0yZLdFZF9&#10;3s3rQlTIW50VWTRgfHGrjlWBVPoyyS/tInZzIdK8PM9LFRbcanyfIf6v9Q+3oB9+dgbl7Gzs2e3L&#10;WmedgYqSkiusFLDqLLBTxknRGt/ySzH1OzMSfbyqF4dJ5JDKan/iukV7t0310WA+v+29+69044LA&#10;5jdGXo8HgMfUZPK5CXx0tHTC7MbEsSTZVRFBZmYhVUEsQAT70zBRU9WRC5oOjRzVG0/jTQtT0bY3&#10;d/ddZTFJ6ogyUWDSReVQektO6Na3DsOW8cR0SpwPGPoOl6hbYerf6v5f4einZnM5XcGSrMzm6+py&#10;eUr5TPV1tWxZ3a1uT+AAAFAsFAAUAAD2+FAFB0mZ6nPHpnLE/wCt/T34LTr3XH3br3Sw2RsTcnYW&#10;cgwO2aBquqk9dTUPdYKaL+1NUS2IjjX/AGLMbKisxCmruEFT1ZELmg6MRn957T6DxNZsrrCenzvY&#10;VXGaXdm/5I0YUxBIemowS4Vo3H6PUiEAyGWQWjYAMuWwOlBYQCgyfP5f6vTy8+ijVNTUVlRPV1c8&#10;1VVVUzVFTU1DF3kdyWd3diWZmYkkk3J5PtwtTA6Sk16we6de66JA+vv3Xul7151rubs7MpisDT+K&#10;kgIly+aqQRT0kN7F5G/tOedEa3dyDYBQzLokKKnqyRtKaD8z6dDbvHsra3U2DqutumZFmycymDd3&#10;YQCmeeUApJHSyi9tJvpZD44QT4y0rNKGgpfJ4enT0ky240px8z6f7P8Ag/wFIkkaR3lldpJJHLyS&#10;SElmYm5JJuSSTcn290Xk16wFyfpx7917rh791ZVr0L3VHT+d7PyEkkbjDbWxra87uarFoYkUBnji&#10;vZZagobhbhVHqdlBF6s4XpVDCZDQcPM9CP2R3Hgtt4N+rOlU/he26fVT5vdUB/ynIycCRo510uyv&#10;Yh5uDILJEEgVddAmo1b9nT7yiIaU/b/m/wA/7OinlwPpyfbvSVRU9YWb8k8+9gV6dqF6xFif8B7s&#10;y6R02zaujBdO9IS72im3hvGr/ux1tiAajIZmqZYjVCM+uKneQgIgsQ8xuqn0oGe4Vl308OPT0MBk&#10;yeH+H/V69TO4u8INxUUWwOu6QbZ61xSmlioqNfE1fpfUJJRwywFhqVGOp2JkmJchUqieZ6vNP+FO&#10;HmfX7Pl/h6LSWJ/wH9PbvSTrj7917riWA/1/6e/de65qioDLNwDyqH8+7BAuT0meQudKfmesDSmU&#10;3P0B4H4Htp5NXSmGEIP9WesZYD/X/p7oFLdPFgvUSRiWN/8Abe/EeXTZJbrh7uE9erBPXr3u/Viw&#10;HWAsT9f9t7qAF6t1iZiDYcf4+6F68Om2amOugpPJ+nunWgteufpUf09+6cAp1wZr8fj37rfWCT8e&#10;/de6xEgfX3sCvXusZcn6cD24Ep1sGnXD3R+PWuuiQPr7r17rEWJ/wHv3XusZW5ufp7908goOvEqv&#10;/FB791stTqNI7E2+i/Ww9+60GqOsXv3VS/p1xLAf6/8AT37qoUt1jLE/639PfunAtOuPv3VuuJYD&#10;/X/p7917rEzX+psPfuvdcQb3t/W3ujtTr3XRYD/E+6BSevdYWb8n27hR16vUN3JJtwL+9jPXusfv&#10;3Xuve/dME1697906nDr3v3VusB+p/wBf37r3Wf2n6910fof9b3scetjj1g9v9P8AXvbcnXuve2+v&#10;de9+691hf9R9+691x9+691737r3XvfunU4dYD9T/AK/v3V+uvfuvdZx9B/re/de64v8AT/Y+/de6&#10;xe/de697917qP7917r3v3Xuve/dOpw69791fr3v3Xuve/de6+xd/LG/7dsfy9f8AxR3qb/3gsB7i&#10;Tcv9yJf+aj/8ePU77P8A7iQf80Y/+OL0eL2i6Me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TQST9T7yI6xGAp0&#10;+7Wzku2dy4HcMNy+Fy9PktA/tLFKruh5HDoCp5HB91ddQI6ujaCD8+nvtDDRbd39ujGUoH2P8Tav&#10;xhUWU0lWFqqUr9Lr4JlF/wDD8fT3WJtSjq8y6GI/1Zz0HxJP19udNdDJ29/uSXrzdq3Ybl6+oVrJ&#10;f9VWY/XQVX+J/wAwh/2NubXLMOKj0P8AI9Pz5o3qP59A37sX9OmOhH6gyAxfZ+xaosEVtyU1G7ta&#10;wWpcUzEk8ABZTc/gc3H19syZB6dhOlh/q446Sm6MccNuXcWIYaDis7V41l44MFRJFbjjjT+OPdgd&#10;XVHGkkfM9dbWqxSbo23UgKwps/RznUbA6KiNrE/gcfX3Ypg19D1WN+8faP8AD0re7YPtO199xFNB&#10;fPyVOm9/88qzar3P6vJe34vawtYbgNUHW7haufy/wDp7+N51d07M1WtfImx/wxVcR/vPvVx8B/L/&#10;AAjq9stHH5/4D0DOS/4uNf8A9Rsv/Q7e3Rw6Yd8mnRiKkfw74sUBF/8Ac/2YSw4PCQTj8WtzRfm/&#10;+2IsnGZfsHSgnTAPmf8AKf8AN1k+NYOJquyd7lRp2lsGpljkcAqs0l54/wAH1MtG4A/ILCx91uu7&#10;Svqf9X+Hr1n26m9B/s/5Old8WKSmwuP7H7IyiOKTCYn7NKkckpGj11cov9WCxQEf1Le63bElVHmf&#10;9jq9kKBmP7f5nofdh1a9e9P5Dfe5QpyeZiquwc79FaapyDeWmgBsdLyI0MIB/S5twOAy58R9I8sD&#10;8ulSHw0qfmx/PP8AsdEIwOVrfud09r5mXzZSnrX/AILI3HlzleZHjmRbghcdF5KoEXCSpTIwtIPa&#10;8jgo/wBQH+fouRuMh/L7T/m6DWio6zKV1Jj6KGWrr8jVpSUlPHy8s0rhEQX+rO7AD/E+7k0z0nAL&#10;Gg4noR+xq2kxUeL64w08U2L2eXOYraYgpXZqYKK+p1ADXHBpWmgve0cRYH9w+24xq7j58PkOlE5C&#10;0jHAcfmf9WOkXtnb1durOY/A47xrPXTWeomuIoIUBeepmYX0w08StJIfwqn6mw93ZtAqemY4zKwU&#10;dPW/tyUGVq6DBbc8kWz9qU7Yvb6SCzzlm1VWQmH/ACsV8w8jfTSgjjAAQD3pFpk8Tx6vM4Y0XgMD&#10;/P0gURpGVEVnd2CIiAkkk2AAHJJPu/TIFehxz8sfVG05dl0jhd+7uoUk35Vx/rx9BIBJDhUYcrLO&#10;LSVdrAjTEdQ/Swv6p1eQ4fM+vSx/8WXQPiPxfIenQDFyf8B7f6R9LDY2zqremZ+xWpixmJoKZspu&#10;LO1X+ZoaGLmaok5GpgPTGlwXcqtwLsKO+gf4PmenYovFPy8z6Dpw7A3lSZ+egwm3qeXGbI2xE1Ft&#10;nFuRrYMbzV1UQAHraxxrkNrKLIv6SW1GmnJ4nj1aaXXQL8I4f5+g3LE/4D+ntzpjpX7I2ZkN75kY&#10;6lmgoKCkgbIZ3OVp001BRx8zVM7kgAKOFW4LuQoIuSKO4QV/Z8+nIojKfQeZ9B0+9gb1x2Qp6HZu&#10;zo58fsHbkhOPgkus2QqioWbKV9jZ6icg+MEARRWRVXke9IhGTxP8vl1ueYfCvAfzPqegrLE/639P&#10;bnSQtXrlDDNUTRU9PFJPPPIsMEEKlnd2IVVVVBZmZiAABcnge/daArgdGLkko+gsRJDFLSV3c+ap&#10;As0kYWaPbdLKh1IjXKHKzowuRfxr9PSbzJ/7c/0f8P8AsdGFRZLjLn89I/1f6qdFunqJ6maWoqJZ&#10;J555GmmmmYs7ux1MzsxLMzMbkk3J59qOi8muT1h9+610s9ibFzvYWeiweDiQaUNVk8nVHTTUVMv+&#10;cqamX6JGg+g+rGyqCT7o7hBU9PQwmc0H5n06ELfu/cFgcFL1b1ZM67ZVwN17rtoqc7UrwxLDlMeh&#10;uI4wbOv9VJMjaISdTcfIenSiedUXw4+HmfX/AFfz4DHEAvb/AEiHHr3v3T/S42DsDN9g5n+GYsR0&#10;tHTRmrzecrPTS0FMtzJPUSEhQFUHStwWI/ADMtHcIKn/AIvp2KEzGg4eZ9Ol1vvsHAYjBy9Z9VLP&#10;S7W8n+/m3NL6azOzp6dTtw0dCLEpGNIYHlVBYPREJOpuPkPTp6WYINEfDzPmf9X+rHEBfb3STrok&#10;D6+/de6ccLhcvuXK0eEwVBU5LJ18vhpaOlXUzH6kn8IiKCzMxCooLMQoJ96ZgoqerIhkNBx6MTW5&#10;PA/H6hqMLt2ei3B2/Vw+DN7lVRJS4RHWz0lEHuHqwOHcji512t4fabSbnJwvp69LSy2goMseJ9P9&#10;X+yfIdFlqampraierrJ5qqqqZWnqamoYu8juSzu7MSzMzEkkm5JufakCnSEksanqG/1/2Htjp/rC&#10;zW4H1/r7uGoOqFanodOvurcc2I/0jdoVU2B2BSOGo6blazLy3BSCkj4cwyc3kWxIDaCqh5Y2HkJN&#10;Bx/wdK4oQo1Pgf4f9X7ekt2Z2pkt+zUuNpKSHb+zcKPDt7atBZYIEUFRJIFCiWcrcFiLKCVQAFi1&#10;kQJ9vmemLi4MxoMAcB0E/u3TSrTriWA/1/6e/dXJp1Kx2OyOar6XF4qiqchkK6YQUlFRozySOfoF&#10;VQSeBc/gAEmwB96Jpk9WVS5oOPRo4aLavxwoYsjmY8fuvuirpvLjsMGElHghIp0y1BUkSVOlgbfq&#10;PAjKRnzSM5m+S/zPSvUtp82P8uivbh3Fmt15itz24MhUZPK18plqaqoPP+CoosscaDhUUBVFgoAH&#10;t4DTgdJWYuanpkJA+vvfVeuBf+n+39+690sNibB3L2LnYcDtqiNTUNaSsq5brBSxFgGnqJLHRGt/&#10;oAWY+lFZiB7qzBBnpyOIymg6HjP772p0jh67Y3U9TDmN51kX2e7+yCoJjYXElLjzyq6GAsylkS1y&#10;ZJhrjaCmTJ4enSxmW3FF4+Z6KfNNNUTS1FRLJPPPI0088zFnd2JZndmJZmZiSSTcnk+3wKdI2evW&#10;I/Q/63v3VBx6we/dPE06FLrDqfcPZ2SeOh04zb+PPkzu5q1T9tSxqAzAElRLPoN1jDDj1OyJdg3J&#10;IIx1aKMzHGB69CVvntrb2zcDP1l0mHo8O14tyb24+8ycmkq/imAVli9RHkAXj0whI/VI2sZc6m/Z&#10;0peQRjSn7f8AV/h/Z0Vv28/DpL172z17rC8wHC8n+v493CV49e6GHqfp3Mdjzz5avqV2/sjEkzZ7&#10;dFbpSNUjGuSKnL2R5tFySfREvqkIuqvWVwn+b7enI4jIfl6/6v8AUP5dLLsvuLE0eCbrLqGnfBbI&#10;pQYMnmEulVlXt45ZHk4fxTqBqZgHkFltHEPGWlQk1bj6dOSzBF0pj1P+r/D/AKiV4v8Agf7f2oCe&#10;vRf1jJJ+vurYPXuve69e6H3qPpWbecE28N3Vf92etsRqqMjmqlljaqER/cipS/AUW0vMQVU3VQ7g&#10;qG5H04HHpbbQmQVOAPP/AFf4epHbXd0Gaxydfdc0g211zjF+1SCkBjlrwhIMkxuHEEn6ir3eRryT&#10;EsdK6VPM8enZJ8aUwP8AD/sdFsLE/wCt/T270l6wl/6f7f24E9evA06x+7FgvXujQdS9JY6oxLdm&#10;9s1P93uvMcgq6emqS0c2RII0AKAZBTSH0jSPLMSFitcOE0ktcDj8v9X/ABXSmGDV3Ngfs/1D/D/h&#10;SfcneGQ7GliwOCpv7t9f4giDD7epQsayLGbRzVCRhUBAA0RC6RcW1MNZ0iUyePWpZ9YouB/h/wBX&#10;p0AftzpP10SB9ffuvdYy5PC/8b9+691mCCIB5OWPKr/vv99/sfdwNPHpKzmbC4Hmeos7tIwZv9gP&#10;6e2pKt0+iCMUHWEMQLD+t/eglOnA1OsZcD6c+/F6da6xE35Pva5HTqkAde926qWr1wL2+nPv3Xgl&#10;ePWL2yAW6d66sLk/7370RQ061pzXrgX/AAP9v73poK9b6xkk/X3Xr3XvfuvdR5X+lv8Ab+7qtevd&#10;R/bvXuvfTk+/de6xl/6f7f2y/Hr3WP3Xr3XRIH19+691jL/gf7f37q5f06xM4H+J9+6p1hZvyT79&#10;1sZ6xFyfpwPfunAlOPXD37q/XRIH19+691jLk/Tge/de64e/de64P9B/r+/daJp1jubW/HvVPPrS&#10;mvXXvTNp6t1hlYA8/wBPp7bALde6inkk/wBT7eGOmmavXvfurpw69790z1737p5OHXvfurdYG+p/&#10;1/fuvdZ/afr3XR+h/wBb3scetjj1g9v9P9e9tyde697b691737r3WF/1H37r3XH37r3Xvfuvde9+&#10;6dTh1gP1P+v791frr37r3WcfQf63v3XuuL/T/Y+/de6xe/de697917qP7917r3v3Xuve/dOpw697&#10;91fr3v3Xuve/de6+xd/LG/7dsfy9f/FHepv/AHgsB7iTcv8AciX/AJqP/wAePU77P/uJB/zRj/44&#10;vR4vaLox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5MpYD/AF/6e8iOsR+sZYn/AFv6e/de6FvsC2b2f1nvFBqm&#10;fBSbKzDjn/KcRJpgaQ3JLy0E8Nr/AFCf4X9sx9rMvzqPz6fl7lVvlT9nQRe3C1OmOhir75ro7A1R&#10;fXPsffFXhfH+UpMrAtYjf8E+6gkFv9U3H1Nk9e4/Mf4Onz3Rj5Gn7c9A77t0x1Kx9e+NyFDkIi3l&#10;oK2KsjKmxDROrix4sbr7sE1daEmg19D0I/elKlF2ru8xuHp6+tizNPIoYBlraaGr1DUAfrMQeOCC&#10;Px73B8I6tdA6z+X+DoJoqh4Jop4wpaGVZVD/AEJUgi9iOLj24RXptVpnoZvkXDFH3BuqWAo1PWx0&#10;FdCyEkMJMdSEtz/qnuf9j/sPbVv8A/P/AA9KLo6XP5f4OuXxv/5nPs3/AMiP/uqrvfrj4D+X+EdN&#10;2xrIPz/wHoG8j/xcK7/qMl/6Hb26OHTD8T9p6MR2D/kPx96XxvINXX5LKEGxveedwbj6cVXA+tvr&#10;yPaaPMjH7Olcw0xKPnX/AAn/AC9Zdlsu3/jh2jm/VHU7m3BSbapyP7SRGnZ7/wC0mOpmHFySCCAO&#10;ffnOqQD0FetxdkLH1x+WB0Ley9tPD0bsLZixSw1/bW7Y58osLAOKDytWVVR+Lo2Jx0aN/wAtQDwf&#10;bDv+oW/hH8+H+E9PRJSML/Ef5cf8Ap1D+Wu8DFS7c61xNvJWMmYydNSj/daMYaGnCqLEPIHfR9QY&#10;4iBYj3uyStXP2f5+tXj4CDif9X+H/B0U7fUqY04rZFNIrwbPhkhyUkRusuWqGV8lICDpYQuiUqsP&#10;1R0yN/a9rI893r/g8ukc5C0Qfh4/M+f+bp82UBs3bWV7Jn/bykjy7Y2Eh4P3ssVq3IryDbG0slo2&#10;sV+4lj5BjPvT950/merRDwlMh48F+3zPQQtISSbkkm5Y/wC++vt3pN0LFYx692X/AApbx7y7Ax8d&#10;VmW410GEc64KPg6knyjKs0wNiKdYkK2lb20P1Gr5D+Z/2OlR/QSn4m4/Jf8AZ6CL270l6GrYlJR7&#10;F2+3bGep4p60zSUHWmGqRcVWQj4kyUiEHVR40m44s8+ldSFQSy5LnSPz+z/Z6VRARL4h/wBqPn6/&#10;6v8AN0DFfXVmUravJZCplrK6vqHq6yqnN3kkkYs7sfyWYk+3QKYHSZmLGp6k4TC5PcWWx+Dw1JJX&#10;ZTKVS0lFSx2uzt/Umyqii7MxIVVBZiFBPvzMFFT1tVLmg8+hJ31ncXtrDr1fs+qhq6GlqVqt7bjp&#10;vplslHx442IDHHUDErAvCu+qa1yHZtF1HUfyHoOlEriMeGv+2Pqf9X+r1Br270l6fts7azG783Q7&#10;fwVK1Xka+XRGv0RFHLzSvYiOGJbs7nhVBP8Ah7qzBBU9XjjMhoOhA3zujEYLDnrLYVV58HTzrNu3&#10;c0PpfOV0ZbkFWI/hlKTanj+hIMp1MQ5oiljqbj5D0H+fq08oQeGnDzPqf83+r7QZ9u9IuuwCzKqg&#10;szEKqqLkk8AADkkn37rwFejE0UVH0TiIszkoqSt7fzVGs2Bw9QglXb1NKtxWVaNdf4lMjDxREXiH&#10;L/Uqyc/r4Hw+fz6MFAsxU5c8B/CP9X+b16LtWVlXkaupr6+pmrK2tneqq6upYvJJJIxZ3dmJLMzE&#10;kk/U+1AFOkDMWNTx6ikgfX37rXSw2JsbP9iZ6LB4KJECoarJ5OqOmmoqZP8AOVNTL9EjQfj6sbKo&#10;JIHujuEFT09DCZzQfmfToRt+b9wO38DL1X1ZK67ZVx/ezdltFTnqleGJYcpj0NxHGDZh/VSTJREL&#10;HU3HyHp0/NMEHhx8PM+v+r/VjiAXt7pF1737rY49CB1311muxMnPT0MkGNwuLi+83HuXIHRSUNML&#10;lpJHJVWkKqxRLgtpJJVFd1bkkEf+QdLIYjOccBxJ4dKzsDsjGQ4f/Rp1ms2N2DRyf7ksiw01ecqF&#10;I11VW9lcQMygxxcCwUsqgJHHWOM11Nx/wdOTTBR4acPM+vQF+3uk3WMv/T/b+/de6UG1Np57e2cp&#10;Nv7doZa/I1j/AEUEJElwGmnexEUMd/Ux/wAALsQDVnCCp6cjjMpoP9gdDnnd07e6axdZsrrirhym&#10;96yJqHenYcQ/zX+rocUbnxqjcPKOdSg3MgUwMKpmNW4eQ6VvItsCifF5n/V/qH29FpZixLMSzMdT&#10;M3JJP1JP5J9qekHXAsB/r/091LU6sFr1hZr8nj2z090YnaXXW39kYam7I7gidKOceXaWwmFqrKSq&#10;CyvVRsLw0YOknULEMDJ6SkczRYvhfzPSpI1iGt/yX1/1f8X0FXYfZGf7FzH8RzEqRUlKpp8NhaT0&#10;01FBwBFCgsL2UanI1OQL2UKqvIgiHr0mlka4NTgeQ9P9Xr/xXQdk/k/196OeqUC9Yi9/px791QvX&#10;h0/7W2pn96ZqlwG28fLkcnVt6Y04RFH6pZpD6YokHLMxA+gFyQD5uwVOOtxxtKaD/Y/PoxeU3Btb&#10;490FTtzZVRRbn7XqoDTbi3iUD0+KvfVTUKsCGmUNZvqAwBluR4I2ApmycDyHr0ueRbUaVy3mfT/V&#10;6ft6KnWVlXkaupr6+qqK2trJmqaurqnaSWWRyWZ5HYlndibkkkk+3+i+pY1PUMuB9Offurl6dYyS&#10;fqffutoa9Cl1j1Rneyq6d4ZIcNtjFDzbh3VkbJS0kSqXezOyLJLoBOkEBRZpGRPV7beQJ9vp0ohg&#10;Mp9B69L/AH525gtu4KfrHpeKTF7X5hz+7OVrsu9grky6UdYHF1JspdbIixw3R6ohJ1N+zp+ScRjR&#10;H+Z/1f4f2dFl9vdIuve/de6xs31A/wBb37q4Xz6HHqzpqXd1JUby3fXjanW2IvNks7Veh6kISGho&#10;gwIdiw0F7EBjpRZJBo9tSS6cDj0/DAZO5uHUrtHuWHN4xdgdd0A2p1pjbwQ0VPdJ8hpP+eq2JLlH&#10;IDBGJdm9czO9gjSIa1PHrck/4UwOH2/7H+Hz6Lx7VdU64lgP9f8Ap7q3DqpanWMsT/rf09s9Nklu&#10;jA9XdLU+Uxb9hdl1rbW64x4E/nnPjnyFjYR04sXETPZdYUtITogDOSybklphcnpbFBrFWwP8P+r/&#10;AIr16be1e6qnekEG1Nr0Q2t11iAIMXgKMCMzKhuslVoJU+r1CMEqGOpi8lnFBHpycn/B1WacfCvD&#10;/D/sfLoBZGJU3/23txcHpISW6we7F/TrxWnXEsBwOT/Qe6ha9V6M91l0viqPCjtDuOo/gWyKRFqs&#10;bhqgtHU5NiNUY0C0ggl/sKv7swuU0pZ2aklp2rx6XQW1O98Af6v+K9ekN3B3Xl+yaiLEY+Abf2Li&#10;SsOE23ShUXRENMUs4jAUuEsFjF44h6UudTteKELk5PXpZ/FFBhfT1/1enQGe/dJi9Ove/dNk16wK&#10;pYhVBZmNgB9SfbzcOn+HRu+u+odt7EwEfavd2ilxqRifbmy5wDPWyMheEzRFgzFrXSA2vYvOUiVl&#10;ZG8lTRePSmOEKNb4Hof9X8ugc7b7f3D2plfNWscft+hcrg9vU5tFAn0V5LWEtQV4LkWXlUCqSDdE&#10;0/b0nuLgzHGB5D/Kfn0D3u/VRw64F7fTn37rfWMamIAuSfp791omnUmy04u1mkIuB/T258H29JiT&#10;cYGF/wAPUOSUuSb3J/J/4j23x6UKoUUHWEkn6+/dW6xuTe34t7bf0691j9+CevXuuJYD/X/p7sSF&#10;691jLE/639PdNVT1sceuPt3p/r3upYDr3WFybkfj35c5691x9+fh17riXA/xPtnr3WIkn6+/de6x&#10;Sfj25H17rAXA+nJ97L06oXp1jJJ+vvSt69bjq3XXuhNT1cinXAuB9OT711rrCzfknn37rRNOuDk/&#10;T8W9+631j9+691if6/7D37p1OHXD37q/WMv/AE/2/v3Xusf15Pv3Wiade9+631jL/wBP9v7917rE&#10;zW5Nz791Vu7HXQa4JPHPv3WwKdcS/wDT/b+25Ot9RpPr/sPe04de64e79MHj1737p1OHXvfumjx6&#10;97906nDr3v3VusL/AKj7917rN7T9e66PII/r72MdeGOsHt/pR1723J17r3tvr3XvfuvdYX/Uffuv&#10;dcffuvde9+691737p1OHWA/U/wCv791frr37r3WcfQf63v3XuuL/AE/2Pv3XusXv3Xuve/de6j+/&#10;de697917r3v3TqcOve/dX697917r3v3XuvsXfyxv+3bH8vX/AMUd6m/94LAe4k3L/ciX/mo//Hj1&#10;O+z/AO4kH/NGP/ji9Hi9oujH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k/7rwE+1ty5vb1QwkfEZKWjSdfpLGr&#10;XimU2F0miKupsLqwPvIZG1gH16xJddBI6T/vZNOq9C5tL/c/1p2FtY6nqsFJS9h4iMfgUx+yyX+P&#10;NLUo/A/3VdvoCE7t3A/l0+nchX0yP8vQR+99MdDF1mwy21u2NoNpLZDaCbpoUPLGowtQtRpj/wBr&#10;enlmBA+oFvrb3R8EH50/b0/DkMvyr+zoF2cn/Ae1IWnSIsT1hL/gf7f3brYT16GPuTTWnrjcSC/8&#10;e6yxhq5OfVVUnlo5/rf6CFPz/r/1LMOKj0J6V3DfCT5qP2/6j0DHt7pGWJ6HDvvVNunbWTbX/ub6&#10;7w2VDOANWunMZNxw3MR5HF7j8e2IMA/aelN6dTA+qj/CevfG/wD5nPs3/wAiP/uqrve7j4D+X+Ed&#10;N2wq4/P/AAHoG8j/AMD67/qMl/6Hb26OHTT8T9p6ML3m32mw+hMSNKtBsU5ORdOlg1ZDQMwZfpw0&#10;ZF/qTqJ+vtPBlm+3/P0rucIn2f5B1L3XST0Xx86h2rSRF8nvHdFRmlhA9UreSeKFR+LMlZAOeSQp&#10;Fhx70uZGb0FP9X7OrSKREq+ZI/nU/wCUdHKx2Kx+O3TRKzxRYDqrYMeHo55rhYpqxVNQxa9g1Pjs&#10;dCT/AESpPPJ9o2FV+bGp/L/ZP8ulwWh+QGP9X5fz6IJVbrk3JvTe3b9epNPhqoPtuCoAIFdNrgwc&#10;BW2lmpIYGqnHAb7V78vYrwmhQn7f8v8Aq+fRbr1s0h8uH2+X+foJ8BhsjuzcGOwdB+9kcxWiESzN&#10;wt7vLPK5PEcUYaSRj9FVmPt1mCCvSdFMjU8z0+9i7goMtmKfE4Bm/untOjG39tLYDyxRszT1rgAA&#10;zZCpZ53Nr2dUPCADUa0FTxOT1edwxoOAwP8AP+fWbYGGxxfI7y3JAs+19oKlTUUcnAyFdIT9jjFv&#10;+oTyKXntfTTRytwdN9SMfhHE/wAutwIMs3AfzPkOkZns7kNxZjJZzLTmqyWUq3rKuX6DU5vZR9FR&#10;BZVUcKoCjgD3dV0ig6ady5JPn0puu9nR7vzE8uVqTjdp7epTmd25g8CCjQ8xoedVTUsPHCoBYsbh&#10;SFb3SR9A+Z4dOQReIc8Bkn5dR+wd6Sb2z33sNKuLwWNpUw+2MFEf26KggGmCEcm8hHrka51SMx/T&#10;pA3GmgfPzPz61LJ4h+XAD5dITVchVBZibAD+v/E+79NdDjWk9P7akxSaU7P3fjgMxOD+5gsXOqst&#10;IluYsjXoQ0x/VDCQgAZ9ftkfqmvkOHzPSs/4sKfiPH5D/P0BHt7pJ1IoaOsyldSYzG0s1dkK+pSk&#10;o6SnUs8ksjBURFHLMzEAe/E06rXUaLknoady5Gk6qwVd17t6phqd55iD7fsfc1IQft0vc4OhlABE&#10;SWH3bqbSuPHfSCiMKDKdR4eQ/wAvSiVxbjQMsfib0+Q/1f7ADe3+kPWMv+B/t/fuvdGGwGMoOmcL&#10;Q763VSJV9h5mkNVsLaVbGGWhja6pl8gjD0sp5p4jZtQ1cNcwpyfGNBw8z6/LowjUWi62+I/CPT7e&#10;gFy2WyOcyNbmMxWz5DJZCdqmtraptTyO31JP0AH0AFgoAVQAAPb4GnA6Qu5kNTknprL/ANP9v731&#10;XpWbH2Tmt/5+mwOGRA7qaivyFTcU9HTJby1VTJayRRr/ALFjZVuzAe6O4QVPTsMJmNB+Z9OhL33v&#10;zBbfwUvVvVssi7ZVx/ezddtNTnqleGJYcpj0NxHGDZh/VSxkoiFjqbj5D06UTTBB4cfDzPr/AKv9&#10;WOICe3ukXXEsB/if6e/de6EXrnrjIb/rauaariwW1MFD99ujdNaLU9HAASQCSBJUSAERxg3J5NlB&#10;PtuSTR8yeA6UW9uZj6AcT0oOxuxsXU4uDrvruCbEddYibW7v6anMVK21V1c1lZgzKDHGQAAFJVdM&#10;ccNY4yDqbj/g6eluAeyMdo/mf9X+r0BIsB/ifb3SbUF6xEk/X37rSmp6WOxdibg7CzsWC2/To0mg&#10;1FdX1JKU1JAv656mQBtEa/6xZjZVBYge6O4jFT0oiiMpoOhX3ZvvbuwsHV9cdS1JmSrjEG9OwVut&#10;RkpVBV4KRgbw0KklQVNmBIQspeWdpYzIdTfkPTpRJKIRoT829T0Xb2+TTpIBXrEzHkDjn22Xr04E&#10;p13FFLPLHBBHJNNNIIoYYgWZ2Y2VVUXLMxNgByTwPfgvmetlvIZ6MziNqba6SxtFvHsmkp8zvyrg&#10;FZtHr1yCtN+kpWZThvGyMfTGRwykANKCYGGbxcLgDielaoLcamyx4D/V/h/y9F93jvLcG+c5VZ7c&#10;de9bX1J0j8RxRgkpDDGPTFDHc2UfklmLMWYuKNIoOk7sZDqb/YHSU93CV49Nl6cOsDXub/19601P&#10;TRNel9131vuTsrNDE4GnVKeACbLZiq9NNRw35kmf8mwOlBd3sbDSGZfOywjPHp6GAzHHDzPp0Lm7&#10;eydtda4Sp676YlLzVC+HdvZIsKqukW2qKikWxip0OpQw9IBPiuSZ5GAhc6n/ACHp0pknWEaI/wA2&#10;/wBX+r09eits/JLElibn+vt3pB1iLE/639PfuvdcffunAnr0O3WXTo3Hj5t875yH90utMUfNWZip&#10;9MtbpbSYKJSCWLsNHkAb1+iNJJLqrTyUwMnpZDBXubC/4eo/aHcZ3PRQ7J2Rj/7pdaYm0VBhKayS&#10;VegkiorWUkuzt69BZ/X65Gkk9Q8kdMnj1uafUNK4Ufz6An270m697917rokD6+23yevdGU2D1Dhc&#10;DhYuzu6JZcLtNCJsHtlgRW5aSxeNPFdXSGQLcL6WkU6y0cVnZt5Pwrk9LYowBqfAHl/q/wAHn0H3&#10;afcGa7Hq4KRYkwe0cVaHAbUoCFggjRQiNIECrJMEFgdIWMXWNVBOpyOPRnz6anuDLgYHp/n6B4kn&#10;6+74XpgdcHJA4/r70GqerF68OsQBYgKCSTYAfX3s8OtBfXo1WyuqNt7AwMHZndwNLScS7a2FKv8A&#10;lVfKAHj+5hNiEPH7LACx1VBSMFXTFiTRePr0tjhVBqfA9PX8v8n7egf7R7Z3F2hlEmyBXHYHHsY8&#10;FtyjNqemjA0oSBYST6OGcgflUVE9PvyLo+3zPTE9wZT6D06Cz3bpoJXj1wkICm/vYFer4XrAiyzy&#10;JDDG8ksriOOKMFmZibBQByST9APbgUL02Tq6N/tDrDavT2EpeyO6Uiny0i+ba3X7WaWSUBXjaqiJ&#10;AaQcXjYeKIEGc6yI1TvMXwv7elkUAiGuT8h/q8/5D/AAfZ/am5O0M2+TzU5goIGKYjB07HwUsVzY&#10;BeA8pX9cpAZvoNKBUXccWnh+3pPcXJlOcDyHQXk3N/akCg6ZDVHXXtjr3Wamp6itqYKKjp56usqp&#10;lp6WkplZ5JJHIVERFBZnZiAAAST9PewtevdHI2tsHaHQGEpewe2Fgye9qhPPtTZEZV2hkGhlkkBu&#10;jVERILMbxwDka5igDTymTtXh69GaRCAa5OPkP9XEj18uizdh9j7m7Mzsuc3HVl9JKY/GwFhT0sRI&#10;/bhQk2JsNTm7OQLmwUCyoE6RTTGY1PDyHkOg/cixH5926Z6iMSSR+L/T37p8cOvKrOdKi597Ar1p&#10;mCCp6klkgFls0v5P9Pd/g+3pJUzGp4enr1ClJbkm5J5PtvpSh6w+/dOdcC4H+J9+691jJJ5Pv3Xu&#10;uvfuvdYn+v8AsPbT8evdcPelFT1tRU9e9vdP9cC4H05Ptg9UL04dYWb8k8+3FNB14NjPWIsT/gPd&#10;GavWg1T1x916c66LAfX/AG3vYWvWq9RpWJt+B/T3Zhp6q/WH3TrQT164lgP9f+nv3TocJ1iZifrw&#10;Pfuq6tWesRf+n+39+6oX9Osfv3VQpbrskk3Pv3T3XXv3XusT/X/Ye/dXVtI6jMSSf8D7905XHXH3&#10;7psvXh10eAT/AIe/dVHHrCST9ffuniadde/dNl69Y3YHgf1v791VTTrH7906hr173R+HVusT/X/Y&#10;e/Jw691w936YPHr3v3TqcOve/dNHj1737p1OHXvfurdYX/UffuvdZvafr3XvfuvdR/ajpR1723J1&#10;7r3tvr3XvfuvdYX/AFH37r3XH37r3Xvfuvde9+6dTh1gP1P+v791frr37r3WcfQf63v3XuuL/T/Y&#10;+/de6xe/de697917qP7917r3v3Xuve/dOpw69791fr3v3Xuve/de6+xd/LG/7dsfy9f/ABR3qb/3&#10;gsB7iTcv9yJf+aj/APHj1O+z/wC4kH/NGP8A44vR4vaLox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5WO9z/eD&#10;bGyd7p66l6E7K3Ew+v3mKSNaWRzxc1GMkg/H6onuSbk5AK2kkD7R+fWJsneA35H7R0Fvv3TPQhdV&#10;5mlwu+sG+RIGHysr7dziuSFNHkY2o5y5HOmNZvJ/roDz9PdWFR/q8unYW0sPnj9vSQ3Diqnb2czG&#10;BqxpqsNk58ZUH+rQSNGSPwVbTcH6EG49uouoV6YlOgkeh6WHTubgwfZW1J6sqaGvyH8CyKSE6Ggy&#10;CNRya7EelRPqP9NIP49+mXUhH5/sz1e1JDg/l0h9yYifb24M5gKm/mwuXqMXIT+TBK8WrjghtNwR&#10;wQbjj3dTqAPWmURkjpk926aL+nQz7mIyvSvWeSUXfbm4cztWplvcnztDkYFb/gqSPb/A/wCt7ZXD&#10;ketD/k6ek7o1PoSP2/8AFdAx7e6TdDj3A33eB6ZymkWl6vpMTqCkX+xllitc3Btq/wB5vxce2IeL&#10;D+l0pnWgU/L/ACD/AD9cPjew/wBNGzAOf+Lj/wC6mu9+uTRD+X+Edatf7Qfn/gPQLZIk5Cuv/wAr&#10;kv8A0O3t4cOmX4n7T0Yn5LA0mT62w5DL/DescePGSCFJkniNmubn9ix/1hb6+0tpkMf6R6V3uCB6&#10;D/V/g6GbJ4I1navx42LJG5g2TsqDP1aKCPHLTx6g0gHAMlTjYg3NyWGq9xdtW7Xb1NP9X7elDKC6&#10;L/CCf8g/mOlB8g91rtLrXK00E6rmOycxLErxEgvR6Y0eUKwFlONgp6dxb6y3+tz71AutvkOrXT6E&#10;Pzx/n6I/vNjg8dgtjRjxzYqI5rcgFrnJ10cbNC9vzQUixQFSTom+4tbWw9rE7qt+Q+wdIJuwBPTJ&#10;+0/5h074ZhsjYFfuMkJuPf8AHPtvbgt66fFxsEytaD/ZaqktRxHg6RVWPHup/UankMn7fL/P1tf0&#10;k1ebYH2efQZYzG12ZyVBiMZTyVeRydXHQ0VLF+p5ZWCIovwLk8k2AHJIHt0nTk9J1UuaDpcdhZWh&#10;pFx2wNv1MdRgNovItZX0/CZLLSBVrq82/XEGQQUxPIp41P1kb23GK9x4n+Q6fnYCiDgP5nzPQf4z&#10;G12ZyNDicZTSVmQyNUlFRUsX6pJZGCoo/Aux+p4H1JA9uE0FemFUuaDoWuxcpQbRw1N1LturiqYc&#10;bUrX78zFKRbIZYAA04cWLUeNN441NgZQzldYDFqMazqP5fIdKZ2EY8Nf9sfU9AiWJ/1v6e3ukvQz&#10;7Lx9HsTAx9pbhpoqmvmlkput8DVC4qayP0vlJ0I9VDj2/SP92z6VuoW7MufEOkfmf8nSmIeENZ4/&#10;hHz9f9X8sdBBkslWZWvrMnkqqatyGQqXrK2qnOp5JZGLO7H+rMb/AO9e3QKYHSV5Kmp49N5JY255&#10;PAHvfTRYt0PsdukcEs7aR25uWgvTxm+vbmOnj/W4NvHlq2NvSCNUER1elms6f+3P9EfzP+bpbT6J&#10;f6bf8ZH+f/V9pf3kJZmZi7sdTEm5JP1JP9fajpB1hLE/X/be/de6H3Z2Aw3XWBo+0N90UGQyNaBP&#10;1xsuoaxq5VNxkq6MepcfA1mQGxma39kqWYdjIdK/mel8MYt18R+P4R/l/wBXD7adAzuPcmX3Tma/&#10;P56tmyOVyU5nqqmU/n6Kij6JHGoCoi2VFAUAAD28qhRQdI5JDKanj0wEk/X3vqnSs2VsrO79zsGB&#10;wMCvM6mesrJzop6SnS3lqamWxEcMYPJ+pNlUMzKpo7iMVPT0MJnNB+Z9OhF3rvXB7cwc/WXWU7tg&#10;mcDd+7wNFRnahLgqpBJjxsZJEcYNnFySwZmloiFjqbj5D06fmmWMeHHw8z6/7H+rhxAwkD6+3ukX&#10;WMuT9OB7917oTetetajfNTW5HJVybe2Rt5Pu91bqqxaKniFj4Ybi0tXKOEQXNyCQbqrtySaPmTwH&#10;Sm3t/GNThRxP+r/UP8Lp2T2ZQZmgpdjbEoJdt9bYaUyUmNJ/yjIT39VdkG1MZJWIuiFmCcc3ChNR&#10;x07myerXFwHGhBRR/P7egVLk/wCA9u9JB1x9+6uErx6ELrvrjN9iZSWnoWhx2GxiCr3FuSvISkoK&#10;YXLSyu7IpfSrFEuC1iSVRXdW5JBGPn5DpVDAZTjA8z0vN99k4XEYKXrDqcVGP2hFKy57cjNprc5L&#10;bS7zOqoyUjcgJxrTSCqJeMtpESdT8fT06fmnCjRHw8z5n/V/qx0APtR0j64lgP8AX/p7afj1dWoO&#10;pGOxuQzNfS4zFUdTkMjXTCCkoqRC8kjt9FVVBJP+9C5PA92FFFT17MhoP2dGZSDbfx2o1qK5cfuf&#10;ueqpg9NRXE1FgFkVtMjkDTLWlbG1wbH06Y/XMmZjP8l/w9LlVbX5sR+z/V/qx0WPOZzKbgydZmc3&#10;XVGSymQmM9XWVJ1O7Hjn6BVUABVACqoCqAoA9ucBQcOkrvU1OSemRj9SePbqDHTRavWMv/T/AG/u&#10;/VehY6x6nyW/pKrL5CqTbuxsLebcO6q6yRRolmeKAvZZJyp/xVLgvyUR2ZZdGBk+nSmC3MuThfM/&#10;6v8AD0pOxO2cZ/Bf9G/VtJJt7r+kJjrqwXSszMgAV6iqfhxFLpB0GzOLeQBQsUdIoSDqbJ/wdXnu&#10;caEwv8z/AKv59F5c6vpx/T2oIr0j6i+2Ovde97pXrY6MrsrqjBbVwMHZndTyYzbzDy7c2aLiuy0m&#10;kPGHiBDx073B0kqSPXI0cNjIw0hY0X9vRlHEIxrkwPIev+r0/bjoN+0O2c92ZkIfuUiw+2sX+zt/&#10;a+P9NNSxABVJVQokmKAAuQAP0xqien3dE0dMyXJnPoPIdBV7v011737r3XKGKeqnhpaSGWqqaiVY&#10;YKeBWd3djZURFBZmYmwABJP09+68O7h0bDA7E2l0biqPfHbcMGZ3tURiq2n1xG6sY2B9FRXW1p6W&#10;H9oNFHb6Sz2SNK8hkwvDzPS1YlgGp+PkP9X+ofb0XvsDsLc/ZGblzu5q0zyhTHRUUN1p6WIm/igj&#10;uQq8DUxuzkXdifd07cDpNLKZTn8h6dIH2/03148c+2Tk9eGes1DQ1+XrabHY2kqK6urJhBS0dIjS&#10;SSO3AVEUFmJ/wHtwAL08qfmejb4rbGzvjpjKTdXYEVNuXtCrg+523s2F0eKgbnTUVDAshdHUjyep&#10;Ua4hWR18ipyxmNFwPM9Kwotxqfj5D/V/h/Z8yw723zuTsHOVGf3NXvWVcp0wQrdYaeP+zDTx3Ijj&#10;H+3Y+pyzEsXlAiFB0jlmaY1P5DyHSQ9t9bChesZf+n+39+6qX9OpuKw+U3BkaTD4aiqclk8hOtPS&#10;UdKpd3djwAB9APqSbAAEkgAn3sHTnqgBY0GT0b/HYTZXxkxdPuDdYot1dvVtN5sNt+Fw0ON1XHkZ&#10;uQGANmmKklg0dOCBJKWnYzmg4dLwiWg1Pk+Q/wBX+H9nzKZvLe+49+Zypz+5chJXV050xg3EUMdy&#10;Vhp47kRRKSbAckksxLszF9Igo6LprhpTU/7A+zpJe3emgpPXRIH19tNUmnToFOnPB4TM7nytFg8B&#10;j6nJ5TITCnpKSmF2Zj/UmyoqjlmYhVUFmIAJ9+oEyetgFjQZPp0cmmodkfFzER5LKih3f3LkqPXQ&#10;0CkNBjQ4szBrMYwLkNLxJNYxwhE8r+0zOZjQYHRkiLZgM2W9P83oPnxP8gT7de7c9vTNVe4Ny5Gb&#10;I5Ksb1SScKiD9MUSD0xxJfhVFvqTdiSXVUKKDpDLK0xq3+wPs6TBcn6ce99N9YybAn37rYFT1wSN&#10;pGsP68n3sCvV3kEYz1leRYl8cR5/tye7k6cDpPQy5PD06hs/9OT/AF9t9O6aU6ws35J59+6eGOsR&#10;Yn/Ae/db6xM1uB9f6+/de68hJBv/AF9+691z9+691if6/wCw91K16uq16xngE/0974Dq5IXrEWJ/&#10;1v6e2ixbpssW64+69WCevWF/1H3YLXrxWp64EgfX25poOrABesZf8D/b+9BPXqhf064e9lgOvKDx&#10;6xSEC1/bRNenCadRy5P04HvXTZevDrh7uEr1TrC/6v8AW91YUPWxU9cfeunAlOve/dX66JA+vv3X&#10;usRcn/Ae/de6xM1uLc+/dXVa9Yvfuqnr3v3WusbOOQOfxf37r3WIsB9f9t7914mvWIsT/rf09+69&#10;1x9+691737p1OHXvdH4dX6xP9f8AYe/Jw691w936YPHr3v3TicOve/dNnj1737p1OHXvfurdYX/U&#10;ffuvdZvafr3XvfuvdR/ajpR1723J17r3tvr3XvfuvdYX/Uffuvdcffuvde9+691737p1OHWA/U/6&#10;/v3V+uvfuvdZx9B/re/de66f9J9+691h9+691737r3Uf37r3Xvfuvde9+6dTh1737q/Xvfuvde9+&#10;6919i7+WN/27Y/l6/wDijvU3/vBYD3Em5f7kS/8ANR/+PHqd9n/3Eg/5ox/8cXo8XtF0Y9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8rHr/AP3O4jeGwpLvNmsX/eDbyfU/xPFLJOiIP9VVULVMI/qzILXsRPzYof2/&#10;YesTYu4FfzH2joKi4H05Pt0JXpMXp1jLkENqIIN1I/H+t7cAp1TLdCt22Tl6jam/IhePfO14KvIT&#10;LwDk6H/IMioAtYmSBZD/AF8t/wA3LUPbVfQ/yOelcwDEP6j+Ywegjikkhkjmido5YnEkbr9VZTcE&#10;f4gj290nL04dC/3fGtXu2g3ZCiJT782tjt2osX6Vlmp1gql/wYVVPIWH1BP9CPbMGBT0JHTl1ltX&#10;qAegd9vdJuhm24Wy3SfYuLLXO2Nz4jdsEP1J+582NmdR/tKsmo/gW/F7MthwfUEf5elSd0TD0IP7&#10;cdAwWA+v+29vdJehu32wremOlK9VPkopc/hqp7G3FdHLCt7kC0d/6Ekn8D2xHh2H2HpVLmND9o/1&#10;fs6h/HioNN3JsqQLrLVFXBa9v87j6uK/0P6dd7fm1uPr79c5Q/l/hHVbX+0H5/4D0FmVpWTO5KiR&#10;g7rlpqVGPFyJmQH6m1z/ALb26pxX5dNuveR8yP59GZ7+oUznfG2tuxxnxzU+GwEcLEaQs9SwCrc2&#10;C2ntzYXuT/X2mt+2Mn7T/LpZcjVKo+z/AAnoyW0qVst332nn9b+PbeAxm0qJyDpvVQx1k+m/GqKS&#10;Gx/4P/Q8sMaIB6kn/J0pUVkY+gA/bn/N0X/ubcFLuTuGslq0Sp2r1DghW1lI5Bgnq0aORaYji33m&#10;QnpqOVR6hHG7Aeg+34hpX5sek8x1Pnggr+f+zjos23MPkewN3xUlTW6ajL1k2UzmZqz6YYVD1NdW&#10;zN9AsUSvIb2ubKOSPahmEa/4B0jjUzvnzyT8uvb/AN0xbo3FNU4+NqbA4ynjwW2KJv8AdGOpAY6Z&#10;Lfh3W8sl7kyyOffo10DPHift63PJ4jY4DA+wdKTb5OwtoVG8nJi3Ru2GfB7LU3ElNRkGLJZZbcqz&#10;gtSU7XB1NO4/zY91bvNPIZP+QdXT9FdXmcL8h5noIiQPr7d6TdDrt8jqnZa73n0x783pRyUmw4Gt&#10;5cfj3vHVZhlPMcs4JipSbEgtIutCwDDfqtp8hx+Z9P8AP0rT/F11/iPw/Iev+r/P0AjMzMWYlmY6&#10;mZuSSfqSfyT7f6SdCN15tCgzs+R3Bueaag2LtSJa/clbFxJKWNoMfSkkaqutkGhORpXU5IsLtyPp&#10;wOJ4dPRRhqs3wjj/AJumHfG86/e+dly1VFFQ0kUKY/DYil4goaKEaaekgXgBI0+pAGpyzkAtb3tE&#10;0Cn7fmemJpzKa8PT5DpHe79MdDjtPHY/rfAUvZm56WCrz2QUt1ptirF/JIPrmayM2/yOmNvt1NzP&#10;LZhZFD+2HJkOkcPM/wCTpdEot18RuJ+Ef5f9X+boF8plchmsjW5XKVc1bkcjUvWVtXObvJJIxZmY&#10;8AXJ+gsAOAALD28AFFB0jZi5qeJ6bve+q9DfsPaOE2/g07U7Gpml23BUGLaW2CVWXO1sZPp0vcjH&#10;U7D9+QqVP6BqN0ZmRyx0rx8z6f7PS2CIRjxJOHkPU/6v9VOIY7x3hnN856r3BnqnzVlSRHFFGNMU&#10;EK3EVPAg4jgiU2VR/izEszMXEQIKDpPNKZm1N/xXSW926a6U+z9n5zfOdpdv7fpfuKyovJLLIdMN&#10;PCtvJUVEliIoIgbsx+vCqGdlU1dwgqenIojMdI/4roVt573wu0duz9W9ZVKyY2Wy743rANE2aqFB&#10;DQwtcsmNiuVVQbSC9rozvO0iFjqb8h6dKpphEvhx/wC2b1/1f6scS/F/6f7f2/0h6x/Xk+/de6FT&#10;rXrV95PXZzOVy7c2BtwCo3PueoFlRRYilpgQfNWTXCqqhtOpSVZmjjkbkk0fMngOlNvb+Lk4UcT1&#10;I7L7Rh3PT0W0dn43+6/XGBf/AHEYKI2epkFwa6vYE+apk+vqLaLn1M5Z21HHpyck9bnuNY0rhR5e&#10;vQN+3ekoz1737p4KB0KPWvWGQ3/U1tbU1kW3tnYKL7vc2668Wgpol5KR3IEtQy/pQHj6sRcBmpJN&#10;HDJ8h0qgtzNngBxP+r/UOlB2N2fjqzFx9edb0kmA64x7q0ikaarLzrYGsr3sHbUVBWM2HCsygrGk&#10;VYoiDqbLfyHVpZ8aEwv+H/V/xfQGkgfX2/0l6xl7/Tj37r3T1tvbWb3dmaLAbfoJsjlK+TRDBF9A&#10;P7UkjmyxxIOXdiFUck+2pKDJ4dXSMyGg6MNks5tvoChqtvbPqaPcPa9VTtSbj3gFDwYksF8lFQK6&#10;lZJVNw7EcN/nfUPBGnCmc1PAcB0u1raAgZbzPp/q/wCL9Oit1VVUVtRPV1c81TVVMzT1FROxd3dy&#10;Wd3diWZ2Ykkk3J5PtUEA6Qs5PUST8e6ua9eCV6iv+o+7pw6qwoeh3646kpMhiZOw+x619s9cY9g4&#10;me61OUcatNPRJbUyuVKlwLtyI/o7xMyTUOlcn/B0rgtgRrkwv+Hpn7Q7eq97R0u28DRJtnr3CERY&#10;HbFGAilU1BZ6vSSJKhtRNrlUJNizF5H0ieHnifXqtxcmXAwvkOgXJJ+vtxak16S9de7P1dOuNNTV&#10;FZUQUlJBNVVVVMtPTU1OpeSSRyFRERQWZmYgAAXJ4HuoWmT1VVLGg6Ndhtm7S6IxNFvPs+Cnz3YF&#10;XCK3avXasjLTcNoqshfUoKOPqQVjZfQJZQTEwzGbC4HmejBEW0Gp8t5D/V/h8vn0XXfO/dzdiZ2b&#10;P7nr3q6p/wBumpkusFNF+IaaK5EUY+p/LNdnLOSxsqhRQdI5ZWmNT+Q9Okb7t15Fp1xLAf6/9Pfu&#10;tlqdOuAwGb3XlqPBbfx1TlMpXSeOmo6UXJ/qzE2VI0HLOxCqOWIHPvRIXJ60qtMaDo1RbZnxnomW&#10;M43enddTTWMlvJQ4VZB+Bw3m0/8ABZXB/wB0xN+4nNZ/kv8Ah6MAq2Y9W/wf6v2noqG4NxZjc+Wr&#10;M5n8jU5XK10nlqaupN2J/CgCyoijhUUBVFgoAFvbnh0wMDpFJKWNTk9MRYn6/wC29uBadaGeuve+&#10;t9KHau08/vbNU23ttY6XJZOrJtGlgkaD9Us0jWSKJB9WYgfQC5IBZPbk+vVkUuaDo0Fbl9l/GjHT&#10;YnbpoN4dx1lP4cpnXXXS4kSJ6oogeQ39F9MkgOuYomiIt0ac+g/w9LSVth6t/g/zfZ5+fl0UDMZj&#10;KZ/JVeYzVdU5LJ18vmq62qbU7tYAXP0AUABQLBQAqgAAe1FAooOkTMXNTx6ai4H05PugQnqvWMkn&#10;6+6dbJr0q9l7I3Hv/OU+A2zj5K2tm9c0puIaeIEBp6iWxWKFL8k/UkKoZ2VT4kDJ6skZkNB0abLb&#10;i2V8asTVbc2W9JuntitpzTZzc8yK0WP1WJijW50aTYrCCSzDXUHSI4i0AZj6D/D0vJWzFBlv9X+q&#10;nRMs1lsnncjVZfMVtRkclXzNUVdZVMWd2P5J+gA+gAsqgBVAAA9rFUKKDoslJkNTk9NXvfVQtOuB&#10;e3059+68Xpw6V+xthbm7Fz0GA21QtVVUn7lTUyHRBTQggPPUSHiOJL8/VmNlRWdlU0dwgqerxKZc&#10;Dj/Ifb0anNbr2V8bMNU7T2E9LuTtCtg8G4d0zqGSjuELRKOQqhhdIAxNwJKhiAiMkzOanh0YErZi&#10;gy3+rj/kH7fUksymWyGYr6rJ5Ssqcjka2Uz1dbVuXkkc/lmYkmwFh+AAAOAB7UrHTotklLkk5Pr0&#10;2kk/X3Tq3XvfuvdeVDLe3CD9Tn3ZVr1RpPD+3rjLOqL4ouF/Lfk/77/fce9lqYHWkiL9zdQyxP8A&#10;rf0906VABesTki1vz791Rmr1i9+68nHr3v3TvWF/1H37r3XNPp/sffuvdciQPr7917rExub+/dbD&#10;U6xMwtYc391LDh14Z6xe9gU6dwvWJmPIHHPtk8eqF69YWa3H59upw62G0inWMkn6n3Y46rluuvbR&#10;avVwtOuBe3059+CV49eL04dR5Dccnm/u7LUUHTRNesXvwUDr3XQIN7fj3Uv6dWVa9Yn/AFH23x6d&#10;Ap1x9+631jL/ANP9v7902X9Osfu79Ode+nJ9049e6wsQTx/re9kU6sGp1jLAf4n+nvXVesRYn6/7&#10;b37r3XE/Q/63v3XusHv3Xuve/de697917r3v3TqcOve6Pw6v1if6/wCw9+Th17rh7v0wePXvfunE&#10;4de9+6bPHr3v3TqcOve/dW6wv+o+/de6ze0/Xuve/de6j+1HSjr3tuTr3XvbfXuve/de6wv+o+/d&#10;e64+/de697917r3v3TqcOsL/AKj791frj7917rOPoP8AW9+6910/6T7917rD7917r3v3Xuo5449+&#10;691737r3XvfunU4de9+6v1737r3XvfuvdfYu/ljf9u2P5ev/AIo71N/7wWA9xJuX+5Ev/NR/+PHq&#10;d9n/ANxIP+aMf/HF6PF7RdGP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fJuwmarNv5rFZ2gbRWYfIQ5Kmv9C8Lq&#10;4Df1VtNiPoQSD7yF8MEU6xDWQqQR5dKTs3EUWI3XUz4dbYDcdLDuvbp4sKOvXzJELXsaWUvTsPqG&#10;iYHkH3qI1GeIwfy6dmjAYnyOR+fQefXk+3OqEhehdw/+/l6k3Lhj+5kdhZqHd+NH1c0NboosjGg/&#10;EcUwp5m/1yfbR7XB9cfmMjpwHxYyPNTUfYeP+foIvbvSXoZs2f7wdKbPyo8ZqtjbnrdpVYH+cNNX&#10;qMhSSP8AX9tJFljU8c8W/PtkdrkeoB/ZjpU3fED/AAkj9v8AqHQMEgfX290l6GTpllyFVv7a7B3/&#10;ALzdb5Omo41Nr1dKiVtM1udWk07cfWx+o9sT4ofRh+zpVa92pfVT+3/UegU9v9JehyqFWu+OmOn1&#10;IZsF2xNQlPTqWKqxgm1fXVpMq2HBuQfwvtOMS/av+A9KidUP2N/q/wAPTV0NIsXbux2dgoOUeME/&#10;1emnRR/sWYD3efKHqtr/AGg/P/AektLSvJ2O+OeIPNJvc0TwEixY1+goTfTyTa97f4+9/g/L/J17&#10;jL/t/wDL0Z/OUf8AG/mFQUfrZcdU0dY5e+lftcOlctrarAsAB9LsbcXv7TjEX+r1p0pY1n+wf5P9&#10;nowuw6ml2/tbsPfdc5NJld4Z/dchYBWFJRzSUcKg/Q6oKAOvJBMnBN/bDipAHoB+3P8Al6fBpX7S&#10;T+WP8A6rr3dlKmn2/TQVja89vzKP2BuWU/q8cjTLjYW4BGsSz1R5IdKiBrAqCVyDPyGB/l6QStRf&#10;m3cfs8h1JjA2V1vJVM3j3N2cjUtMn0enwFPN+9J/VTlK2IRj/VQ0724f3742+Q/w/wCx14fpJ82/&#10;kv8As/4OkhsnbI3VnYqKpqDQYahgfL7kytrikx9OA9TORY3fTZI1/tyvGg5b3Z20j5+X29Nwx+Ia&#10;eXEn5dYN67o/vTnqjIw04ocZTxR4vAYtf00mPph46WnHJuUjF3a/rkZ3PLH35F0D/D9vWpZPENfL&#10;gB6AdKDrTaWOzlbktx7paSDY+zaYZXck6XDTkkimx8J4/wAorpgEHIsuprggX1I5XA4nh1eCMN3N&#10;8I4/5uk5vfd+Q3xuOv3DkFjp/uGENBj4LCGkpYhop6WFQFVYoIwALAajdyNTH3tE0CnVJZDKan/i&#10;h1C2ptnK7yz9Bt3DRo9ZXSENPMdMUESDVNUTv9EhgjBd2/oLAEkA7ZtAqeqRqZW0r+306V3Y26MT&#10;LFQbD2bK52RtaZjDVkaXytewCVOVnF/9220wKb+KGwGnWyisan4jxP8AIenVriUHsX4R/M+vQVe3&#10;OknQr7A2tiEx9b2JveKT+5WAqBT0uPB0SZnI21RY6A/XxDhqmQfojuBySVakc10rxP8AIdK7eIAe&#10;I/wjh8z/AKv9XHpDbv3bl97Z+t3DmpIzU1REcFNTjRDTQJ6YaanjHEcECWVR9f7TEsWY3RQgoOmZ&#10;pjM2o/8AFDpM+7dNdC711sjF1VBW9g78eah692/OI3SMhZ8vWizR4yiBZWYv9ZXH6EvyvqeNqR/w&#10;jif5fPpXbwiniP8ACP5n0/1fZ9iR39vvKb/zrZWvjgoqKlgXHYHCUQCU1BRRk+GlgRQqhUU+prAs&#10;1zYCyiyIEFP2/PpqeYzmp4eQ9B0iPd+melHtTamc3rnKPb23qJ63I1rcD6JFGLa5pn+kcMY5Zj9P&#10;oLsQDVmCCp6ciiMx0r0LO9d37f2Pt2o6u63qVq/udK7/AN8U5s+UnQEPR0rixXGRMSOOJf8AFWke&#10;ZpFLnU35D06VzSLAPDj/ANs3r8ui+Ek/X2/0g669+690LXWvW0e6kr90borjtzrnbZEm4dwyCzSM&#10;LEUNECD5qya4AChvHqBIZmjjdqSTTgZJ4DpXbW3idzYUcT1i7N7OXd60W29sY0bX672+xXAbagNt&#10;Tc6qysIZvNVy6iblm0BiAzM0kkno49OTk+vWri48TtUUUcB0EXt3pL1737rwx0MHWnVp3bHVbn3R&#10;X/3X64wZL53ctRZTIUsftKIMG81VJcAWVwpI9LuUjdmSXTgZPp0st4DJ3NhfX/N1z7J7TXdFJR7R&#10;2nQPtfrjA/tYfb8LWaoZTf7yvYH96okPrsSwQk+p3LSNuOPTk5PTs0+oaVwo8vX7egZL2+nPt3pN&#10;1jJJ+vv3XulhsbYm4uws5DgduUnnnYeasq5TpgpYQQHnqJPoka3+guzGyorMQDR5BGKnp2KIzGg/&#10;4roY9zb+231bhqzr/qOqWty1XH9tvLspABLVMNQemx5BbwwIWIEiNxb0M7fvFlYzKdT/AJDpS8ot&#10;xoj4+bf6v9Q+3PRZCSxJJJJ+pPt8kL0iA1dde2yxbp0KF6xOwNrfj3YJ69VL+nRjdo9Zbd2Rhafs&#10;judHhx8o8u19hCwrcnIACGnjYqYqZdSsVYjg3lspSOZh5S50p+Z6VxwCIa5fyH+r/B+3oKOyu0Nx&#10;dmZZazKulHiqIGHB7forrS0cNgAkaWAZyFGuQjU1gPSgRFfjiEY+fr0mmnac1P5D06Db3bTU16Z6&#10;4lgP8T/T34sF61Xy6ddv7fze7MvR4Lb+OqMplK6UR09JTC5/xd2NljjQcs7EKouWIHtln9enEQyG&#10;g6NI9Rs/410LQURx+8u66um0VFWf3KHBrIpDIg4LVBUlSLiRx6m8UTeOWmbk+i/4elxK2Yxlv8H+&#10;r9p6Khm85lNw5OtzGbr6nJ5XISmasraptTu1rcn6BVAAVQAqqAqgAAe38IKDpAzGQ1PE9MxIH19t&#10;9OUC9Yy5P04Hv3VC9eHS669633R2Zm0wu2qPyBNMmRydRdaakiJt5Z5LG350ooLvYhFNjarOE49O&#10;Q27TGg/M9D3uHsHZ/SOHrdi9QywZfdtVF9tuvsp1R21X9cFDy6DQbAaSYo/r+7NeRGQhly3DyHS5&#10;pEsxpTJ8z/q/4ofb0Ueoqp6qaWoqJpZ6ieRpp6idi7u7Elnd2JZmYm5JJJP1PtR0XNIW/wBWeo/v&#10;3WgleuiQPr79070I/WnVu5+0cuaDDRLSYulIfM7grARTUkf5Ltx5JWH6IlOpvqdKBnWjyCMZ6dii&#10;MxoP29DNu3tDanVWFq+u+kislbKvh3R2K1mqKmQAqy0sg/Cm4V1tHELmENIxmCcAyGrfs6UtIsA0&#10;px8z/q8/8H+AossryO8srvJJIxeSRySzMTckk8kkm5PtX0mc46jlif8AAf09+6a64+/de6FXq3qP&#10;cnaWUaDHJ/D8HRODmtx1an7emWwJUcr5p2UjTEpubgsUS7hMzBBU/s6dihMxoP29DJvXtfa/WWDq&#10;etekSYiSYtyb9DK1RUyhdL/bzADU/JAlXTHFz9utyJQ2AZMt+zpW8wthoTj5n/VxP+DoodRO8rSS&#10;O7ySSOZJJZCSzMTcsSeSSTck/U+3049ICa5PUBmA+vJ9vdULU6xkljb/AHj37h02SW6Fnqvp/cva&#10;eUMGPT+H4OjcfxncVUp+3plsCVHK+aoYEaYlNzcFiqXcNSShB/k9en4LczGg/wBX+z0NG++3NrdX&#10;4Kp6w6R0o/8Amdyb4RlaeeUalfwzqB5JVuQsq/twgkQDUfIrCxmY6m6WSTpajRHk+Z9P85/wcPsJ&#10;xLLJM7yyu8kkjl5HcklmJuWJNySSbknk+1QAXosLFz1j90L+nVwnr1xLAf4n3Tq/XJIy4LyHTGOf&#10;9f8A1vd1WuT008lMDj1xkl1DQg0xj6Afn/X9+Zq8OvJHTJ49Qj9T/r+6dKddB1xJA+vv3VCa9Ymb&#10;V/sPfutdcffurpx6979071xsL39+6910Xt9OffuvdYiSfr7917rG5N7X4t7bc+XXusfvyp69e64l&#10;gP8AX/p7sWp17j1hJ+p+nPtrj06oAz1gY3JI9vKKDr2nVnrgWA/1/wCnvZz1ssF6xMxP1Nh7qFp0&#10;0zV6xF/6f7f3bpsNU9YmNhf68+9MadX6wlifr/tvbJavXuucf5966cj6xyuAf6m3v3Wy9OsBJP19&#10;7Ar1TLdde3AlOrhKdcC4H05PuirXqwNesZJP19uYXrfXXttjXr3WBvqfzz7rw69117917ro/Q/63&#10;v3XusHv3Xuve/de697917r3v3TkfXvdH4dOdYn+v+w9+Th17rh7v0wePXvfunE4de9+6bPHr3v3T&#10;qcOve/dW6wv+o+/de6ze0/Xuve/de6j+1HSjr3uj9e697a691737r3WF/wBR9+691x9+691737r3&#10;XvfunU4dYX/Uffur9cffuvdZx9B/re/de66f9J9+691h9+691737r3WA/U/6/v3Xuuvfuvde9+6d&#10;Th1737q/Xvfuvde9+6919i7+WN/27Y/l6/8AijvU3/vBYD3Em5f7kS/81H/48ep32f8A3Eg/5ox/&#10;8cXo8XtF0Y9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8lAsT9f9t7yI6xFAC9Cq5/vT1UjEh8t1nlfG1/1Nh8rJ&#10;df8AFhR5MEX+gFUBxYAtfC/+m/wjp0t4kePwn+R/2f5dBT7d6SdCV1JlaXHb3x1Fk2K4XdEE2z84&#10;LgA02TjNMWYn6CKV45b/AI0X9tyiq/MZH5dP2zUankcH516Q+ZxVVgsvlMLXLorcRkJsbVKPp5IJ&#10;Gje3+GpeP8Pd1OoV6addBIPkadCh1e4zWA7O2MSrPmtp/wB4sUjAEtXYWT7uOOP8q81O0ym1rjhu&#10;B7al7SG9DT9vT9uNYZfUVH2joFiSfqfb3SboSencwuC7Q2RkHIWI56LHVDN9BFW6qOUt/tIjna/9&#10;Rce2phVT9n+DPT9s2mQfbT9uOknunENt/c24cEylTh83VYyx54gneMG/5BC3B/I593Q6gD8um5F0&#10;sR8z0Ke0w1f0Z2zSXLfwLO4POoguT/lE8lI5AFxwoufpYC5P09tPh1P2jpRGaxMPmD/Mf5ukv0vM&#10;qdrbCZ20KdxwRg/4uSij/YswH+x92m+E9N2ppIPz/wAB6nwURPfsONqCVJ7gWinMRFx/uaEbaSQR&#10;cc2Nv9h79Xsr/R/ydbJ/Vr/T/wAvRmdrR/d/KnsbMSk1C7ewE1aPHYklKbH0axr+NQjdlH0/SQT9&#10;faZsRgfP/P0rXMp+wftovQldrUyYbrDb2wJK3wpmXpMJmcnGCGjx9DCa/M1oHquftqOQsCTqMtv1&#10;G/tqP4i3+qvl0651Cnrivy8/5A9V+0FLJ2h2I5kK4nGV9U9bWy8mPG4iii1Nyb/t0GOgCICedCL9&#10;SPa4nwl/1ZJ6LgPHf5f4AOmLfW6F3VuSuysEBo8Yix43A40Hilx9KiwUdOObAxwIuoj9Tl3+rH3d&#10;F0in7ft6pM/iNXy4D7OlNuI/3I2dR7OjHj3JuuOn3FvNwLPBSECXF4sk8qSrCrqFsDreBSSYrCi9&#10;51eQwP8AKenX/RXT5nLf5B0HGGw+R3BlsfhMRTPWZLKVaUVFTJ9WdzYXJ4VR9WY8KoJJABPtxjpF&#10;T0wqlzQefQo9nZrG4Shx3VO16lKnCbWqGqdxZSnJ05TNMuipqL8aqelH7EAt+kM12ure2oxq7j58&#10;PkOnbiQRjw18uPzPQLqskzpFGjSSSOEjjjBJZibAAC5JJ4A9vdIql8dDjuCVOqNqzbGoXC783XRJ&#10;J2DXR21UFE9pYMHE4NxJKumWsIsDdISWANmF/VOryHD5n16WSH6VdA+I/EfQen+r/N0BBYD/ABPt&#10;/pD0u+v9lNvHI1dRkaz+EbS29TfxXdmfkHopqUHiOPgh6upYeOCPku5vYhT7bkfR9p4DpRbw+Kan&#10;CjJPXuwt8f3vr6OkxlIcPs/btOcZtLbyGy09ODdpZQCVesqm/cnkN2ZzYswUH36NNAzknietTzeK&#10;aDCjAHQdlwPpyfbnTHQmdb7Ai3bPX53cdc2C2DthFqt0Z48HSf0UdICCJaypayooB06gxBJRHbkf&#10;TgcTw6U28HidzYUcT/k/1f5uovY/YEu96+ipsfRLg9n7dgOO2ltmG3jpaf0hnfTxJVVBUPNIdTFu&#10;NTBQT6NNH2nietXE/jGgwo4DoOPbnSfp921trNbvzdDt7b9DLkMrkZfHBBF9ABy0kjH0xxRr6ndi&#10;FUC5PvTMFFT1eOMynSvQw7u3Tg+utu1fWXXtZDX5SvXw9ib8oyQaxxfXjaCT9S4+Ikq7C3mseNLO&#10;XZVDIdTfkPTpZLILdfDTj+Jv8n+rh9vRefb/AEg66LAfX/be/de6F7rTrGPdVNXbu3dkjtbrfANf&#10;L52UWepkXn7KgUj96pk+lwG0XHpZyqM1JJpwMk8B0qt7fxO5sKPP16g9mdmPvN6HBYKhG3Ov9uA0&#10;+2NsU5sqqLg1VUQT5qya5ZmYtp1MAzM0kkno49GTknievXFx4vaMKOA/y9BR7d6S9e9+690NvW3V&#10;9FlsdNv/ALArjt3rTET6J6ttQqMnMt7UePQDVIWZdLuv09QS7K7RsySU7Vyf8HS22ttY1vhR/P5f&#10;6vy6ZOy+0ave70OHx1FFt3Y237wbY2rRemOJBcCaosSJqpwSWc306mC3LO77ji0Z4k8T16a48U0G&#10;FHAdBOWJ/wBb+nt3prrj7qxoOvdCP1x1nm+xslNFSSQ4rA4tPudxboyFlpKGAAszyOzIrSFVJVNQ&#10;vYsxSMM6tNJ4Y+fkPXp+GAzfYOJ6XG/Oz8JhcHL1j1Es2O2kjlNwblf01uamHpeRpBZ0pWtwvp1q&#10;dOlI7o1Y4y3c/HyHkOnJbgKNEeB5n1/1ef7OHRePanpJ1xLAf4n3Vl1dWVtPXdPBU1tRBSUsM1VV&#10;VUy09NTU6l3kkchUREUFmdmIAABJPA97oF69Utjo0WK2vtbojG0m6+w4KXP9j1cC1m1tghg0dDfm&#10;OsyRBsHRgdK2IDAiPU4MkCRnM+F4eZ9el6otoNTZbyHp/q9f2dFx3nvPcW+87VZ/ctfJXV1RZEH6&#10;Y4ox+iGGMemKJAeFH5uzFnZmKiNAgwOkMkhlNT/sDpJkgfX251TrGXJ+nA9ts3l02zeXS46+663P&#10;2VnEwm26PyFAJchkai601JESAZZ5LGw/ooBd7EIpsbNOQgqf2efTlvA0zY4eZ8h0Ou4ewNp9MYms&#10;2L07PHkt0VUZpN3dmMqtIXBs8GON2VVUggMl40FmRpJv3kbWMy5PD06XvMtuNEfHzP8Aq/4ofbXo&#10;ps1RLUSSzTSPLLM7SzSykszsxuzMxJJZibknkn6+3y3kOkBNeoxe30597CV68MdYiSfr7p14mvQz&#10;dV9N5jsR6jMV1Qm2tiYe82e3ZkNKQokY1SR05kKrLMEHqN9EQsZDcojtvIE+306V29uZcnA9f9X+&#10;Hy6VnYfcuIx2Dk6y6apH2/smHVDlc6NS12XYjTI8khtIsMp+t7O62S0UQ8Puqx1y3Hp2a6CDRHw8&#10;z/m6LL9eT7e6QgFuve/dOBadYy/9P9v791boc+q+lqrelPPu3ddd/dPrjFXnyW4qwrGZ1RrPDR+T&#10;0s1wVMhBRG4Ad/QWZJdGBk+nT8MBlycD1/1f4enTs3uijq8R/o76tom2r1zRBoJTAGjqcmTxJJUM&#10;T5RFLblWPklX/PWv4l0kR4tk/wCDq8s4A0pgevr/AKv2nz6Lez34H+39uBc16S9Yn/Sfdq+XXusB&#10;IH19760TTowPVHSNRu6kk3nvSsbafW+NVqmszFUVjkqljNnSl8g0hLgq0xDKrelVd7qGZJdGBk9K&#10;ILcz5OF419R/kHz/ANQcO1O8qfI4sdedYUZ2v17QK1KftA0c1ev9syG/kWCQ3JDEyTA3mI1GMNpC&#10;Sat07NcCmmPA9fX7Pl/h6LOzf1P+w9vsuMdIiadYJHJU24HvyrTpsvXh1hCE/Xge7MadeCV6MN1H&#10;0bVbzhk3ZuyqO1+u8YGnr8xUlY5KlYhqdKXyekIv0eZh405C63DKE8kmnHE+np0strYy54L5nhX/&#10;AGPn+z5OHbHetHWYsdcdUUn92OvseppJJ6UNHNXgGzEsxMqwykXZnPmnveUqGaM+jhr3Pk9Wnuwg&#10;0RYHAkef2f5+J/wle9qekCrXrokD6+2iCx6cqF6xFif8B7uFp02Wr1nSJUXyTcD+yn9f99/yP3VV&#10;pk9ady2F6wyzFzzwB+lR71l+nETR1GLE/wCA/p72VoOr9YWe3A/2/tvr3WP68n37r3Xvfuvde9+6&#10;dVadcSwH+v8A09+6v1iLE/X/AG3v3XuuvfuvdcSwH+J/p7917rCzX5PHv3XusRe/049+691w9tBa&#10;9e6wsSSf8Dx7cAp1smvWFmN7Dj3vrerFOsR4BP8Ah7900Xp1hJJ+p9+6pluuvfurqtOuD/T/AGPu&#10;j8Or9YvbYFevdeva/Nh+fboUDr1esLkE8f63vVNR6uq164FgPr/tveyQvVyQvWIsT/rf09tli3TZ&#10;avXH34HT1dBTriWA/wBf+nuvHrZanWMsT/rf09uoOvKa9cfdH49W697r17rx549+691H9+691737&#10;r3Xvfuvde9+6cj697o/DpzrE/wBf9h78nDr3XD3fpl+PXvfurpw697902ePXvfunE4de9+6v1hf9&#10;R9+691mHPPtOcde697917qP7UdKOve6Pw69172117r3v3XusT/X/AGHv3XuuHv3Xuve/de697905&#10;H1hf9R9+6c64+/de6zr9B/re/de66f8ASffuvdYffuvde9+691gP1P8Ar+/de669+691737pxOve&#10;/dOde9+691737r3X2Lv5Y3/btj+Xr/4o71N/7wWA9xJuX+5Ev/NR/wDjx6nfZ/8AcSD/AJox/wDH&#10;F6PF7RdGP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fJP95EdYfk16X3W2ao8RuiCmy0nj2/uSkl2ruI/haOvXwv&#10;N/r0shSdSOQ0Qt7pIKjHEZH2jp6B9LZ4HB/PpMZ/C1u3M3lsBkU8ddh8hLjqkfgtE5Qsv9Ue2pT9&#10;CpBBIPuytqFem3QoSD5dNGvQQwJVgdSlfqCPyP6e99V6Fftz/czUbW7BiAEW/dvR1mQ0gBVydDah&#10;ySgD/VSRJN/X965H5LMOKr6H+RyOlNz30f8AiH8xjpM9abkG0t+7Vz8jhKaiy8aV7G1vtZ709UOe&#10;Denlf68e7yrrUjpuBtDg/P8Aw46ib9262096bn24VKpiszPTU1/qYNZenb/kOBkb/Y+/RtrUHrUy&#10;aGI+f8uktBPJSzQ1MLlJaeVZ4nHBDIQykW5uCPdznqgOk16FnveOFuw6zN0SeOg3fh8fu6hv+Urq&#10;OJ3N/wA3nWQ/76/tmA9tPSo6UXY76+oB/wAn+Tqb08pyG3+58F+r7rrKozaxm3qbGVEM62urXYa+&#10;B9f6c8jU2Cp+dP29Wtj2uvqtf2V/z9IvqiVYezuvWYEht542Lj+r1cSA/wCwLX93l+E/YemYfjH2&#10;/wCHoRKeBl+UTQxgyn/S/LUHj8HJPM3H+0An/bX9t1rF/tenQtJafM9Gc6dpY6rujvvMhDppcxDh&#10;11gcl5qky/14vSj/AFwRx/RPLhFH29K4hqZj/pf5DpHfKvdH2MK49Jx91W0X8ApI1I1RxSvDW5WS&#10;3LKZEix8KNxqSSqjBtrBtbLU1/1fL/L1q6YRrQcTj8vPoryMdm9ZtUL+1n+zpGpYz9JIcFRTDykf&#10;Rl/iVfGFv9GipmAuHPtT8bfJf8J6R/2SfNv8A/z9NPXeKoFqMjvPP04qNubLhTITUkhstbXuSMdj&#10;x/qhPOuuUC5FPHM1uB79Ifwjif5DzPWoFp3ngv8AM+Q6RGYy1dm8pkMzlKhqnI5Sskr6yd/q8krF&#10;2IH0AueAOALAWA9uAaRQdMu+o1Pn0MuBb/RVsU7ylAi31v2hlx2yoiR5KDFteOrypH6o5qnmGmPp&#10;OktIpZSy+2W/VbT5Dj8z6dKFb6ZNf4m+H5D1/wBXy+fQBE35PJPJJ9v9F3Q27LpKXr7bi9q5yCKb&#10;L1cslD1lhqpQwlq4/TLl5kYENSY9jaMc+SosPSE1Fhz4h0D8z/k6Wwr4C+I3Hgo+fr/q/wA3QK1t&#10;dV5Grqq6tqJaqsrah6qrqp2LSSSSMXd3Y3LM7Ekn8k+3wKdI2JY1PTvtPa2X3nnsft3CQiWur5ba&#10;5DaOGNRqlnmfkJDCgLO34A4uSAau4QVPV4ojM2kf8V0uewt1Yilx1J1tsicybPwFT9xkcsoCyZvJ&#10;gaJshKFJH2yW0UsZLaYgGLEsAtI1J7m4n+Q6fuJQB4afCOJ/iP8Aq/1cOgeLE/4D+nt3pJ0uuvth&#10;1+/cxJSRVEWLwuMgOR3LuGrsIKCjS5kmkLMoZyARGlwXb+ihmWkj6B/gHr0/bwGc+gHE+g6fuyN/&#10;UGbhx+zdmU8uJ662y5XD0LahLWzniXJV3P7lRMxYoGH7SNpAUlh7rGlMnier3E4fsTCjh8+gl9u9&#10;JenLB4XK7mzGPwOCopa/K5SpWlo6aL6szH6kmyoii7M7EKigsxCgn3pmCip6siGQgDiehx3LnsX1&#10;Bhcp1zsmthyO78rD9l2Jvem5CC3rxOMY+pIYySJpeGdrg2YBYWFBlOo8PIf5elskgtRoT4j8Tf5B&#10;/qx9vAun05PtR0g6xl/6f7f37r3Qu9a9a024qat3nvOtfb3W23nBzGYItLVyixWgoFIJlqZSQCQC&#10;IwQSCxVS1JJpwMk9Kre31974Ufz6b+y+y6nfNTRY3G0Sbe2Pt5DSbV2rSG0VPELjzTWJEtXKCS7k&#10;kgkgE3Zn3HHo+ZPE9VuLjxsDCjgP9X+odBd7c6T9e9+690PPX3WuGgwq9m9p1E2I2DSVAXG4tARW&#10;ZyYXK09ImpG8BYeuQEXUOFZAryxp5JSTpXJ8/l0tgtwo8STC+Q9f9X+rHSK7K7PzPYuSiaaKHD7c&#10;xQNPtra2PASloYLBVVFRUVpWVRrksLnhQiBUVyOMRj5+Z6auLkzn0A4DoM/bnTar59dEgfX37q5N&#10;Oha6z6rq98Cs3Bmq1dsdfYH97cW6KuyDSvqaCk1AiapYcWAYJcXDM0ccjMsgTHE+Q6fghMvccKOJ&#10;6n9kdrU2XxkGwev6FtsdbYp9MVHFdKjJyLpvVZFgbys7JqCMTzpZ7sqCP0cVO5sn/B1ee41jQmFH&#10;8/8AY/w8T8gOJA+vt7pNw6xFif8AAe/de6dMHgsvuXK0eEwWPqcnlK+XxUtHSrqZj9ST+FRFBZmY&#10;hVUFmIAJ91ZgoqeHVkQyGiip6M3JUbV+OFG0NI+N3b3TVUpjqKsWlosCsqkMsYPElWOP1AMQfV44&#10;jomTUNz8l/w9LqrZjGXPH5f6v59FZzGZyefyVZmMzXVGRyVfOamsrKpizu5+pJP0AHAAsqgBVAAA&#10;9qVUKMdIWYuanpikf1G3+397Br1XrD9eT7317oX+ruocv2JLU5SrqYtubIw15twbsyFkhiRAGkjg&#10;L2WWfTyeQkY9TkXVXYllEfDJPAdOw2pnNThfM/5v8/AdLLsHuDE4/CSdZdO00u39kQ64Mtmxda7M&#10;ufTJJLLYSpTyWIsSHkjIVljj/ZDSR1bU2T/g6UTXAUaI8Aenn/q/n0WwsB/r/wBPasnT0i6hFif+&#10;Ke9ABevdde6l/Tr3Rj+uOmsaMKOyu3K19sdf0tpqKhe6VuWYjVHFToP3FhltwVBkkUHxhUvMiV5P&#10;JePS2G2oNcmB6H/V/snpM9sdzZHfsdLtvCUabV68w9ocJtWhsiskf+blq/H6ZJf7QQXSMnjU+qRr&#10;JHpycnqk9z4vauF9PX/V6dAd7c6Trk9cC4H+J9+6uWp1jJJ/4j37rYOK9Gi2D07g9tYSHszu2Z8N&#10;tpLTYTab+mtyb21Rh4gVkSJ/qsfpdwC7mOEanYkkJ7V4/wCDpbFb0GuTA9D5/wCr0/b5joO+1u5s&#10;32TUw0MUMeA2digsOC2rjrJBEkY0xvKECpJKqcKABHGvpjUepntHEEzxPr1Sa4MuBhfT/P0DJJP1&#10;Pt3pP117aZuvdY2Jb0oCzEgAD/X97VaZ6oXpw6NVsHpjAbPwkXZveMv8Lw0WmbCbOluKuukI1Ria&#10;G6uFe11gFncBnlMUSnW3JN5L+3/V/h6Vw2tO+XA9D/l/zft9Og27Y7nz3ZtVHRhFwe0MaRHhts0V&#10;liRIxpjecIFWSRUACi3jiHEai7M1ETT9vW57gy4GF9PX7egPd+WA/r9faocOkRf06xEk/X3vqoBb&#10;rwBJsOSffurgBc9Gt676Uw+38IvZvdcwwm16ZBVYzbVSSlTXki8fljW0yRyH9ES2ll+pCRep00k1&#10;TpXJ6XQ2tRrkwo8j/l/zft9Og27g7wzPZk6YnHwnb2xsaVhxG26TTGrJHYRPUrFaMsoUaI1vHD9F&#10;1NeRrRQ6MnJ/wdMXN2Zu1cL6eZ+3/N0Bft/pH1wZiOB/t/futq+MdYxdjYXJPv3WiepIVKcB5LFz&#10;yq/0/wB9/wAi92FBnqldXDqHJM0hJJ/1v+Ne29NTU9KEUKMdYffiwHV+ve2ia9e6wv8AqPvXXuuP&#10;v3VgleuiQPqffunML1jLk/Tj37rQap64e/dX6x3sxv8AS3H+8e/daJp1xLk/4D37rStq64+/dW6w&#10;ysAef6fT37r3UcsT/gPfuvdci/4H+39+691iZgPr9T7917rCxubnj37pt/TrEz/gf7f37rwT16x+&#10;/dOde+nJ9+691iZr8D6e9EV691iLAf4n+nvRYL17rEWJ+v8AtvbZJbr3WN2I4H9Pr73Urjqwag6x&#10;e9BSeq9dEgfX26BTr3WMuT9OB7ZPHq2vrh711Xr3t1OnE697o/Hpzr3uvXuve/de6j+/de697917&#10;r3v3Xuve/dOR9e90fh051if6/wCw9+Th17rh7v0y/Hr3v3V04de9+6bPHr3v3TicOve/dX6wv+o+&#10;/de6yj6D/W9sHj17rv3rr3Uf2o6Ude90fh17r3trr3XvfuvdYn+v+w9+691w9+691737r3XvfunI&#10;+sL/AKj79051x9+691mT9I9+6915/wBJ9+691h9+691737r3WA/U/wCv7917rr37r3XvfunI+ve/&#10;dOde9+691737r3X2Lv5Y3/btj+Xr/wCKO9Tf+8FgPcSbl/uRL/zUf/jx6nfZ/wDcSD/mjH/xxejx&#10;e0XRj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yW8jj6zE5CuxeQgemr8dVyUNbTyfqSWJykiH/ABVlI95Dg1z1&#10;iAylTQ+XUIkD6+99a6FPfbHcu2to9gReuqqKYbN3WwHIyGOiRaaeRjyWrcb4mv8Al4peeLBpO0lf&#10;zH2H/Z6UzfqKH/I/aP8AY6CX270m6F7b1tz9V7v24f3Mlsqvi37hltdjSS6KHLRqfqqJqp5yPp6G&#10;NxzqZbtcH1wf8I6VIdcZXzHcPs8+gh9vdJehl7bb+N43rrsBAzturaMeMy0zEMWyWHb7CpdrcqZI&#10;lhYA82NwSPozF21X0P8AI56VXPcFf1GftHQJkk/X290l6GfsA/xjrnqDc1zJPTYiu2TXsP7H8Nqj&#10;JSIT/tVNVXA/Fj7Zj7WYfYf29Kpu5Eb8v2cOs/x5ZKnsiLBMyKm59uZXb8hc2UiWgmksTpb6mEfg&#10;/wCx+h1cDtr6EHrVo2lvtH+z/k6DXY08tFvrZ1QX+3lo92Y+bXKAPG0dZC12DCw0kc34459uP8J+&#10;w9NRfGv2j/D0PyUcifLYwpDoY79asKCw9LRGoZ/rb1IS39Tf+vHtiv6X5f5eldKz/wCr+Ho3fT+C&#10;eiq+0s/PCYn3L2hlvtyf7dPQ1UlIjfQHmoSf/YWt/UppGrQegH+fpQhK1+ZP8sf5OiQdlVUnbveU&#10;+FpKxkw1DkGwi17srJT0VG0k2RrC3CGKK08iseDGsa6iAD7VR/pJXz4/t4dJJf15NPkMfs49BPvb&#10;PHee7JpsVSyJjkaHAbUxUIJMVDTgU9DTotrl2QBmH1aV2P1Pt5F0DP2n7emJW8VsfYPs6d+xKmDb&#10;9Ni+tcZLHLDtd2q90VUDBkqs5MoWrIZeHjx6AUkX+Mcrj/On3WPu7vXh9n+rPWriTQBGPLj9v+x1&#10;G6w2hRbly9ZldxyPS7J2jR/x/d1atwTAh/ao4jdb1NdKBFGoIYgsy3KgH0rlRQcTgdUtohI2pvhX&#10;J/zdMG+d4V2+NyV+4K1Epo5dNLjMdDxFR0cI0U1LCo9KxwxgDgAFizWux92jTwxTqk8pmYt+z5Dp&#10;0662jSbmyNbk89PLj9k7Vphl925RLBhAGtHSQE2DVdc48UK/UklgDpt71I+kY4nh1a3hEhJbCjJP&#10;+Tpo35vKr3vn5cpJAmPxtNAmL2/hYP8AM0NBANFNSxD6WRBdj/acs3F7DaJoFP2n1PVZ5vGavAcA&#10;PQdJOlpaitqaejo4Jamrq51pqWmhBZ5JHYKiIo5ZmYgAD6n3c46aVSxoOJ6G3dNXTdU7dquvMLUR&#10;Tb2z1Oq9k5ulYH7WI2ZcDTSKT6V4NYymzuBHdlBVWF/VOo8BwH+XpbIRbLoHxH4j6D0/1f8AFAH7&#10;f6Q9KjZ20MzvncFDtzBwrJV1bapZ5jphp4VsZamoex0Qwryx5J4VQzFVNXcIKnpyKIzNpH/FDoRe&#10;wd34XFYaPq3ryoZ9p4+YTblz6emTPZBNOqok+pWigdbU8QJXgSEuQjBqNCTqbj5D0HSmeUIPCTgO&#10;J/iP+r/VToDy4H+J9v8ASLqZi8Xks7kqLEYmjnyGTyNQtLRUVMNTyOxsFA+g/qSbAAEkgAn3onTk&#10;9WVS5oMk9D9m8rjOk8FVbN2tWU9d2floTTb43dQMGTGRN+rE46X6icGwqJlsVYFQdekQMKPGNTw8&#10;h6/Ppa7C0XSvxn4j6fIdFtZ+T+SeSfajpB1jJJ+vv3Xuhn626ugz+Prd872r2231rgpP9yGUYWmr&#10;pFP/AACx6nmSVz6C4DBWNgGYEKzJLpOkZJ/l0rt7fWNb4Ufz/wBX+wOmjsrsup3zU0ONxtEm3tj7&#10;dT7Tau1aTiKniFx5prEiWrlBJdySQSQCbsz2jj0fMnieqXFx42BhRwH+r/UOgu9udJ+ve/de6MJs&#10;fr3b+2cDTdpdtrNBt4zX2rs5QBV5uVeQSjFSlCpsWZrB15JCMgmYeQsdK/mfTpdDAIx4kvDyXzP+&#10;r/VjiGPYnY24OyM42WzMogpKcGnwuDpSRS0FOLBYaePhQdKrrewZyATYBVVyOMRig/P59J55zOan&#10;8h6dIH3fpkY66Y2BI9+6cL+nQ2db9VUmUxkvYXYtc+2utsZJqNU9xUZWVWI+zoEuHbWVKtIoPIKx&#10;3IdomZJadq5P+DpVb2uvvkwv+H/V/wAV00dm9r1u+vssHiqKPbOwcDaLbu06LSscYUEeeoKgeape&#10;5NzcJqYLdmkeTccWjJyfM9Wmn8TAwo4DoHy/9P8Ab+3ek/WP37r3Sv2TsXcnYOcgwO2aB6uqk/cq&#10;KhrrBTRXs01RLYiKMfTnlmsqBnIUsytp49OxRGY0H7fIdDrn97bW6VxNZsrqqphzG9KuI0m7OygF&#10;JT66qXG8uqBSbF1ayFQbySgPE0kZly3DyHSpp1thoj4+bf6v9Q+3oq800tRLLPPLJPPPI0000zFn&#10;d2JZmZmJLMxNyTyTyfavpB1Hk/HujivXuoz/AF/2HvainXujBdb9O0VXhW7I7QrZNsdcUVpIdd0q&#10;8q/1SCkT/OeOWx9ags4B8YtqkjYlmodK5P8Ag6WQ24prkwvp6/7H+Hpk7T7krd7xU+2cBRR7U66w&#10;7eLC7XoAI1dUa6TVfj9MkpPqCcpGxJBd9UjaSLTxyfM9N3Fz4mBhfT1/1enQIFyfpx7fVKdI9dT1&#10;w92YV6c6xwwy1EsUEEUk888iwwwwqWd3YhVVVUEszE2AHJPA9sk149e+XRstt9b7R6cw1Hv7umKK&#10;vz9TH9xtTrFSjyyOOVlr1OpQimxZWBjjuBIJJSIAmZjIdK8PM9GCQrbDXJx8l4/8Wf5DoCOyO0N0&#10;dnZo5bcFUBBBePFYelutLRxE/ohjvyxsNcjXd7C50qqq6iBBjpLNO0xzw8h0HDN+Sfd+mesJYn/A&#10;e/de6k0GPrsrW02OxlHU19fWTCnpKOkRpJZHY2VURQWZifwB78TTpxUr/m6NzitnbL+PWLo929lr&#10;Sbk7KqoVq9tbDgdHjo2vdJ6ojUpeNhzIQY1YMIRM6h1TFzNheHr0vRFtRqfJ8h/q/wAP7PmWvf3Y&#10;e5+yM5NndzVzVEpLLRUUV1p6WIm4ip47kIoAFzyzkanZm59vIgjFB0imnac1PDyHkOkP7v15OHXE&#10;sB/r/wBPfuvFqdSsbjclm6+lxeJoqnI5GumFPR0NGjSSSO30VVUEk/8AI/p71QDPTdS5oPPy6OFh&#10;9obH+OmLpN2diCl3P2ZUwfc7f2bAySRUbHhZJT6lLows07AxxtqECSyIH9pWkMuFwPM/6v8AB0ZR&#10;wrajU+W8h6f6vX9nzLFv7sPc3Yublze5q5qiblKOiiutPTRk3EcEdyFH0uxu72u7Mfd0jpw6TTXB&#10;kOfyHkOkGzX+psPb4WnSUtXqOfqf9f3vq6p1IoaKsydZTY/HUs9dXVk601LSUqs8kkjkKiIigszM&#10;TYAAkn37q1c0GT5AdHH29sHZXQWGpt89sfb5re8yefbexoGSUQyDlZJR6o5JY/7TteCH8eWfxgJH&#10;lMp0rw8z0YRQLbgSS8fIf6v8P/F9Fl7J7Q3R2hmmy24as+CJmGMxMBIp6VGN9Mak+p2FtcjXd7C5&#10;0hVV+OIR8P29Ibi5a4OeHkPIdBz7c6SF6ddEgfX37qmW64BWlayj37pwDSOsjSR040pZ5rct+B/v&#10;v+R+/dV+P7OoLMzksxJJ+pPv3TnDrj7aZvLp8cOve6db68eOffuvdYCbkn6e/dOqBSvWIv8A0/2/&#10;v3Wi/p1jJJ+vv3TZNeve/dWTj1jL/wBP9v79091j9+6Zfj176cn37qyYr1jL/wBP9v7914v6dRnN&#10;z/sPfutpw64e/dWJp1iL/wBOP8ffut9cPfuvdYn+v+w9+691w9+691wLgfTk+/dUL06xkk/X37ql&#10;anrG5IHH9fdXNB091i90CV49UL04ddEgfX3fC9aQknrCxub/AEHvw7s9OdYy9vpz7t17rEST9ffu&#10;vde9sHj17r3vXXuve3I+nI+ve6vx6c697r17r3v3Xuo/v3Xuve/de697917r3v3TkfXvdH4dOdY5&#10;Px71H17rH7c6Zfj1737q6cOve/dNtx697904nDr3v3V+sL/q/wBf37r3WUfQf63tg8evdd+9de6j&#10;+1HSjr3uj8Ovde9tde697917rE/1/wBh7917rh7917r3v3Xuve/dOR9YX/UffunOuPv3XusyfpHv&#10;3XuvP+k+/de6w+/de697917rAfqf9f37r3XXv3Xuve/dOR9e9+6c697917r3v3XuvsXfyxv+3bH8&#10;vX/xR3qb/wB4LAe4k3L/AHIl/wCaj/8AHj1O+z/7iQf80Y/+OL0eL2i6Me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U9vVv70bewXYcP7lfIU2rvS31/iNLEPtax/+1lQoGLf2qiGoP595Bp2kr+Y+zrEeX9RQ/wCR&#10;+0f5x0FJJP19u9J+hU6zkTNruHrqqdVi3pQA4RpLWjzNFrnxxBN9P3JMlKxHJE4/1I9tS9tG9P8A&#10;AelNuddUPnw+0Z6Cx0eN3jkRo5I2KOjggqQbEEHkEH6j270mIp0uetNx0m2d64auyQD4WrkfC7gh&#10;b9L0FdG1JVah+QkUpcD/AFSj23Kupf8AB9vT1u+hh6cD9h6YN37fq9p7nz22qzV58Lk5aAueNaIx&#10;8co+npljKuP8GHHuyNrAPVJE8NiPT/B0IuAtuXpneOCsr5DYufpt7Y0fWRqSrUUGQRf6RRMIZmHH&#10;PPPPttu1wfUU/wAvT6fqREfwmv8Aq/n0ChYD/X/p7e6S9DPhGfO9Fb3xdgz7L3ljd2xD+0Ia+OTG&#10;zBfyUV1jZgOATqP5PthhpkB9QR+zPSlTqiIzg1/b/qPSZ6fyP8K7R2FWF1iX+9FJSSSMbBUqJRTu&#10;WJIAULKbm/A93lFVP2dUtzRx9tP246iblpf7udn5uhAU/wAG3zPDEDYKVhrm0HiwCsqg/iwP0Hvy&#10;9yD7P8nW27Jf9tX+dejIVkP23zJhFnEcuWgqlLj6+TBo7EcC6hywH9LW+oPtP/oP+r16Vf6P/q/h&#10;6OfvfLxbM2Lu3PUSw08mKw1dlqRSPQ1XIssyFv6+arkBP9Sx9pVGogfPpZIdIJ9AT1VpjmOz+tcp&#10;nnJXO9jzS7Yw9zZ0xNM8cmUqR+bVdSI6VT+VSpXn2YnvYDyGfz8uinV4MdfNsD7PP/N1F2GE2xis&#10;v2XWIpqMTJ/BNkwuOJMxOhb7kD8piqYtOfx52ph+T79J3HR+Z+z/AGeqQnQDKfLCj5n/ADdBpTU1&#10;bla+CkpYqivyOSq1p6eGO7yzTTOFVQOWd5Ha39ST7cOOkoBc04kn+fQx9m1tJsrC0HT2EnimkxNS&#10;Mt2DkqcgirzJS32yyDlqbGofGq8Ay6mZRIt/bMQ1nWfy+Q6V3DCJREvllj6n/V/k6B/B4XJ7lzGN&#10;wWHpnrMnlatKKip0/LubXJ+ioo9TMeFUFmIAJ9vM2kVPSREMhCjiehN7HzmMw2Oo+q9p1EdRgtuV&#10;Zqtx5invbLZjTonqL8XpaTmGnX6EKZPVqVvbcYr3HieHyHSq4cIPCXgOJ9T/AKv9WOgZLgfTn270&#10;j6HrBww9QbXpd65OFJOxt10LNsLGVK3/AIXRSAo2cmjI/wA/MpK0asAPrNZwLBgnxjpHAcfmfTpc&#10;g+kXWfiPwj0Hr/q/z9AJLLLPLLPPLJNPNI0s00rFnd2JLMzEkszE3JPJPJ9v9Iia5PU7D4fJbgyl&#10;BhcPRy1+UydStJRUkNtTuxsBckBQPqWJCqAWYgAn3okKKnraIZDQcT0N+8sziurtu1nV20KyGt3D&#10;kkVOzd20huJXAJ/g9E4J00lPqKzsOZX1K1hrjDCL4p1H8h/l6WyuLdfDTifiP+T/AFf4a9F4LE/4&#10;D2o6QdZ6Ojq8jV01BQU09ZW1s6UtJSUyl5JZHYKiIigszsxAAHJPvRNOtqpY0HHoxNbV0PQeGfEY&#10;yalrO5czSGLO5anZZk27SyrzR0ji6fxOVG/dlUnxi4Q2KszA/WNT8P8Ah6XkiyFBlzxP8I/1f5/T&#10;otMkskrs8jM7uxd2Ykkkm5JJ5JJ+p9qOi8mvWP37r3Q2dYdYUWdo6zfe/Kx9v9Z4B9WQyDXWXITK&#10;eKGhH6pJJG9LMtyt9K+u5RmSSnauSf5dLLe21jW+FH8/9X+wM8Gfs/s+s7ArKOioqRMBsrAJ9ptX&#10;atJZYaeJRpEkgX0yVMi/qbnTcqptqZrRx6PmTxPVLi4MxoMKOA/1f6h0FftzpN1xLAf6/wDT37r3&#10;RkNobH2511gcf2f25SyVD1Z+42N10wVZ8i6jUlVWo/8AmqFGKtZgQwsWVwyRTJ3cyHSv5n06XxQr&#10;bjxJP9qvn/q/wfbjoG99b83F2Jn6ncO46wz1EpKUlJHcU9LDf0QU0ZJEcSD/AF2Y3dyzksXUQRig&#10;6SzTGY1P5D06Rvu/TXXRIH19+690YbYnWWCwmAi7R7fabH7QDg7d2vHda/Nzj1IqxnSyUbWuWupd&#10;btqSKzumklLHQnHzPkOjCC2CDxJcDyHmf9Xp+ZxxDjsvtHPdkZSKeuWHGYTGx/bbe2vjvRR0MCgK&#10;qxxgKrSlQNcmkFrBVCRqiK7HGI/t8z0xPcmY/IcB0GRJP19udMqST1179070JfWvV+d7JyMyUbxY&#10;rb2LHn3FunIWWkooQNTFmZkWSbQCVjDDj1OyIGcNySiP7fIdPwwGY+g8z0IG9+08FtjB1HWnTYmx&#10;+3XBi3Hu83WuzD2s37mlJI6blltxrQlFVIiwkaWOp1Px8h6dOyTgDw4sDzbzP+r/AIrHRbCfyfag&#10;GvSMjTjrgXt9Ofe+vdcAGdgoBZmOlVHJJP0AHv1evAV6NDtfrLa/WOFpOxe60L1M8Zn2n1px9zWy&#10;LYo9ajf5uFSQXRhpQFfNdj9uyV5DIdKfmel8cSwDXJx8l/1f6h59A12X2huXs7MfxLNzLT0NJqiw&#10;uCpCRS0cRtZI0+jSMFGuQjU5A+ihVV6OIRjH7ekU90Zj/g+XQYkk/X3ckL0nALde9t6ix6cChenX&#10;A4HNbpy1Jgtu42pyuVrpPHTUlKt2P9WJ4VEQcs7EKouWIAv7uzBBU9OohkNB0arRsf4yUKvUDHb4&#10;7tqqbXFAPXQYPWtgWPDGbk8+mWQAACCNtUiAEzH0X/D0tULYivFz/q/Z/M/4Cnbl3Pnd4Zmsz+48&#10;jUZTKVz656mc/QD9KIosscSDhUUBVHAA9qAAvDpDJIZDqbj0w+99V6xORx/h7917pUbN2VuTf2cp&#10;tv7Yx0uQr5zqkYcRQR3AaeoltpihS/LH6myqGYhTVmC5PTkSGQ0A6NBX53Y3xpoJsLtRqHeXcVRT&#10;tT5jckih6XFFwQ8MK3Ol0+mi+tyC05RSsBT6TOc4X/D0vZltB6v/AIP9Xp+3on+YzOV3Bk6zM5uv&#10;qcnlK+XzVdbVsWd2sALn8BQAFAsFUBVAAA9qQNOB0XO5kNWNT02e99UJp1jZiDYce/dWD1GOlXsn&#10;Y25ews3BgdsY962qks9RUNdYKeK4DTVEtiI4lvyeST6VDMQp0zBBU9XiiaY0X/YH29GlyW4th/Gj&#10;G1GA2f8Aabw7bq4DT5rcc4DQY4lfVFGoPo0k8QqfI5u1Q6qscRTUM+eC9GJKWAoO5zx+X+b7Oic5&#10;vO5bcWTrMzmq+pyWTr5TNVVlU2p3Y/7YKqjhVUBVACqAAB7UhQBQdF8kxkNT0zFwPpyfe+musZJP&#10;1Pv3XulFtLZ+4t9Zum2/trHTZCvqSSVSwSNFtrlmkayRRJf1MxAFwOWIB0zBBU9OIrSnSvH/AFZP&#10;Ru5qvYnxexrUmLNDvPuGupNNRWsCafHCRP0r9HijIb6ArPUL+owRMoCNmM/yHRoESxHq5/1fs/w/&#10;4Cc7m3Nmt15Wszm4sjPk8pWm8tROfoOdKIosscSfRVUBVH0Ht6NKcOkE8xkqzHPSX9v9ICxPWMv/&#10;AE/2/v3Vgnr10iGQ/wCF+T72Fr1tmCD/ACddyTBB44v+Qm/331PvZNOHVQpfLfs6h+69O9e9+6sF&#10;r172wePTox173rrfXBmABH1P09+691Ecm5H49+69Xrj7917r3v3XuuL/AKT791tTQ9YffurF68Ou&#10;BcD6cn37qnWJm/JP+w9+62BXrEXJ+nA9+6cCU64e/deL04ddEgfX37qlC3WD37p7rgz2uB9f6+/d&#10;Nl/TrEST9ffuvK1Bnro/Q/63v3VS1esHv3VeuJYD/X/p791scesTNf68D37px+HWIv8A0/2/v3Wg&#10;nr1j91YV6v8ALrE/1A/FvewKdb64e99e697917r3tg8evde96691725H05H173V+PTnXvdevde9+&#10;691H9+691737r3Xvfuvde9+6cj697o/DpzrHJ+Peo+vdY/bnTL8eve/dXTh1737qj8eve/dXTh17&#10;37q/WJ/r/sPfuvdZB9B/re2Dx69137117qOeCR/Q+1Az0+M9e90fh1vr3trr3XvfuvdYn+v+w9+6&#10;91w9+691737r3XvfunI+sL/qPv3TnXH37r3WZP0j37r3Xn/SffuvdYffuvde9+691gP1P+v7917r&#10;r37r3XvfunI+ve/dOde9+691737r3X2Lv5Y3/btj+Xr/AOKO9Tf+8FgPcSbl/uRL/wA1H/48ep32&#10;f/cSD/mjH/xxejxe0XRj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yjOuclRff5HaWaqI6bAb4oxhKyqnNo6WrD&#10;eTG17H+yKWs0iRvxTyTj+17yEkHmOI/wefWI0DZKng2Pz8ukPksdWYjIV2KyMD0tfjauShraaT9U&#10;csTmORD/AIqyke7g1z0yw0mh6xUlZUY+qpa+jnkpqyiqEq6SpiNmjljYPG6n8MrKCP8AEe/EVx14&#10;HSajy6EPtKmpqrI4re+KhSDE9gY7+PeKIWSDIK5hy1Iv0sIa1WdB/wAcpYj+fbcRp2+mPy8un7gV&#10;IccGz+fn0Fnt3pP0MHYv+/j2vsPsNDrqK3GnZm5nHJGRxCpHDJIf9XVY14GsB/Yb/Ysx9pK/mPsP&#10;SmbvUP8Akft/2eonSuVpaXf1Dh8izLht6UVRsfLqv9qLJxmCO9+LJVGJ/wDDTe9x73MKrUeWf2dV&#10;tm0tQ8Dg9Bnl8ZV4TLZPDV6eOuxOQmxtYn9JYJGikH+wZT7cU6hXpll0kj0NOhZ6Q/3J5rdWzCvl&#10;O+NiZPDUcJ/NZDD99SuB/qkelNvr9T7amwA3oQelNqakr/ECPz/1V6Bygr5MfX0NfDcSUNZFWR2N&#10;jqidXHP45X26RUU6To2kg+hr0LfyGooqTtzdUtMS1JlDSZmlksRrWqoqeVmGoA2Mpb/jRuAzbGqD&#10;9n8+n7sUc/l/gp0abH4Kpznyrp9xQoYqWi2VDuSqb6oRUY046NY2sAQXnuP66HP4sEwekVD60/y9&#10;LDH+rUeS1/bUdCd8gqfI5Hr5dqY3R99vfcuO2vSFzwpeoFU7n+iLDSOz/wBEDE/T3SE6Wr6VPTlw&#10;NaaRxNB/PP8AKvVdm86g7535Q7b2fDLV4rH/AG2xtlU35kp6dvDHKxPANXOz1EjG1jKzNaxsuT9N&#10;at9p6KJj47hV4Cir+X+rj6dQOx8xjnr8ftXAzpPtrZNIcLjqiE3WsqS5fIZL/E1tVqKH8QJCg4Ue&#10;/RA0qeJz/mHWrlwSEXguB8z5n8+ldsCNOvdqV3beShQ5erebb3WdHUKG1VpQrVZXQwIaLHxsVQ2K&#10;mZtJswU+6yHxG0D7W+z06dgHgL4p48FH+X/V/m6AmaaWomlqJ5HmnnkaaaaUlmd2JZmYnksxNyT9&#10;T7f6RE6jU9DnAR1FslMgzeLsfsTFMuNjt+7h8HLdWqeeY6zKi6xkeqOBSwKu1vbB/Vb5D+Z/2Olo&#10;/wAUSv42GPkP9X+rHQBFif8AW/p7f6Q9C/11tnEUONrOzd70/m2ngKkUuIw8nBzOV064aJb/AFpo&#10;reSpaxGgFLNdgGZGJ7V4n+Q6V28YUeI/AcB6n/V/qweg+3TubL7xz2S3HnalqrJZOczStzpRQNMc&#10;MSknRDCgCIv9lQB7cVQgoOmJZDKxY9MUUUs8scEEck000ixQwxKWZ2YgKqqASzMTYAck8D3bqgFc&#10;DoxVZPD0Pt18ZSPG/cW6ccFy1ZGbnbuPnUMKaFgRpydUhUu45iThbel5Ew/XNfwj+Z6Xk/RrQfGe&#10;P9Ef6v8AVw6LWSSSSSSTck/n2p6L+u0R5HSONGkkkcJHGgJZmJsFUDkkngAcn37rwFejH6KPoHDL&#10;PULSVndWapQ9LTOFlTbVHPHcSyA3Q5WdG9IN/Ghv+n/PJ/7c/wBH/D/sf6vsX4sx6uf+Mj/P/q4c&#10;S2VFRPV1E9XVTS1NVVTNUVNROxd5JHYs7uzEszsxJJPJJufagCnSEmuT1h9+610NvV/V9HnaKs35&#10;vysfb/WeAfVkMg11myEqnihoR+qR3b0sy3IJ0J67lGZJKdq5P+DpXb24fvfCj+f+r/YGembs/s6s&#10;7AraOioqOPAbL2/H9ntTa1JZYqaFRpEkgX0vUyKPU3IX9Km12a0cej5k8T1W5uTOaDCjgP8AV/qH&#10;QVEgfX250m6xlixst+eAB9ffuvdGc2ztLb3TWHx3YfZtImR3dXwGt2J1xMPUGH+ayGTBv4o0blY2&#10;FwR9GlBSJMzGXtXh5nowjjFqNcnH8K/6v9Q+3HQDbu3huDfOcq9w7lyEuQyNU1gWuI4o7kpBBHci&#10;KGPUdKj+pJuxJL6IEFB0jllaY1b/AIrpM+7dN9cC3NlFyePfuvdGc2rsHbPVmEo+x+46X7zJ1S+f&#10;ZnWEllqKtxYx1VejEmKlQ8lHUqOPIGYiB07OZTpT8z0vSEW41ycfJf8AV/qH29Ajv7f+5Oxc7PuD&#10;clWJqgr4aKjhGmnpYASUgp47kJGt/qbsxuzszEkuxxiMUHSaaZpzU/kPTpCe79VCevXvfurEheho&#10;6y6im3jT1O7N0167V61whMua3JVegzaGAamogwbyTMTo1BWVWIULJJpiZmSXRgZPp0ptoDKNTYUe&#10;fr1m7L7eizmOg2HsDHnavWuKIjp8bB6J8gykE1NeysTIzOusIS3q9cjO4UpqOKh1Nlj/AC63NPr7&#10;Uwo/af8AV/xfQDswH+J9usurplWC9YyxP+t/T3sCnWia9TcZi8jmshSYrE0VTkclXzCno6KkQvJI&#10;5+iqq3J45P4ABJsAT78SFFT1tVLmg49GspcTtD43UMGY3OlBu3uWpg+4w22o3WSkw2tQY56plvqm&#10;W+oEWZvpDpUfcFESZzjC+Z9elwC2eTl/L5f6vX9nn0V7de7c/vTNVm4dy5GbI5Kse7yymyoo/TFD&#10;GPTFEg4VFAA/1yT7VRgAY6LpnaVqnpMM9+BwPbnVQlOPXD22VqevFqdL7rzrXdPZ2bXC7aoy4TS+&#10;Syk91pqOJiR5J5ADa9jpQAu5BCqbG2ndYhn/AGenIIWuWxw8z5Dods/2HtDo/EVmxenJIMtu6qj+&#10;13d2bKqSNqH64KD9aAK30KkxR2v+9NeVEukzGrcPIdL5JVtuyPJ8z/q/4r+fRQaioqKueaqq55qq&#10;qqZWnqKmoZnkkdyWZ3diWZ2Y3JJJJ5Pt/otaT8z1h9+6aJr1iLk/Tge/dP8AQr9V9Pbl7Sr5DRBM&#10;TtrHvqzu6a8WpqZFGp1QkqJ6jRyIwQBcGRo0Or23JIIxnj5Dp+CAzHHDzP8Aq8+hS3n2/tnrzCVH&#10;W/RQNNTNeLcfYHBq66SxVvtpgFYILkLKLKov4FUfuNRIS/c/5DpS86wDRF+bf5vU/Py8uimMzOzM&#10;zFmYlmZjcknkkk/Un2/0Xk1yeuvfuqF/TrosB9f9t791QAt0LnVPTW4u0a2WojZcJtXHtqzO6K5T&#10;4YlUBmjhBKiefR6tIYKosZHQEE0eQJ9vp0tt7VpuHD1/zf6v83Qob47l2xsDCT9bdEp9nRC0Wf30&#10;LGprJVGlmgmUKXP1HmsEW7CmRV0ylpYzIav+z/V/g6VyXKwDRF+bf6uJ+fRRnd5HaSRmeR2Lu7kk&#10;kk3JJPJJP1PtR0Wk16xv+k+/dOFaDrD79030KvV3Ue5u0coafFxiiw1HIpzO4awEU9Mh5Ki1jNUM&#10;v6Il9TXBYpHeRaSSCIVP5D16egga4NF4eZ/1cT/qPQ4bu7V2l0/hKrrvpgRTZRv2dy78l0SSSSrc&#10;MInsUlkU3C6f2IRfxh5GZ1S6WmNW/IdGLSpZroTj5n5/5T/L/B0TeqrqirnmqZ5pqipqJWmqKmoY&#10;vJI7EszszEszMSSSbkk3PPtSqU6LGkJ/z9QvbnTZz1jkIC8/19+60Fp10iFhrb0Rjm5+p/4oPdgt&#10;c9NvJTA49cJZtQ0R+lPp/r/8a9+LenXkSmTx6j+69PAV697904Ep1737q/XRIH19sHj17rGXJ+nA&#10;96691w9+691hf9R9+691x9+691xY2HH+t7917rAzW+puffutV6xFif8AW/p791vrj7917rG/49+6&#10;urU6x+/daLFusZf+n+39+6sE9esfv3ViwXrokD6+/dNklusJtc2/r791YJ69cGYL/iffutPx6xFi&#10;eSePfuqdYS9/px7917rh7914Y64P9B/r+/dXVs56xe/deL1697915OPWJ/r/ALD37p3rh7917r3v&#10;3Xuve2Dx69173rr3XvbkfTkfXvdX49Ode91691737r3Uf37r3Xvfuvde9+691737pyPr3ur8OnOs&#10;cn491j691j9udMvx69791dOHXvfuqPx69791dOHXvfur9Yn+v+w9+691kH0H+t7YPHr3XfvXXusB&#10;+p/1/b44dPjh117q/DrfXvbXXuve/de6xP8AX/Ye/de64e/de697917r3v3TkfWF/wBR9+6c64+/&#10;de6zJ+ke/de6836T7917rD7917r3v3XusB+p/wBf37r3XXv3Xuve/dOR9e9+6c697917r3v3Xuvs&#10;Xfyxv+3bH8vX/wAUd6m/94LAe4k3L/ciX/mo/wDx49Tvs/8AuJB/zRj/AOOL0eL2i6Me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SP7yI6w/6EvdxTc+2sLvyCz5KAx7U3oq/X7uGI/YVz/wDawooirN/anppnPqfl&#10;pOwlfzH+r5dPyfqKH8+B+316C0kn6n270x0K+z77r2ZujYj+vI4pZN+bRU/qaWlhC5WkT+0TU49B&#10;MqgcvSgDlvbT9jBvyP8Ak6UxfqIU8/iH+XoJC9vpz7d6TdC71v8A7+bb2+uupLyVWVxY3ZtePkn+&#10;J4lXlaKNQP11ePedOfyqj68+2Ze0hvyP2HpTD3gp65H2j/P0EUM8tNNFUwSNDPTyrPDKhsyuhDKw&#10;P4KkXHt456Tg0yOhd7ujgrdw4be9DGiUPYm2qTc7CIWRKzR9vkIRyfWlVCzN9Rd+OPozCaDT6GnT&#10;9yMhhwIr/q/l0h+vc/8A3X31tPcDNpixmfpqiqN7fseVVnF/xqhZhfm1/ofp7vIupSOm4W0MD8/5&#10;dSOz8D/djsLeOECGKGi3BUfaI3BFPLIZqf8A28EiH/H3qJtSg/Lrc66HP21/bnpcd3Fa6m6o3LGp&#10;H8c6ux9PVyEH11VCZKedrkkn+wB/gAbm/ukGNQ/pHq94TRG9V/2f8vVivXWJoTiMFu+IBq3cmwsF&#10;STlRdQlNTSzRlWJuFf7sgj/aVJuTwXSKa09Cf5/8V0bLRu4eYH7OP+XoN/k1uiLauyIapJ0XLVxq&#10;cLgYv7cctXAaeprE5BHgxslTCCP0vUxngge3rddRp+Z6YupfCQnz4D7eiF7WY7O2fmN9uujMZvz7&#10;P2SXFmQyRactkY/ob01LKKeNx9JagsPVFwtfvOnyGT/k6K4v0UMnme1f8p6S+wNn1O+t0UGBimWj&#10;pG112ayklhHR0FOvkq6qRmIULFEDbUQGcqt7sPdpH8MV/Z9vTUEPjMF/b9nTn2fvKk3ZuCOPDQmh&#10;2jtujXb20MdbT46KAkLK6j61FU95ZWN2LNpJbSD71EmgZ4nJ6tcy+K2PhGB9nTl1ltzFNFlew94Q&#10;CXZWzGVpKKQhTlck41UWKivfV5GHknIDaIVJYANf3WVzhV4n+Q9er20YzI/wr/M+n+r/AAdB9ujc&#10;uV3hn8puTNzCfJZWqNROVFkQcKkUaknTFDGAiLc2VQLn6+3FUIKDpPJIZWLHz6fevtkyb1zEsVTV&#10;riduYamOX3Xn5R+3RUMfMj/Q6ppLaIUAJeQjiwYisj6B8/Iep6cgh8Y+gGSfQdSext7x7uyNHRYi&#10;lbE7M2zTHE7PwX0EFMCNU0oBIesq2HknckszEAswUH36NNHHieJ63cTCU0XCjAHQblwPpyfbnSfo&#10;w22qKk6c25R9h7ipYKnsDP0xm6425WKGFFC11/jdZEx44v8AaoynUwDjm7RMMfGOkcPM/wCTpfGv&#10;0i62+I/CPT5n/V/sF/r66sylbV5HIVM1ZXV1Q9XWVdQxZ5JJGLO7MfqzMbn2+BTpCzFjU8T1BLc2&#10;UaiTYW9+610ZDDY+g6MwVHvHcdLFW9qZ+habZO2atVYYaFvSmXr4nBtVH600TLwblhrDeFgnxjQc&#10;BxPr8ul6KLMam+I8B6fM/wCr5etC75HI1+Xr6vKZSrqK/I19Q1VWVlUxeSSRzdndjyST7eAp0iZi&#10;5qck9Qve+q9DB1r1rTbhp63eW8659vdbbecHMZci0tXKLFcfj1IvLUymykgERggm7FVLUkmnAyTw&#10;HSq3t9fe+FH8+onaHaFZ2BWUdFRUabf2Vt9PtNq7VpLLDTxKNIllC+mSpdf1NyFBKrxqZvRReH8y&#10;eJ61cXBmNBhRwH+r/UOgmL/0/wBv7d6TddIkksiRxo8ksjhI40BLMxNgABySTwAPfuvAV6NHhtuY&#10;PobEU28t+UdFmezcjAJ9l7CqCHTHhhdcjlEB9MiE/txmxDCynyhnpk5bxzQcPM+v2f6v9kwVBaDU&#10;2WPAen+r/iui7bl3NnN35qu3DuLITZLLZCTyVFTNYcDhURFASOKNeERQFUAAAe31UKKDpFJIZTVu&#10;mAsB/r/0976p16KOeqmip4IpJ555FhgggUs7uxCqiqoLMzMQABck8D34mnWwK4HRqcPtzbPQGMo9&#10;27/o6PcPaNbCKramwJmV4ccG/wA3kMiV1DyRspKIPo1gh8gaWnTFjOaLw8z69GCxizGp8seA9P8A&#10;V6/s6Ljundef3pm6zcO5MjNkspWveSaXhUUX0xRILJFCgNlRQFH9LkkvqoQUHSGSQymrdJx/0n3b&#10;rS4PWH37rZevDowfXnVGIhwg7M7ZqpcFsGlIkx+LF1rc1ID6IaaMMkggkP1dSGZblWRNU6J5JjXS&#10;mT/IdK4LYAeJJgenmf8AV/PpG9o9t5bsSopaGKni29szCKKfbe0qCywU8aKEV5NCqJZ9AtcjSgJW&#10;MKCxa0UIj+ZPE9VnuPHPoo4D/V/qHQQlyfpx7e6TF69cPfurIKdKnZ+zNx77zdPgNs46XIV8/rkI&#10;4ihjBAaaoltpihS4BY/UkKoZ2VTV3CCp6fjjMpoP+K6Mbld0bP8Aj1j6nbXX81FujtKqhal3HveR&#10;VkgxxYDXTUK+pDIhHIuwVxeYuR4I04Uz5bA8h69KmkW1GlMt5n0/1en7eimV1fW5Osqsjkaqorq6&#10;tnapq6uqdnkkkclmd3YlmZibkk+3nFB0hJrk9N7/AF/2HvacOtE064e79NFiehp6r6ZynYC1G4Mt&#10;Vx7V6+xF5c3u3JFY49KfrjpTJZJZBazMT44/7RLaY3YlnEeBk+nSq3szL3NhfX1/1evSk7F7oxlN&#10;g5etOnqOTbOwog0OSycepK3LsQFklmkNpUhmC2YN65Esr6I/2Q3HEWOpsn/B07Ld07I8D1/1f4eJ&#10;6LIWJ/wH9PakKF6TdcfbPSfriWA/1/6e7Ba9e6ML1j0hFlcU3YPZuQbZ3W9Daf7ipPjqcj/SOlQg&#10;uI3PAcKWkJ0wqxuyJ5JdOFy3+DozgttY1Phf2V/zD/D5dQ+1u75tz45Nj7FoBs/rXHH7ekw9F+3L&#10;WIpOmSsKkkqx9Xi1MCx1ytI9itoIaHU2T1ue61dqYXh6V/zD/Uei8e1T8OkJanXRIH19tAV6bJLd&#10;cC9+B/t/fiKdWCU49GU6x6Mp6zEt2J2tWnanX1HGKuJKkmKpyI4KLEti6QS/QMAZJSQsCsW1qxJL&#10;pwuT0YwWmoanwo/L/iv8PTZ2v3pUbso49mbKov7o9cY5BSUmIpAI5KpF+jVOj6RkjV4rtqb1ytI9&#10;tPkh0mrZPTdxeeINEYovD5kf5B/q+XRcvb3SbrgXA/xPv3VC9OsZJP1/2Hv3ThavHoxHVPRc256E&#10;7333WHaXXNApq6jI1bCKWsjQ8imL8JET6TMQVudMQke4VqSXRgZPp0qt7QzdzYX9lR/kHz/Z69S+&#10;0+94shjP9HnVtGu1evqJDRmSkUxVFcv9ssT+5HDKeW1EzT8tMwDtEKRxV7nyf8HVrm+CjRFgeox+&#10;z/VnorrEk8kmxsPailOkQNR1x9+691wL/gcn37rR65+MIvkmIvf0of8Ainuwp59J9RY0H7eokszS&#10;H+ij6L/xX34tXp5ECdYvder9e9+6dTh1737q/WMv/T/b+/dNl/TrH7YPHq44ddEgAkmwHvXHrfDr&#10;A834T/ko+3Anr02X9OuKkkAkkn+p91bj1ZeHXZIH1916t1glfiw/r9fdkFT1VzQdR/dem149dEgf&#10;X3sCvTpNOsZcn6cD34inXga9YmbT/sfeurqurrEST9ffunML11791QvXr3v3VOsBJP1Pv3T2F669&#10;+6bL16wuQTx/T37qvXAkD6/7b37r3WD37r3XR+h/1vfuvdYCSfr7917r3v3Xuve/dXTj1if6/wCw&#10;9+6d64e/de697917r3tg8evde96691725H05H173V+PTnXvdevde9+691H9+691737r3Xvfuvde9&#10;+6cj697q/DpzrHJ+PdY+vdY/bnTL8eve/dWj69791V+PXvfurpw69791frE/1/2Hv3Xusg+g/wBb&#10;2wePXuu/euvdYD9T/r+3xw6fHDrr3V+HW+ve2uvde9+691if6/7D37r3XD37r3Xvfuvde9+6cj6w&#10;v+o+/dOdcffuvdZk/SPfuvddn6H/AFvfuvdYPfuvde9+691gP1P+v7917rr37r3XvfunI+ve/dOd&#10;e9+691737r3X2Lv5Y3/btj+Xr/4o71N/7wWA9xJuX+5Ev/NR/wDjx6nfZ/8AcSD/AJox/wDHF6PF&#10;7RdGP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fJBLE/639PeRHWH/S66/zFDRZOswWckWPbW8KL+7+bmcXFNrdX&#10;pcgB/q8fVKk39TGJI/o5u3IKio4jI6egYA6TwOD/AJD0lc7iK7buYyeCykXhyOJrZKCriHI1xsVJ&#10;VrDUjWurfRlIYcH3dW1Co6bdChIPl1y27n6/bOexG4cawWtw+Qjr6cN+ljGwYxuP7Uci3Vh+VJH5&#10;96ZdQp15HMZBHl0pOy8DQYXcrVeDVv7sbmo490bYZvxR1l28B5Nno5hJTuCbhojf6+6xtqGeIwen&#10;JkCmo4HI/PpNbZ3FV7U3Fhdx48g1mFyUORiQmwfxuGaNiP7Eigo3+0k+7OusEHz6pG/hsD6dKXtf&#10;AUmA3pkP4SB/d3PRRbq2y6CymgyCfcQKo/pAWaE/X1RkXP190hYsueIwftHV7hNDY4HI+w9KaALu&#10;roushJ15Pq3dK10Woi4xWaIikVF/V6MjErsRcAPyBe/up7JP9MP5j/Y6cH6kXzU/yP8Aq/l0BxcD&#10;/E+3+kRenQ1d13y8uwN8BmkO8tg0UuQmPOqvoAaCsF/zbwx/488/4sw4qvof5dKLwatL/wAS/wA/&#10;P/D1N3LFLnuiOqq6GJpp9u7ry+z2Maksz1jpXwRk/ltCkIP6XsL3J0p0u3zAP7OtyL4kKHialf21&#10;/wAw6su2rh5Nvbb2dt6ofy1GA25S495Q9tT0tLFTOdAFnW5+v4uLfX2gY6iT6no3QBQFHkAP5dEl&#10;+VMGZ3b2tsTY+OtM02CjeghPCxz11ZURTyO39mNYaSNnY8KiFjwCfau2oqlv9WOi69BmkVB6f4f+&#10;K6LJ2JnaHK5uLGYORn2ttSiXbe2vwJIIGYy1hX6CTIVTSVL/AJ/cCnhR7URrQVPE5PSO4cM1F+Fc&#10;D/P+fS5zL/6Lut4Ntx2i3v2bRxZbczrbyUOEvroqAkDVHLXuPNOtwfGEjkWxF2l/VavkvD5np5/8&#10;Wj0/ibJ+Q9P9Xz6CXae2MpvTcWL23iEVq3J1AiEslxHDGAWlnlIHphgiVnc/hVP59vO4QVPSWKIz&#10;MFHS07P3Piap8VsbZ8xk2PslHo8dVBQpyNY5/wAtys1idTVMgtFc+iEIqhbke24kIqx4n+Q9Onrm&#10;UGiL8K/zPr/q/wAvQd4TC5PcWWx+Dw1JJXZTKVS0dFSxfVnc8XJsFVRcsxIVVBZiACfbrMFFT0nR&#10;DIQo4noV+w83i9p4dOpdo1kVZQ0FUtXvncFLwMrlI+DGjfVsfjzdIQbB3DSWJ0sWYwXOtvyHoP8A&#10;Z6VzuIh4S+XxH1PQHFif8B/T2/0i6HDrra+GwGFftrf1KtRt7HVJp9o7cnFmzmSQnSgU8HH0rrqq&#10;HIKEqY7OQ0bMyMWOlePmfQdLIIwg8R+HkPU9BbuzdeY3nn8juTP1RqsnkpvJIVGlEUALHDEg4jii&#10;QBUX8Ac3NyXFUIKDpPLKZm1H/iukyWJ/1v6e7dN9GD2hgsT1bgKHs/e9FFW7gyUZn6z2ZWK37sqF&#10;SuXr0upWjhJDQqeZSQy2GlgwzeKdK/mf8nS+KMWy+I/H8K/5f9XD7egRz+ey258xkM/nK2XIZXKV&#10;LVVbVTWuzN+ABZURRZVVQFRQFUAAD28qhRQdI3cyHUeJ6aPe+qdDB1r1rTbhpq3ee8619vdbbecH&#10;L5ci0tXKLFcfj1IvLUymwJAIjBubsVUtSSacDJPAdKre31974Ufz6bOy+zKjfFTRY7G0Me3tk7eQ&#10;0m1dqUZtFTxC4801ifLVyi5dzc3JAJuzP6OPRk5J4nqtxceNgYUcB/q/1DoKyxP1/wBt7d6T9c4Y&#10;ZqmaKnp4pZ6ieVYYIIVLO7sQqoiqCzMzEAAC5PA9+Jp1sCuB0abH4rA/HnGUW4dzUtLnu4slS/d7&#10;e2vMVemwiOv7dZXBf11Y+qIDweEsVMwSkm4NBhfX16X6BZirZc8B6f6v9geZ6LRm85lNxZWuzmcr&#10;p8jlclOamsrKk3Z2P+2CqosFVQFVQFUBQB7UgBRQdIXcuanj0zlyfpx731XqVjcbX5ivpMXi6Ooy&#10;GRr51paOipFLySSObKiKtyST/wAV+nvRNOtqpc0HHo1EcO3PjbQrPWLjtz94VtNeCiuJqLb8Uq+m&#10;RyBplrWU3sCDZuNMR11CbNx8l/w9GI02Qrguf5f6v29FczGZym4MlWZnN19Tk8pXzGesrqxi8jse&#10;OSfoqgAKosqqAqgKAApVQooOi93LmrGp6ai4H05PtwJXj00Xpw6xEk8m5P04906v0ZzaPXO2ut8J&#10;S9kd0QFnnXz7Q61bSKuvkF9MtdDIAYqZCVZlYWAI8oJKwSpnkMh0p+Z6MYYFgGuX8l/2P9VPPoGe&#10;xOyNydl5tsvn6hVhhBhxOHpbrS0UPAEUEZJtcKNbn1OQCTYKA7HEIhQfmfXpLNO05qfyHkOg9k/H&#10;tzpoAt1j9+6cChehO6z6q3F2ZkZosd4sbgsapmz25sh6aSjiUa2LOSoeXQLiMEG3qcpGGcNySiP7&#10;fTp+CEznGB5noTt59rbc2Ng6vrbpIPSY+QmHc2/Sf8uybhdDCGUKrRwckB1C3BtAEQs8rSRFzqf9&#10;nT0k4jGiLh5t6/Z/n/Z5dFbZiSWYkkm5J9qeknWMv/T/AG/vRFevdYWa31uT731RlqejL9fdM4nG&#10;YSPs7uqrfbuyIbTYrAG61+Xe14444gRKkUpHAFpHS73ih/e9pZZyTpTJ9fIdLobYRDXJgenr/q9O&#10;kV2r3Nl+w/tsJjqWPbGwsPpiwW0sfZIlSMaY5KnQFWWYD9ItojuQguWd7RQCPJyfM9MXN2ZsDC+n&#10;r/q9OgUZgAR9T7UdIxjrCSB9fdWFR1smvXokmqZoqemilmnnkWGGGFSzu7HSqqqglmYmwAFyfp70&#10;Epx68BXA6NrtfqvZ/UWGpOwe8wtRlJ/39r9ZR6XnqHWxV62MmxVSQWja0UYsJi7v4PaaSYyHSn5n&#10;oyjtltxrl4+Q4/8AFn+Q6BLs/trdHaWVFZmpxSYmkcjC7doyRS0kf6VCrYeSbTw0rC55ChEsg3FC&#10;E4ft6anuTLxwPIf6uPQVM1+Lce1KrTpIXr1wJsCfeiQcdVAqeu6amqq+pgo6OnnrKuqmWnpaWmRn&#10;kkkchVSNFBZ3ZiAAASTwBf3bC9PAUwPPyHE9HB2z1fszpTD0u/8Au1oK/cMy+fbHXEJSVzItmV6t&#10;L6JWQ2LKT4IgQJWkkdYlRPKZjpT8z0YRwLbjXL+S/wCrif5D+fQBdodubp7Tyxrc1Ufb4ymkY4jA&#10;UzH7alU8CwsvlmK8NKwBPIUIlkDscYhGMnzPSW4na5OcDyH+rz6Cskn6+98emCQvWJmJJH0H09+6&#10;bLE9dxRSzyRwwxvLLK4jjjjBZmYmwAAuSSTYAfU+/dbCev7PM9G62b09tbrfBw9jd6SJTx6fNgdi&#10;PZp6mSwaMVMVwzufr9vwoFjUsqa4/ad5ix0p+Z6M4rURjXNQDyX/AD+p+XD186A92z3TuTtKu8Mx&#10;/hG1qOQDEbbpDaJFQFY3n0hVlmC8DgIg4jVeS14ohH9vr0mubxrjtGF9PX7f9X+foGvbvSYJ69Rn&#10;YAn+t/p79051juzmw/2w9+49aJC5PWYaYRf9Un49uUC9MEmX5DqJK5f6m5v9P6e6E16ugp1h966d&#10;697917riWA/xPv3V1bSOsRJP19+6qTXrr37rXWJ5QvA9R9t6KnpzXQdRmYsbk/7D3cCnVCa9cfe+&#10;tdcw1lAH19svx6eTh1wZv6n/AGHvQFetk06ws1/8B7sV0jppmr1iL2+nPvwSvHrQNOsRJP193JC9&#10;bALde9tMa9OAaesTkG1vx711ZX9OuHv3XuPXvfuvdYy/9P8Ab+/de6x+/de6xOTci/Hv3XusLMRw&#10;P9v7917rF7917r3v3Xuuj9D/AK3v3XusHv3Xuve/de69791dOPWJ/qP9b37p3rh7917r3v3Xuve2&#10;Dx69173rr3XvbkfTkfXvdX49Ode91691737r3Uf37r3Xvfuvde9+691737pyPr3ur8OnOscn491j&#10;691j9udMvx69791aPr3v3VX49e9+6unDr3v3V+sT/X/Ye/de6yD6D/W9sHj17rv3rr3WA/U/6/t8&#10;cOnxw6691fh1vr3trr3XvfuvdYn+v+w9+691w9+691737r3XvfunI+sT/X/Ye/dOdcPfuvdZk/SP&#10;fuvddn6H/W9+691g9+691737r3WBv1H/AF/fuvdde/de697905H1737pzr3v3Xuve/de6+xd/LG/&#10;7dsfy9f/ABR3qb/3gsB7iTcv9yJf+aj/APHj1O+z/wC4kH/NGP8A44vR4vaLox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5Me7MCm3cs1PTVDVuIrqePLYDJMNP3NDUAtBKQOBIoBjmUf5uZJIzyh95DI2ofyP29Yh&#10;yp4Zp5cR9h6Sxcn6ce7dN9Cdn/8Af37Mxu7k0tnNqrT7U3WiD1y0oTRici/JLHxoaOVj9DFTknVL&#10;y0vY1PI5H+Uf5elL/qoH8xhv8h/ydBaSB9fbvSboWMU398+tMtgeZM/11JJurCE/qkw85VcrTLx/&#10;yiTmOrUXNkapIH1uyexq+Rx+fl0oX9RCPNcj7PPoIPb3SfoY6z/f3dP0OQ5ly/VuW/g9bblmw2Ud&#10;paR3P+ppcgJIh/QTqCf0j2wOx6eTZ/MdKWPiRV81OfsP+qnWHpDIUz7yk2nkpBHiOw8LVbHrWIDa&#10;ZKxP8jkAP+7I65ItJHIubX+h3OO2o8jX9n+x03aSVfSeDAj/AFf4Pz6CfJY+qxOQr8XXRGCuxtbL&#10;j6yFvqksLtHIp/xV1I9ug1FekjLoJB8jT9nQxT23B8f6KYkyVnXO/ZaQJ9fHj8zAsuq/4vXwWt9D&#10;e/1+rHwyfaP5jpWR4kH+lb+R/wBk/wAuhg+MWGpd8bbyW3K5ojBtLsfE7+WCQE6mWCojtpPpYOaV&#10;Vbj9JIbgj23ctoNfUEf6v29P2IDoQfJq/n5f4Oj+Us0NXedXjlkhZog8YYWWQJKo9XNzEYy3+P8A&#10;T6e0fS0inRCvkTXttbde8tzM4TOZ7G02xNpBeHhozRQ1GYrV/KllqlpI2H/HaexuntZANQA/M/b5&#10;f5+kdy3h1bzI0j7OJP8AOnRdeqNu4yuyGT3nuqEvsrYNKubzMRHpq6gvpoMapIKl62ospB40Br2v&#10;f29MxA0jicfZ8+klrGCS7fCuftPkOkHurcuU3huHL7lzMzT5HMVjVc5JJCA8RxJf6RwxhUQfhVA9&#10;uIoQADy6YlkMrFj59CxV/wDGJ9hfw1Lw9hdlYxZsq6n9zGYCQ3jpTbmOpypGqUXusChCFZrlr+1b&#10;5D+Z/wBjpWf8VSn4m4/If6v9WOgGJA+vt/pD0P6t/oX2eJgRH2pvzF/sD/duBw04sX/5tZLJKLL/&#10;ALshh5vG5IZMf12/og/tP+bpf/uGn9Nv+Mj/AD/6vLJefanpB0KnWew6Tc0+Q3HumqfD9e7UVazd&#10;GX+jSfmOgpPzJWVRGlQtygOo+oxq7UkmnA4nh0pt4RJVmwo4n1+XTL2Nv+s37mkqlpo8TgMVTjF7&#10;W29Tf5mhoo7LHEo+hlZQGlf6u/0soRVtGmgfPzPr1Webxj6AcB6DoPfd+mOh22DtHB7bwI7W7HpP&#10;Pgopmg2ZtSW6yZuuQalZgRxjKduZZOVYjR6uI5WJGLHSvHzPoP8AP0thiEY8STh+Eep/zf6vtC/e&#10;G7s3vncFfuTcFUanIV8l9K3EcMa8RwQISfHDEvCrf+pJLEkuogjFB0mllMzaj/xXSZ926b6FrrXr&#10;aPdKV26N015251ztwiTcO4ZBZpGFiKKiBB81ZNcKAobRqBKszJG7UkmnAyTwHSmCDxO5sKOJ/wBX&#10;+r8+o/Z/aM2+JMfg8LRf3d6/21H9ntbbEB4RFBX7mqIJ81ZKCSzEtp1MAzM0kkno49GTknievT3H&#10;i4GFHAf5+gl9u9JupFJR1eQqqehoKaora2rmWnpaSkRpJZZHOlUjjQFndibAAEk/T34mnWwCxoM9&#10;GjgpsP8AHPERV+ShoM33bmKMTY/Gy6JqfbkEq3WaYco9e6m6j8fQHxXadLU3BxhR/M9GAAslqcue&#10;A9P9X+x0WHL5nJZ3JVuXy9bUZHJ5Goaqra6qbU8jt9ST/h9ABYKAAoAAHtSBpwOkDMXNTknpqJJ+&#10;vvfVenrb23szurMUOAwFBPksrkZhDS0sA5J/LMxsqRoLs7sQqKCzEAE+9MwUVPV44zKaDj0Zivy+&#10;3PjpjqrAbWqaDcfcddTtRbj3OimSlwquvqpqHWoD1AJAYkX1KTMosIAnAM5qcL5D16Xsy2QouXPE&#10;+n+r/ZPp0VOsramuqaitrqmora2rmaoqqqqdpJZJHOpnkdyWd2JuSSSTz7VKnp0WO/mcnqGWJ/1v&#10;6e3QAvTRJbrJTU1RWVEFJSQTVVVVTLT01NTKzySSOQqIiKCzu7EAKASSbAX90aSnV1jr/m6NXiNs&#10;bV6BxdJu3sKno9w9n1tOKvaewiySQ47Ut463Jj6iSNx6QL2YERapAZadEWM+FwPM9GiKlmAz5Y8B&#10;/q/w/s6Ldu/eGf3znKvcG48hLkMjVt+pyRHFGCSkEEdyIoI9R0oOOSTdiWKhECCg6RSymY1b/iuk&#10;v7t031icjj/D37qytp6HDrDp191UdRvLeeQG0etcTeTIZ6qISSp0fWChVlYyOzenWFYajojWST0e&#10;2JZtJ0rk/wCDpXBbmXufCj+f+r/ius3ZncSZ3Gx7D6/x/wDdLrPGkR0+Lpxpnritv3q6TUzuGYat&#10;BdtTWeZpJApSqx6O45Y/y69cXWoaEwvD7f8AV/xfRfpGsSRz/wAi9qF4dJ0Pl1gJJ+vvfV+s9JSV&#10;VfU09FQ009ZWVcy09LSUqNJJJI50qkaICzuxNgACSfp7o5oOtgFsDo2WF2JsvojF0m9O246fcG+q&#10;qAVe1OtoGRxC3OioyB9ael/qSGjjKtoE8o0xpNTTdq4HmeloRbUanyfIf6v8PD0rjovHYXY+6ezM&#10;7Jndz1xmcXjocfBdaalivcRU8RJCj/VMbu55difaqOIRCg6L5p2nNT+Q9OkA5P0/FvbnTPWI8An/&#10;AA9+69077b21nt4ZmjwG3MbU5XLV0miClpxew/tSOxsscSDl3YhVHLED3VmCCp6vHGZTRejaKmw/&#10;jDQrLKcdvru2ogusQOqhwutDybWPkANjyJpB9BBG12RMzXHDC/4ejOiWAz3Of9X5D+Z/wFK3Tu3P&#10;7zzNXn9x5KoyuUrHvJUTnhV/sxxILJFEl7KigKPwPalItPRbLK0xq3/FdJr68n24SF6b49e9tli3&#10;XulDtTaO4t9Zqm29tfGT5PJVRvojFkjQEapZpDZIYUv6nYgDgfUgHxIjFW6cijaRqLx/wfM9Gzao&#10;2B8XaIw0f2G+u66mltNVG7UeJ8qWKrazR3VvpxUTL9TBFIt0pZrg+i/4ejTs24Z7nP8AL/MP5n/A&#10;T3dO6M/vHM1We3Jk6nK5SsN5aioPAW5KxxoAEiiS/pRAFX8D2oVdIoOi9pTMSzcf8A6TvuxWnTZf&#10;064lgP8AE/0916qF1dO+3dt5zduXpcHt7G1OUyldJogpaYXP+1MzGyxxoOWdiFUcsQOffiQoqcDp&#10;5ELHSoqT0cGDGdf/ABgx0GUzrUO9O4Kqm8uOxcB1QY7UptICQTGoPHnYCWTladFXyP7SlmuMDC/4&#10;ejFUSwGp+5/If5vQfPif5dFG3pvjcu/81Pndz5CStq5CVghF1hp473ENPFciONf9izH1OzOSxfRA&#10;goOi+aV7k6m/IeQ+zpIkgfU+79UwvWMuT9OB791QvXh1gCF2NuBfk+9gV62XCDPWRmWIaUsW/J93&#10;rpwOqBTJluHp1HYkgknm319t9PUp1H9+6310SB9ffuvdYixP+A9+691x9+6910WA+v8AtvfuvdYi&#10;xP8AgP6e/de6jH6n/X9+69117917r3v3XusZf+n+39101NeraqCnWFmA+vJ926r1iLE/8U96OOvA&#10;V6690L+nTgT164lgP8T/AE91Ck9WLAdYixP1/wBt7uwAHTZJbrr2104q6euBcD/E+/daL06xkk/X&#10;37ryGvXXv3V+uBcD6c+/de6xM35P59+691hY3N/fuvdcffuvde9+6910fof9b37r3WD37r3Xvfuv&#10;de9+6unHrHJ+Pfunesfv3Xuve/de697Ybj17r3vXXuve3I+nI+ve9Px6c697p17r3v3Xuo/v3Xuv&#10;e/de697917r3v3V049e91fh071jk/HusfXusftzpl+PXvfurR9e9+6q/Hr3v3V069791frE/1/2H&#10;v3Xusg+g/wBb2wePXuu/euvdYD9T/r+3xw6fHDrr3p+HW+ve2evde9+691if6/7D37r3XD37r3Xv&#10;fuvde9+6cj6xP9f9h79051w9+691mT9I9+6912fof9b37r3WD37r3XvfuvdYX/Uffuvdcffuvde9&#10;+6cj6979051737r3XvfuvdfYu/ljf9u2P5ev/ijvU3/vBYD3Em5f7kS/81H/AOPHqd9n/wBxIP8A&#10;mjH/AMcXo8XtF0Y9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8n/AAB/vft2o2dMdecwwmzWynJUGUWMmQxYJsWN&#10;Qi/cUy3/AM/HJEil6r3kG3YdXkcH/P1iPH+qujzGV/yj/L0G/t3pP0rtjblpdvZz/cpFLU7bzNJJ&#10;gd0UcX6paGpsJCg/47Uzqk8J/E0UZ/Huki6hjjxH29OxPoOeBwfsPTVurbtVtXP5LBVcsVS1FMDT&#10;V1ObxVNPIqy01VC39qGpp3SVD+VYfn3tG1ivVZE8MkdZtmbmm2fubE7gijWoioqjTX0TgFKmklUx&#10;VdM6nhkqKd3jIP8Aqr/Ue9OusU/1V69HJ4TBv2/Z1L7D23BtTdNdj8dK1TgqyOPNbZr25+4xtYgn&#10;o5Qf7REThHP/AB0RwQCCPfo21j58D9o6rcDwmoOByD8j089Q5ijo92fwHMy+Pbu+sdLsvOM9iI0r&#10;QEp6mzcB6SsEUobgqFaxFyfdZhUVHEZH5dbtHo+k8G7T+fSHyNFlNo7iq6Cp1UeZ25l3p3ZPqlRS&#10;ykakJAuA6XU/kWI4Pu4IcfIjplgYWp5g/wCDoSe8YYa3cmJ3zQRrHjuyNuUu6gsX6I6xk8GRgH+1&#10;x1cLM3J5kFj/AEbgwNP8Jp+Xl0ovRVg44MAfL/J+XUjpdhmaHs/YLsT/AHu2JPW46D6+XI4hhX0a&#10;W/1llNxcj8A+6z9pVvQ/yOOt2neHT1XH2jh/h6MB8McHUCg39uJnkgpqmSlwdLKP0+SJJZ5m54LR&#10;rPER/QMb/X2nvTUgfn0p21aKx9SB+z/i+jN7Cmy1TtvbGXqBLG26Nw1+46mGQnVHQ14yVVj4WB0l&#10;TDTNSxlbekpa1xf2yygH8gP2dL07hU/b+Vcfy6rt+R+WyW6u6c3i4PNWjGTUu2cJRRXY38cZaNFH&#10;1eWsmkPAuSQObD2utlCJ+0nonvSZJdP2AD7c/wCXpr7Sq6baWHwvT2HmikG3Zf4zvqtp/wBNXnZo&#10;wJI9QZg8WNhIgS2m7ayy6hf3aIazrPngfZ1q4PhARDyy3zP+r/J6dNnV+3sZEmU7I3ZT+baGyHjk&#10;WhcqP4nlX9VDjY9Vw6s4EtRYNogU6ls9/e5WPwjif5DqtsgFZG4L/M/6v9VK9BzuXcmU3XncpuLN&#10;VDVeUy1W1XVSn6AnhUQf2Y41ARFHCoAo4HtxVCig6YkkMrFj59CV1vg8Xg8XV9sbypkqsHgasUm1&#10;sJUcDL5cDXHFpP6qOkt5Khv0mwjGo6l9sysWOheJ4/IdKbdAg8V+A4D1P+r/AFY6C3cGeym581kt&#10;wZuqesymWqmrKyof8s30Cj6LGigKijhUAUWAHt5VCig6TSOZCWPE9PWwtk5XsDcVPgsY0NNCsbV2&#10;Yy9WQtPQ0UVjUVdQ7FVWOJPpcjUxVQeb+6u+gV6vBCZ2oPzPoOlR2fvnF5GDHbC2MJKTrvakjLQF&#10;l0S5Ss5WfLVfAZ5JzfxBgPHHYBUuUWkUenubif5fLpy4mDdifCP5n16B3290l6GTrfYmKqaCs7E3&#10;80tF17t6cI0KELPmKwepMZRXZCxe37rqfQl7FTqeNmRz8K8f8A9elcEII1v8I/meklv7feW7AzrZ&#10;fIpDR0lNAuPweFoxppqCji4hpadAAAqL9TYamubAWAuiBBT9vz6anmMxqeHkPQdIj3fpnoU+tetn&#10;3o9fnM3XDbnX+2wKjdG6agWVFFiKWlBB81ZNcBVAbTqUlWLRpI1LLowMk8B0pt7fxcnCjif8g/1Y&#10;/YDz7S7NTebY3bu3KD+7/Xu1lNNtnAR2Ut+GrKvSbSVc3JJN9GpgCzPI8moo9GTkniet3Nx4vauF&#10;HAdBD7e6S9TMfj67LV1JjMZSVFfkK6daajoqRC8ksjmyoiKCWYn3ommT1ZVLmgyT0aBmw/xvxFv8&#10;hzXeOZofp6JqfbdPMn/ISSZCRG/xFj/xx/4Eps3B/o/4ejDtsV9XP8v9X8+ir1+QrsrWVOQyVXUV&#10;1dWTGoqquqdpJJHY3ZndiWZj/Un2pApgdFzMXNTk9Q/e+tdKnZuzNw79z9HtvbVC1bkas6iT6YoY&#10;gRrnnksRFDHcXY8kkKoZ2VTR3EYqenIojMdK/wDFdD/uLeO2ukcNX7C6vrYsrvTIU5ot8djxfWJw&#10;bPQ4w/2FRgQXU+k2Op5gGhZRGnNW4eQ/z9LJJlsxoTj5t8/9X7Ptr0VSWaSV3kd3eSRi8kjklmYm&#10;5JJuSSTyfr7XKlOitpC3WL34vTrQSvTjiMRk89kqLD4ahqcllMhOKajoqRSzyO30AA+gA5JNgoBZ&#10;iACfbTN5np1E1GgGejVgbX+NNBqP8M3b3jXUo0qQs9Dt5JAbm/BesaM2/DEH+xCf8oShTdH0T+Z6&#10;MCyWI/ic/sH+r+fRUc1msnuDJVuYzVfU5TKZCYz1ldVsXd2PHJP0CgAKosqqAqgKAPa7SFFBgdFZ&#10;kLtqY1J6aCQPr7b6c6xFyf8AAe/de6MrsTqXBbdwMHZ3dEk2J2sCsuA2mAVrsw9tSL4iyOkDixAu&#10;pdLuzRQ2d0zyljpTj6+Q6MIbYRjXLgeQ9f8AV6ftx0HnaHbed7JrKeGaOLCbWxQWHb20cZZKWljR&#10;fGh0IqLJME41lQFBKRqiHT7cihEQ9T5npi4uTOfQDgOglLE/4D+nt2nSbrC5/H9D791dOPT9tXam&#10;f3rmqTb+2sdNk8nWN6IouFRBbVLK5skUSX9TsQBwPqQDVmCCp6fRDIaLk/4Pt6NFU5HZHxoopaDC&#10;mh3r3TUUxgyGXdddDhS6+qOJTyZgDptxI/LSmJCIHTUa4+S/4elpZbMUFC3n8v8AV6cT+zopGbzm&#10;X3JlKzN53IVOUylfMZ6utqm1MzH8D6BUUcKqgKoAVQAAPaoAKKDoskkMhqc9NBYD/X/p73031hZr&#10;8nj37r3Qk9ZdVbq7Vy7Y/A04p8bSENmdw1oK0lHGebu/GuVgDoiX1tyfSiu6tySiMZ/Z0ot7Zrg4&#10;4eZ6HDcnaOzemsNV7B6QMdfnaiP7bdPZswR5ZXtZ0onAK2Vv0sv7UVrx+WQmYJxEZ+5+HkOlklwl&#10;qNEeT5n/AFcT/IdE9qaioq6iapqp5aionlaaeedi7u7ElndmJZmYkkkkknk+1aqF4dFhJY1PWD3v&#10;rXXvbWivXuhY6t6c3R2pXsMci4zbtDKP41ueuBFNTqOWROV89RpNxGp4uDIyKQ3uskqwD59Kba1a&#10;5OMDzP8Aq8+hh3d27tLqvCVXXXRKoamRft9y9jPpeoqZFBVvtZQLPYkhZFAijFzTqSwmDAiaXuf8&#10;h0sluEtRoiyfNv8AVxP8hwHyJ/PUyzzSzzyyVFRPI0088zFmd2JZndiSzMzG5JNyTcm/tSqdFZNc&#10;nqMzfkn3fC9a6xFyfpwPbbNq690JPWfVO6u0sv8Aw/BUwhoKdlOWztWGFLSof9WwHrlYfoiW7uf6&#10;KGdW5HEQq35DzPSm2ha4NF9cnyH+c/LowO5eydkdE4ms2N06KfMbvmT7bcm/ahY5NMg4ZIyNSSPG&#10;36YlJghP6/NL5PacI05q2B5Dpe8yWIKx5bzPGh+fqflwH7QSa5DIV2VrarJZOsqa+vrZmqaytrHa&#10;SWR2N2d3YlmYn8k+1IFMDopdy5qTUnqAX/A/2/vfVi/p1jJJ+vv3TZNeuaoSCTwo/Pu6rXqpby8+&#10;scklvQosPyffi3kOnEj8249YPdOnuum+h/1vfuvdRmNgSPfuqBqnrD791fr3v3WiadcHJFrfn37r&#10;QavWL37q3XvfutE06wH6n/X9+62M9de/de64sQAf9b37r3UVmN7Dj37rQNesfv3W+uiQOT7qwr1Z&#10;TTrGXJ+nA96CU62Xr1w936p10SB9fbbCp6cU0HWIsT/gPemWnVSxPXH3TrYT166LAfX/AG3v3VyQ&#10;vWIsT/rf09+6bLFuuPv3To6wv+o+/db64+/de697917r3v3Xuve/de6j+/de697917r3v3V049Y5&#10;Px79071j9+691737r3XvbL8evde91691725H05H173p+PTnXvdOvde9+691gP1P+v7917rr37r3X&#10;vfuvde9+6unHr3ur8Onescn491j691j9udNPx69791uPr3v3VX49e9+6tH1737pzrE/1/wBh7917&#10;rIv6R/re2G49e6796691gP1P+v7fHDp8cOuven4db697Z691737r3WOT8e/de6x+/de697917r3v&#10;3V049Yn+v+w9+6d64e/de6zJ+ke/de67P0P+t7917rB7917r3v3XusL/AKj7917rj7917r3v3V06&#10;979071737r3XvfuvdfYu/ljf9u2P5ev/AIo71N/7wWA9xJuX+5Ev/NR/+PHqd9n/ANxIP+aMf/HF&#10;6PF7RdGP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fI9pK6px1XS19DPLS1tFUJV0lTASrxyxsHR0YchkYAgj6Ee&#10;8hyK46xAB0mo6Wu9aSlylPQ78xEEVPj9wzPBmsfTAKlDl4wHqoVReI6arVhU0wsFCPJAtzTOfdIy&#10;R2ny4fMdPTLqo44Hj8m8/wDP0HntzpjoUnI3tsDyL+7ufrWnCSj6vVYCWWyN/VmxFXLpP5+3qVHC&#10;U/DXwN8j/h/2enq+KmOKj9q/7H+DoJiSfr7d6RE16F2M/wB9ernpxaXcXVsrVcV+ZJsBWzDyqP7T&#10;DGZCQPb6LFVMRZYz7Z+Bvk3+HpWP1oqeaZ/2p/zfyHQP+TSQVJDA3BH49vdI+hj7VH95sZs3tGH9&#10;yTdOM/gu6So/RmsWkdPO8lgArV1N4ahR9Tqc3JvZiHsqnpkfYellyPECyeooftH+r+XUqhJ3f0Xl&#10;ceT5Mp1TuJM3RKT6v4Tlz4atEX6kRV6JK5HAD8j6H349kn+mFPzHW1/VhI80NfyP+r+XSH6u3KNp&#10;9i7NzxkMcNDn4FrZAbWp5m8FT/t6eV/8Pd5l1qR8umbZ9Ein50/bj/L1av1vsem662xHtmlEUnl3&#10;BkK8hmVPJDNWS+IhOdXjofECvP6f9Yeyp3Mxr8h0eoghFB6n+ZJ6EGnWRCKYRQwwQUkIjEFgob9x&#10;WRUH6URVXT+LG349+GOtl+q48v4tq797e7jysVPLLgd31u2thUsyqy1GbYvEJ9DBldMXADM97fua&#10;QpDiwXCrBUHmKn7P9novYhGeU+WF+ZpT/V+fp0WLBYbOb53PQ4XHiXI53cOR0CSZixaSVi8s8zm5&#10;CqNUkjm9lDMb+1JIQV8h0XIpmanmelr2puTFs+L692jP5dm7HD0sNWnH8SyLcV2UksSG8sgKQ8sE&#10;hUaCFcj23Ep+I8T/ACHp09cyDEa8F/mf9X+XpNde7Km3xn1oJKlcZhMfTtltz52Uft0OPh9U87Gx&#10;Bcr6Y1/tyMo4FyLyPoHz8vt6bgh8Y08hkn5dTOy980+7cpSUWFpmxmzNr0n8G2dhfp4qVT6p5uTq&#10;q6xx5ZnJLFiFLNpDHUaaBniePVriXxDQfCMDpC4jE5PcOVoMLh6SavyeTqlo6GjgHqd3NgLmwCj6&#10;sxIVVBZiFBIuSFFT0yqlzQcT0Nu+8xjeudtz9RbQrIavI1Uiy9obooybVdVGfTi6aSwb7GjPD/Ty&#10;SagQt5FZlF8Q6z+Q/wAvSyZxAvhpx/Ef8n+r/P0X72/0h6FLrTrxN3z1+bz9Y2C2BteMV269wOCL&#10;ICNNJSnSwkram4WNACRcNpYlEdqWTRgZJ4DpRbweLk4UcT1g7J7Dl3vXUdHjqNcFszbkBx20ts05&#10;tHTQD6yyAcSVdQRrlkN2JNtTAXPo49HzJ4nr1xP4xoMKOA6DEuB/ifbvSfoTesutarsCurquuro8&#10;Ds3bkH8Q3Zuep4jpoBdvHHfiSplCkIvNv1EGwVm5JNHzJ4DpTb25mNThRxP+r/UOp/ZvZdPuWmx2&#10;zNoUcmB612w5XBYcn92pkGoNX1zXJkqZSzEAkiMMQLszMdRx6cniePW7i419iYUcPn/q/wCL6B72&#10;70l6mY/H12WrqTGYykqK/I19QtLRUVKpeSWRzZURRySSfeiaZPVlUuaDJPRnqmqxHxwxElBj5KLM&#10;935mh8eQyCaJqfblPMnMMJ9SSZCRG5PIANz+1YVCUVuTXgo/n0vJFkKDLnifToqlVVVNbUz1lZUT&#10;VdXVTNUVNVUszySSOSzO7sSzMzG5JJJPJ9qwKdF5JY1PWD37rXS66/683H2RnEwu36dSsSioymTq&#10;TopqKnvZp6iQ8BQL2UXd7EKpsbUkkEYqenoIGnNB+Z9Ohf3p2RtzrrA1nV3TVU8kc7BN5djRsoqc&#10;lKoKvDSSR/5ujS5VWRrEErGSGeaekcBlOt/yHT89ytuPDi/NuivEk/X2sJC9FgBbr3tssW6cChel&#10;FtXamf3rnKPbu2sdNkspWt+3DHYKiD9csrtZIokBuzsQBwPqQDpiIxqbA6vGrTNpTj/g6MlmNybX&#10;+PGMrdp7EqqPcXbFbA1FuvfCrqixerTroqBWDKZEI9R/DjVLdwIIGFQ3J1NhfIevSyR1shpTL+Z9&#10;P9Xp+3opdVV1NdUT1dZPNVVVVM1RU1NQzPJJI7FneR2JZ3ZiSSSSSbnn2tApgdFZJY1PUY/Q/wCt&#10;78eHXhx64wQT1U8NNTQy1NTUSrDBBApd3diFVEVQWZmJAAAJJ4HtjpQBXA6Ndhdj7T6LxVHvXteG&#10;DM76qovu9pdbI6sImVhoqsgy60GlhcA3RbEKssw0xJS5mNF4eZ6MViSzGuTLeQ/1f4eA+Zp0Xrfn&#10;YG5uxs7Pn9zVxqap7x0tNFdYKaG5ZYKaIs3jiW/5JZj6nZnJYvogjFB0gkuGuGqf9jpE+79U66JA&#10;+vv3XuhI606q3N2jlXpsPEtFh6IiTObjrgRS0cVrsWa4EkugErECCfqxRAzq3JKIxn9nSi3t2mOM&#10;DzP+rz6F7dna21ersJVdddHHVUTr4d0dlPY1VXJ9HSikAGmNf0rItkUajAuo/cMysJkOp/yHSmS5&#10;EA0Rfm3n/sn58PTopskkkzvJK7SSOxd3ckkkm5JJ5JJ+pPJ9qqU6QnIr6nrA5I4H0P59+6p1j9+6&#10;90P/AFd0bNuqgl3zvvIjZnWWMX7irzdYRHLWKrWMdEHB9LN6PKVYFyI4kmkDKrEs2nAyelkFrr7m&#10;wOP2/wCYfP8AZ1m7R71gyWI/0c9VY47N61olNM0dMDHVZIX9UlS9zIsMtrlGZpJeWqHYt401HDnU&#10;2T/g6rc31Roiwvrwr/sfzPn59Fy9qOkvUdiATf8Ar791omnWEsT/AID37potXozHWPRcVfif9IXa&#10;dedn9dUMS1YNSfHVZEcFEgUgvHDJ9A4BklJCQKS3kRNLPTtXJ6NbWy1DXJ2r+wn/ADD+fUDtfvmX&#10;cmOj2JsCgGzetsdGaSnxlEBHNWoCfVUlD6YnuWMWpi7FnneRiAnorfSdTZP+DrV1fVGhMLwx5j/I&#10;P9Xy6LcWJ/1v6e1PRZqJPXH22X9OnesT/q/2HuoUt17ow/VPQ9Tuugbeu+a/+5/XNCv3VRlawrFL&#10;WRqbMKXy+lIyfT52BXUdMaytdQ1JMIsKKt0ttrIzjUx0rx9CR/kHz/4vp27N75ppcSOu+o6EbS2F&#10;RoaaSqpA0VTXA8OSxPljjlPLsxM831lZQzR+21hNdT5P+Dp6e9CDw4cKPMef2en28T/hKwfqf9f2&#10;pC16LOsLk3t+B70woevdcPeuvdZggUapP9gvu4WnHqtS2B1wdy5/oPwB70zaun0jCdRn/Ufder9Y&#10;i4H05Pv3XusZJP19+60c9cH/AEn37ppOPWAEG9vx791cvTrv37psmvWOT8e/dXTrH791svTh10WA&#10;+v8Atvfumia9YSbkn6e/dPLw6xF/6f7f37q3WJmt9Tc+/daOesJNzf37rQGnrr37qpf06xuRa35v&#10;7915PXrH79051jL/ANP9v7917rH70TTr3XRIH19tElurIadYy/4H+393CevWy/p1w96frQUnr3tv&#10;p0CnXvfut9YX/Uffuvdcffuvde9+691737r3XvfuvdR/fuvde9+691737qycescn49+6e6x+/de6&#10;97917r3tl+PXuve69e697cTq6de96fj07173Tr3XvfuvdYD9T/r+/de669+691737r3Xvfurpx69&#10;7q/Dp3rHJ+PdY+vdY/bnTT8eve/dbj69791V+PXvfurR9e9+6c6xP9f9h7917rmn6R7Zfj17rl7r&#10;17rAfqf9f2+OHT44dde9Pw63172z17r3v3Xuscn49+691j9+691737r3Xvfurpx6xP8AX/Ye/dO9&#10;cPfuvdZU+n+x9+691yP0P+t7917rB7917r3v3XusL/qPv3XuuPv3Xuve/dXTj1737p3r3v3Xuve/&#10;de6+xd/LG/7dsfy9f/FHepv/AHgsB7iTcv8AciX/AJqP/wAePU77P/uJB/zRj/44vR4vaLox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5F/vIjrD/pabMzWPo6itwGfldNr7oiTH5eRV1mlkVtVJko1+ploZjqIFmk&#10;gaeEECU+6OCcjiP9VOnI5Ava3A4Py9D+XSaz2IyG3svkMJkkjjrMdUGnm8LB43+hSSKRfTLDKhDx&#10;uvpdGVluCPdlbUKjpiUFCVPl1M2luOo2nuDH5yCGOqSmdoq7Hz/5qqpZkaGrpJR+YqmnkeNv6Brj&#10;kA+9OuoU/wBVetQyeEwb9vzHn1O33t2m21nCuLmlq9u5ikjzu1q+UeqagqbmIOfp56dg0E9uBPFI&#10;AOPeo21DPHgft6tPGI2xwOR9h6wbE3Udo7pxmZlh+7xod6DO448rVY+qRoK6mYXAPmppHAv9G0sL&#10;EA+9uuoU/Z9vWoJPCYHy8/s69v8A2suzt15PCwVH32MBjyGByS/pqsfVxrUUNQp+h8tNIha30fUv&#10;1U+9I2sV/b9vW54vCYjy4j7D0tesz/evb29Or5SHqstQnd20I2JJ/i2LjeR4YwARrrseZo/8WSMf&#10;4+25ewh/yP2H/Z6etv1VaM+eV+0f5+oHSGbo8fv2kw+YYDb++KCo2LnlZgq+DJqIUcs3C+Kp8T6j&#10;awUm4+vvc6llqOIyPy6rZuFeh4MNJ/PpHpszKDfkewJ0KZY7pXa0oUcCU1Qpi4v/AGLnUD9NPP09&#10;3L9ur5V6bEXfo+dP58erVOzc1NQZTrralFIi1u7d5Y+GEKD5locXOuQybh+TpeOGCJh/qZGJ9lqL&#10;Wp9B/hwOjyR6EAHJP8hk/wCCn59KLbsuUqd+9jy1qhKCiXD4fD6L2aOOjlrJXYfmQ1Fe6k/lVQfi&#10;w0eA/wBX+rh1UV8/y6rV+R284s7v7KbcxMLUW39oZavpIaQah5MjUVctRlqt1Yn9yatd1BHHjRNI&#10;AJ9r4E0ip4n/AAeXRVdy6m0jgP8AD5/6v8/Ueh/4xR10+YkHi3/2hjWpsGrAeTHYB2Kz1ouLpNlG&#10;UxxH6+EM6sDcHx/VankP5nqy/wCLJX8TcPkP9X+T0PQG0VFV5KtpMdQU8tXXV9SlJR0sALPJLIwR&#10;ERRyWZiAPbxNMnpGqljQcT0NXYWQpOvdtjp/b1RHLk5J48h2lmqVgRU18fMOKjccmkxp/UD+ue7W&#10;UhgWUHiHWf8Aa/Z69LJyIF8NeP4j8/T/AFf5+gDAJIABJJsAPb/SLox8YXoran3DgL2/vXFkUqG3&#10;k29ipxYyEfWLJ1q3C/R4U+ughllT/wBsf6I/mel1PpF/pt/If6v9WMlxZixLMSzMdTM3JJP1JP5J&#10;9qOkPS6692FkuwM5/DaSWLH42igbI7hz1Z6aago4wWlnmf8ASDpBCKSNTcXChmWkkgjH+AdPQQmY&#10;08hxPoOlH2Zv7GZSmx+xdkRSY7rnbEpOOhcBZslVWKSZWusqF55gSEDAeNDYKlyq0ijp3Nkn+Xy6&#10;cuJg1ET4R/M+v+r7egbLE/4D290l6EXrbrjJdhZWaNZ4sRtvDRff7q3PWkJTUNKt2dmdrK0zqreO&#10;O92IJOmNXdW5JBGPmeA9en4IDMfQDifQdKTs7sbGZOjpev8Ar6CXD9Z4CS9LAQVnylSLa8jXtw0j&#10;yMLxqwGkWJVSFSOscZHc3H/B05cThhoTCj+f+r/Z6BT290k6m4rGZLO5Kiw+GoqjI5PI1C0tFR0y&#10;lnkdvoFH+H1JNgoBLEAE+9E6cnqyqXNBknozNfkcP8dMTNg8DNQ5nunK0vjz24owk0OBikXmkpCw&#10;KtVsp9TW/wBqcadEZTaTcGp+H09el7MLIUGXPE+n+r/ZPkOisVNTU1tTPWVk81VV1UzVFTU1DF5J&#10;JHJZ3d2JZnZiSSSSSbn2qAp0XkljU9YPfutdCX1l1hnOzMxJSULx4vCY6M1W4tz1wtSUNOoLO8jM&#10;yK0mkErHqUmxZikau6tyyCIZ8+A9en4LcznGAOJ6XXYfaOCxGBfqzqBJMds2NTDuPcrKErc7MDZ5&#10;JJAA60rW4X0l0OjSkQEZ9FDnW/HyHkOrz3QUeFFw8z5n/V6/sx0XL2oL+nSEJ69e91Ck9WLAdLbY&#10;PX+5Ox89DgNt0glmK+atrZ7rT0sI/VNUSANoQfQCxZmsqAsQPe5HWEVP/F9Whha5ag/M+Q6G3d3Y&#10;W2Op8HW9bdN1f3mVq0+23v2WunzVThQr0+OkQt4oFYsAymyc+JncmcpkhM51ycPJelk062i+HFx/&#10;E3+rz/wfbwKqSWJZiWZjdmPJJP1JP9fa7orJr1xJA+p96Jp17pywmEzG58rRYPAY6pyeVyEwgpKK&#10;lXU7E/Un6KiKOWZiFRQWZgoJ9tPJQZwOnIkMjAKKno1F9n/GfHm4xm8u8Kyl+vEtFt9ZU/2Oqrsf&#10;9pkdT/uqFv30gU3PHC/4ejVmSwHkz/4P9X7T0UzO57MbmytbnM9kKnKZXITGerrKptTMT9APwiKL&#10;BUUBUUBVAUAe1CqFFB0UySGU1Y16afe+vJx64F7fTn37p3od+rulZd1UM2998ZEbP6zxY89dnKs+&#10;OWrCtYxUIZW1FmGjyaWGshI0lkuoYkm0nSMnpZb2usa3wo/n/sf6h1m7O7qjy+JXYHW2POzutaBT&#10;TrRU10qcjyAZa2TUzlHtfxlmZyS07yNpEfo4aHU2T/g63Pd6hoTC8Pmf9X7fXouvt/pF10SALn37&#10;r3XBVkmkSONGkkkcRxRxglmZjZVAHJYk2AH1Pv3XgK46NdtTqPavWeCpex++WNOsv722euEs1ZXS&#10;KAy/dRXBCC6loiVRQyipdbmFkbTmU6Y/zPRjHbrbrrl/Jf8AVxPy4evyBvtjuPc/amRj+/KYrbeP&#10;a2D2rjyRTUyAaEZrBRPOE4MjKALkRpGh0e344hH9vr0iu7ppzTgPT/P69BD9OT7d6R9dPN+E/wBu&#10;ffunC/p1ypKSryFVBRUVPUVtbVzLBTUtMrSSSOxsqIigszMeAALn34mnVVUuaDJPRw9udYbI6Qw9&#10;Hv3u1oMpuaeP7rbXW0JSRjIOVarW5SQq1tQb9iP6MZXIjCJ5WmOlMep/1f8AF9G8NslmNcvHyHHP&#10;+U/yH8+i/dodvbs7Vyv3mcqft8ZTSMcTgaQkU1Kp4GkceSUrw0jeo8gaVsoURQiLhx8z0jur1rk+&#10;g8h/q8/9WOgs9u9IwNXXRIH196PToAXrlDFUVc8NLSQy1FRUSrDBBApZ3diFVEVQSzMxAAHJPA91&#10;CU49br/sDzPRu9o9QbS6rw1P2H3rIgnP7uB6+SzzzSDlBUxal8kn0JgusaAg1MgBaMJZJzKdMf5n&#10;o1gs1hXxZ6fJeOf8p/kP8ANdsd1bl7RrFSsYYjbNE/8AuI2zRN+zGqjSjSkBRPMqcBiqqgJEaICb&#10;uw24izxPr0mu70z44L5D1+31PQM+Qt9OBe3t+lekamvXXvfW+sRUs9gOT7aYVPXuHWT0xfX1P+P8&#10;Pe8J9vVQpk+zrCzFjcm590Jr0oVQvDriWA+v+29662Wp1EkYlj+B/T37rwNesfv3W+uJYD/X/p79&#10;17rDIxKn+n9Pfuk/WOP8+/de65FgP9f+nuwWvXusTNfk8Ae9stOvdYi/9P8Ab+6de6wswH+J9+69&#10;1iZr8k2Hv3W8nHWEvf6ce/dP9cPfuql6ddEgfU+/dN5brGXJ+nA9+6uEpx64e/deL064sQAf9b21&#10;kn8+qCrHrD7d6e64M1uPz718XWga9YySfr78BTqwFeuve+nQtOve25Orde9t9e697917rC/6j791&#10;7rj7917r3v3Xuve/de697917qP7917r3v3Xuve/dWTj1jk/Hv3T3WP37r3Xvfuvde9svx69173Xr&#10;3Xvd049XTj1735+PTvXvdOvde9+691gP1P8Ar+/de669+691737r3Xvfurpx697q/Dp3rg/0/wBj&#10;7onHr3WL2700/Hr3v3W4+ve/dVfj1737q0fXvfunOsT/AFB/w9+691zT9I9svx691y91691gP1P+&#10;v7fHDp8cOuven4db697Z691737r3WOT8e/de6x+/de697917r3v3V049Yn+v+w9+6d64e/de6yp9&#10;P9j7917rkfof9b37r3WD37r3XvfuvdYX/Uffuvdcffuvde9+6unHr3v3TvXvfuvde9+6919i7+WN&#10;/wBu2P5ev/ijvU3/ALwWA9xJuX+5Ev8AzUf/AI8ep32f/cSD/mjH/wAcXo8XtF0Y9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8lPdGKpaR6TL4VZTtrPK8+JaZtckDxlRUUE7gAGoo3cAmwMkTQz6VEyqMhVNcHiP8A&#10;VXrECbGV+E8Pl8vy6Sfu/SboTCf77bRLE+Tdew6Dn/V12DS/P9Xnw7H/ABY0b/2Y6M3a+Bvkf5H/&#10;AGf8P29Kv7dP6Sj9q/7H+DoLi9/px7d6S9Cptm29doZDY0tnz+3hUbo2O3GuZAnkyuKX8sZoY/uo&#10;F/46wyIoLVHtpuw6vI4P+Q9Kov1kKeYyv+Uf5egnJA+p9u9Jehddv789XiQfubl6qIik/MlRt6sn&#10;9Dflm/hWQl0n8LDVKP0x+2fgb5N/h/2eln9vH80/mv8AsfyHQabezlftnO4fcOMcR5DC5KHJ0jH6&#10;F4XVwrD8o1rMPoVJB4Ptxl1gg+fSaNzGwYeR6XfbeGpMRvAZzABodu7yood7baeM28cVbeSSAEW0&#10;vR1ayQlf1LoF7XHukTahQ8Rg9PXSaG1Dg3cPz6NXsDbS787j607Yip1loc9sqbcefKqFjXM4uMYi&#10;sFlsFP3UsE63sWJLEEXJTO2hSvoaflx6WqniOJB5rX8+H+X+XRpoRg9zbzmmnx9T/E+sqto6LJTO&#10;DH5ctQiSoRLL/uullj/PCyIT9faYEgfb/q/w9KyAfnT+Rp/m6zddbsg3lszA7qSJEbPrI8piW2qS&#10;F5adma30JFNb8D6Afge9uug068pEmRw6rpyez6HPd4do5rdIkpdj7M3HW7j3bUEEGSEVLfb0Uf0v&#10;NkZSscYBUlS7Kbge1ofSgA4nA6LzCGlYt8K5P7OgK3xvHIb53PlNyZBUhkrpQtLRQ8RUtNGBHT0s&#10;KgACKCJVUWAuQWPqYkvomgU6RTSmVix/L5DoUtpxx9T7NXsrIJEd77rp5sf1nQTgM1JAf26rOOh/&#10;SQpMVJfhmYyBWTkNP+qdPkOP+bpVEPpl8Q/EfhHy9f8AV/l6ACWWWeWSaaSSaaaQyyyykszMxuzM&#10;xuWZibknkn2/0iJrk9Dz15gsXsnb3+mLedFFWRRTvS9c7bqwbZPJR/8AKXKoIY0FA4uxFg8gChgQ&#10;FdPIxc6F/wBsfQf7PSyBBCvit/tR6n/V/n6BjOZvKbkzGRz2aq5K7K5WqasraqW12dj+ALKiKLKq&#10;qAqKAqgKAPb4AUUHSR3MhJPE9Ttp7VzW9c/j9t4ClNVkcjNoS/CRoOZJpnsdEMSAs7fgDgEkA6dw&#10;gqerRRGZtI/4roT+xN2YTbWD/wBEvXlUtTg6aZZt7bpiCh83kIjyFZSb42lcfspcqx9XqsJZGo1L&#10;HU35D0HSieQRjw04DifU/wCr/N9oC+3+kfS8686+zPYmeTE40pSUNKn3ufztXZabH0a8y1M7sVQB&#10;UB0qWBci1wAzLSSQRj/APXp6GEzGg4eZ9Ol12V2Fh4sQnVnWfkpOvMXUCbIZE3FRna1dGutq2spM&#10;IkjHijsBZEcqAsUcVI0NdTcf8HT1xMAPDj+EcT6n/V/q4dAOWA/xPt7pH1MxWKyeeyVFh8RRVGRy&#10;eRqFpaKhpV1PI7fQAf4fUk2CgEsQAT70SFFT1ZVLmg49GayGQw/x1w9RgMBUUeY7nzFH4dw7hg0y&#10;Q4GGRQTR0ZIINYwPqf6jhmAGhPaYA3BqcL/h6XFhZii5c8T6f6v58T5Doq8001RNLUVEsk888jTT&#10;zzMWd3YlmZmYlmZmJJJNyeT7VAU6QE1yesRIH197Ar1UmnQr9XdVZLsSpqcjV1UW3dj4NhLufdtc&#10;VjhgjA1tFE0hCyVDLaw5CalZ+Cqs3LKIccWPAdP29ubjPBRxPT/2Z2xjq3EQ9a9Z0cm3utcVMdRU&#10;stTmJQRqq65iA5R2GpY25PpZwNMccNIo9J1vlj+wdO3FwGHhx4Ufz/1fz6AL2oy3SLC9e9uBKdNl&#10;69CR1p1jnuzcvLR41ocdhsbEavcO5sh6aShp1BZnkclVaQqCUTUCbFmKxq7q3NMIR8/IdP21q1yc&#10;YA4noRuwe0sDtvBVPVXTflodrq7Q7m3aD/lebl06JD5QAyUrcj02Ei2VAkN1kZjgLnXJx8h6dKZ7&#10;oRDw4cDzb1/1ev7MdFp9rOi3rGX/AKf7f22X9OvdK/Y2wtz9jZ6Db+18e9bVyDyVNQ91gpor+qap&#10;lsViiH0F+WYhEDOQpZkfQKnp6CBrg0X8z5Dowme3ttPobFVuyeq6mnze/qqI0m7+yiiMISDd6THA&#10;tIqlGFmtdUIBYyzAGFhIjcHU+F8h69GDzLYjRHlvNvn/AKvLy86mvRR6mpnq55ampmlqKieVpp55&#10;2Lu7sSWd3YlmZibkkkk/X2qJ8hw6KiSxqeoxYD/X/p711rrHdnIUAksbKo/P9B/iffurx8ejTbM6&#10;j23sXBU/ZXeTyUOOY+TbmwLWrslKBqTzxEqyRfQmM6RaxnZE/bkSvKZDpT8z6dGsdusA1y/kv+rj&#10;9n7fPoLO0+4NxdnV0K1gixO2sYfHt/amO9NLSxqNEZYAKJpxGAC5AA5WNI0OgOxQiLhx8z0kubsz&#10;HPDyH+rz6CMsT9f9t7d6YU1669+6t07YHb2a3XlqPA7dxtVlstXS+Ono6Rbk/wBWZjZY40HLOxCK&#10;LliAL+6s4QVPV44zKaKKno2cdHsD4vUkNfmFx2/O7JqYTUOKQ66LDF1urueCslmB1ELNIOIhDGxl&#10;ZKdVz8l/w/6v2dGJ8OwFT3P5f6vIfPif29FG3hvPcm/c5Vbi3Tk58pk6k6fJJwkUYJKwwRiyRQpc&#10;6UUAckm5JJVIgjFB0UTTNOasf9jpLyuAeOTb3bqjmp6wEk/X37qvSs2Vsbc/YOcp9v7Wxk2RrpvX&#10;M49MNPFcBp6mU+iGFL8k8k2VQzsqmjuIxU9OxQtMaKP8w6NfU5brz4u0M2OwH2G++6amnMNflpl1&#10;UmJ1r6o1AN0Iv/m1InlF2maFGSMpBqujnC/4ejUmPbhQdzn+X2+g+XE/sPRONybmzu78zWZ/cmSq&#10;crlq59c9VUm5t/ZRFFkjiQcKigKo4UAe1iIEFB0UyzNO2pjU9MXu3TfXAvb6c+/dbBp0otpbP3Hv&#10;rN02A2zjKjKZKqN/HELJGgI1SzSNaOGFL+p3IUcC9yAau4QVPTkUbTtRRU/yH29G7t118XqHUTQb&#10;77nnpbrp9VLizIv4Ng0A0nkm1RMvC+CKQt7REtdmgwv+Ho5WOPbhVu5/9X7B/M/4Cebx3ruLe+aq&#10;M7uTJTZLI1BsGk4jiS5KxQRj0xRJfhQP6k3YklZHGIxQdFc9005qT/mH2dJKzObn8/Un3fpOAW6y&#10;gWFvfunQKdeAZjYcAfVj7rXVw60Wp15nCAqnLfQv7qWpw62ia8nrATbkn230o4dYy/8AT/b+/dUL&#10;+nWP37pvrA5AY39+6eTh1hL3+nHv3VuuHv3XuuL/AKT72BXpP1iBIvb8+3AlOvdde/F6de6xSkC1&#10;/bZNevdRy5P04HvXXuuHv3XusL/qPv3TqkAdcffuqFieve/dbCevWJ/r/sPfutq1B1w9+6qWLddM&#10;bAke/dWCevUcsL8nkn3o46sSF679tFi3TZYt1hYgnj/W9uKKdOKKdcfdunU49e9+6d697o/Xuve2&#10;uvde9+691hf9R9+691x9+691737r3Xvfuvde9+691H9+691737r3XvfurJx6xyfj37p7rH7917r3&#10;v3Xuve2X49e697r17r3u6cerpx6978/Hp3r3unXuve/de6wH6n/X9+69117917r3v3Xuve/dXTj1&#10;73V+HTvXB/p/sfdE49e6xe3emn49e9+63H1737rT8eve/dbj6979051jk/Hv3XuuSfpHtl+PXuuX&#10;uvXusDcMf9f2+uR08uR1170/Dq3XvbPXuve/de6xyfj37r3WP37r3Xvfuvde9+6unHrE/wBf9h79&#10;071w9+691lT6f7H37r3XI/Q/63v3XusHv3Xuve/de6wv+o+/de64+/de69791dOPXvfuneve/de6&#10;97917r7F38sb/t2x/L1/8Ud6m/8AeCwHuJNy/wByJf8Amo//AB49Tvs/+4kH/NGP/ji9Hi9oujH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kqbaylGI6zbmbl8eAzbJqqmBb7CsS4psggALERaik6gEyU7yKB5VhZM&#10;hXHmOI/n8usPoXGUbgf5HyP+f5dJ/L46swmRq8VXxeKsopfFMoIZTwCro4uskUiEOjqSroyspKkH&#10;3YHUK9NOhjJU8R13g83X7ey+PzeNkjSux1QKiHzKJI2HIeKWNrrJDKhKSI3pdGZSLE+/MuoUPW43&#10;MZDDiOlDvTC0FLLQ7iwEbLtXdEb1mLjLajSToVFbjZW+vkopXAUnmSneCY/5ywqhrg8R/qr05OgF&#10;GX4WyPkfMfl0k8Zl67CZKgy+KqJKTI4usjr6Gqj/AFRyxMHRh/rMBweD9Dce7MNQoemkYoQRxHS3&#10;7ExlDPLjN84GmSm27vVJataKC+igyURX+JY4A8qkM0glgHP+TTQ8lg1qRn8J4j+Y9en7hQaOvBs/&#10;YfMdM+wt0LtDdFBlqiA1uKkEmM3DjfxVY6rQwVtOfxeSB20E/pkCOOVHv0iaxTz4j7R1SCTwmr5c&#10;D9h6637tR9mboyGFWcV2OIjyOCyiforMfVIJ6KqQ/QiWndSwH6X1IeVPvcb6xX9v29amj8JqeXEf&#10;Z0uMc399eoMnh7GbPdU1r7kxa3Jd8JkJEjyMSr/qaOtMVQSeFWWS3JN6Hsevk2Pz8un1/WiI80yP&#10;sPH/AFfZ0aH4lVmfh6v35VUtOtWuOylQ224mW5NW1FDJPEDa/id0piVBte5sCeU11QMPs/y9LLAV&#10;Q/bj9g6FvZenO5rt7b+EraiHH4SBNqU1fJyTk6iGpNZNIRctLRRfZ0YIP6aS4uGFmW7QCfPP5dKQ&#10;xYn5ED86V/y9CN18+FOz9sx7cpBS4Cl82Ow8RPJp6aSpp4p24Ul6hIvI9xfVIS3IPvT8c8etgBcD&#10;0H+Tqvn5P7nosduHMdd7fukU+ebd296ywDVWQqUVqSnuLsaego2QBb6TK7MVDICVlulRqP2DouvZ&#10;vwD5FvngU/1fZ0DvVuy8fuPIZHP7olkothbMpRmd2VycGRdVqfHwm63qchKPGgBBA1MPUFBdlcqK&#10;DieHSa3iDnU3wjJ/zf6v8vSe37vPIb93LW7grooqSN0SixWLphaGiooBopqSFQAqxwxj8AamLPYF&#10;j7siaBT/AFHqk0pmav7Ps6UXV+wqXddZkc5uWpkxewNowDJ7tyy8MUv+1RU5/tVdY40IByAS3J0q&#10;1ZZNAoOJ4dOW8PiGrfCOP+r/AFf4OmnsbflXv/P/AMQNMmLwmOpkxO18BT/5mgoIRpggQCyltIBk&#10;aw1Ne1lCqu44/DHz8z6nqk83jH0A4D0HSLoKGty1dSYvF0k+QyNfUJSUVHSqXkkkchURFHLMxPu5&#10;NOmlUuaDj0P+68jR9MbcrOuNt1kFVv8AztOI+ytzUDkikiIDDCUUosAFv/lLryzXRufTCnUeMdR4&#10;DgPX5/6v+LXO4tV0L8R+I+ny/wBX+XBbvanpB0r9j7Iz/YO4KXbu3qYTVUwM1TUzErBSwKR5Kmok&#10;sRHDGCLnksSEQM7Kpo7iMVPTsMJmag/4roUexN87f21gpOpurqoybZjkD7v3UoAnzlYhs1nBNsfE&#10;VAjVfS9uCyeuVuNCx1tx8h6dPzShB4cfDzPr/q/n9nEvJcn/AAHt/pH1OxOJyWdyVFh8PRVGRyeR&#10;qFpaKipV1PI7fQAf7ySbBQCSQAT70TpyerKpc0HHozFZlsL8ecTWbf27PSZrubJ0v2u4tywaZKfB&#10;RyD10VExuHrRwJHtYN+rlRGE2kzmp+HyHr0uLLaCgy54n0/1f7J8h0VuaaaomlqKiWSeeeRpp55m&#10;LO7sSzO7MSzMzEkkm5PJ9qgOi8muT1HL/wBP9v7cCevTZf06GXqzqZ95x1m690ZFNr9bbfkD7g3J&#10;V+kyWIvS0QKt5ahyVW4DBNS+l5GSJ25p/C7VyfIen29Kba28bufCjj8/9Xr1m7T7aTdVNTbL2Zj1&#10;2v1jgpdOHwVMND1TKeKuuIJMkrtdwpLaSdTs8l39sxQ6TqbLHp64udY0LhR5ev8Aq/2T0CHtUE9e&#10;kBf064lgP9f+ntzpvoWereqMj2JU1mSr62LbexsCBUbl3XXkRwwxrYtFCz2SSoZOeTpQWZ/qiuxN&#10;OIsDJPAdK7W1M+ThRxP+r/UOlH2d27jq3ER9a9XUcu2utMa7LKqllqcvLqBaqrXP7hjcqCsbG5sD&#10;JbTHFFSGA11vk/4Onbm7BHhx4Ufz/wBX8+i9lgP8T/T2oLU6L+sRYn6/7b22SW690KPV/U24ez8l&#10;NHQtHitvYtfuNxbqyA00lFCo1OSzMiyTaLssepeBqdkjDOKSuIRnJ8h0qtrVrk4wBxPQl767Y2/t&#10;LAVPV/SaSY7AN+xufev0rsxIAySBZhZlpWDH1AKWBKRLHDfy0igLnXJ+Q9P9X/F9KJ7pYR4cPDzb&#10;1/1ev7MdFcduT/Qe3mNei3rAXJ+nHuvXupmLxWSzeQpMTiKGpyWTr5hT0dDRoXkkc/QKqgk8ck/Q&#10;AEmwBPvROnJ6siGQ0AqT0bih2/sj420FNnt7R0G8O36iFavA7SidZKXFEi8dRVMLgyoxuHsSWW1M&#10;BpNQEhLXOFwvmfXo1VE28VbLkYHp/q9f2efRXd6b43Lv/OVG4Nz5KXIV837cSn0xQRAkpBTxD0ww&#10;pc2VfqSWYs7MxUogjFB0XTTtMasf9j7P9X29JL3fqgSvHrokD6+/dOCgx0I3WnVm7O1Mx/DdvUvi&#10;oadg2XzlWCtLSRn6mRwPXIR+iJbu31sEDOrckoiGfyHSiC3ac44eZ6HbcPZey+ksRW7E6UaHK7nq&#10;UNLujs2dUkdmHDRUR9SNpPClbwR2uvmlJlVhYzPl+HkOlsk62o0R8fM8f+L/AMA/b0TvI1VTXVMt&#10;ZWVE1XWVUr1FTU1Ls8kjubs7uxLMzNckk3J9qgKdFErFjU5PUD3vprrE/wBQf8PfuvdDR1J0juPt&#10;Colr2kj29svGEy5vdmRGmGNEGqRINRVZplQEn1KkY5kdbqGZlmEfzPp0ttbJrnPBfX1+zoUN7d07&#10;Y2Bg6jrfoSE43Hk+PP79JvWV0gBVmp5bK39QJiAACRTpGtnZhIDKdUn7Olc94tuPDg/Nv9XH7f2f&#10;In8sjyySSyO8kkrmSSSQkszMblmJ5JJNyTyfa3ooJrk9YiwH+v8A09+611iLE/X/AG3v3Xuhk6n6&#10;U3P2pWtNTAYfa1FLbMbor1IgiCgM8cIOn7ioCG+hSAoIMjIGUlmacQ8cn06VWtm10cYXzb/IPU/y&#10;Hn6dDDu/uTZ/VGFq+uuiIojUSDwbh7BbTJNUSrdWME1rTMpLBJAPDHcmnUlvJ7TpC051ScPIdGEl&#10;0lmPDh4+bf6uJ/kP5dE4qaqprKiaqq55qmpqZWnqKioZneR2JZnd2JZnYkkkkknk+1wFOihmMhqc&#10;nqMVBNz791YJTj1y9+6v1yC/k8D3rRXJ4dNs9MDJ6xPJcaVGkD6+22avDrarTjx6wM1uLc+6kU6e&#10;VqDrEST9T711fy/Lrr37pnrgXA+nJ9+691Fcksb+/dPJw64e/dW697902X9Oo7N+Tc+3iQvTfXBW&#10;ve/AHtstXr3XRf8Ap/t/demy/p1HkN7c3P59+68nWP37pzrGX/p/t/fuvdY/furBa9dEgfX37pwA&#10;L1jL/gf7f37qhf06wpexvfk359+60q6uuRIH19+6coF6wyOSptwPfuqF68OsIU/qPFuefdS3l1UZ&#10;64kk/X3sCnTwFOuve+t9e9+6unHr3v3TvXvdH4de697a691737r3WJ/r/sPfuvdcPfuvde9+6917&#10;37r3XvfuvdR/fuvde9+691737qycescn49+6e6x+/de697917r3tl+PXuve69e697unHq6ceve/P&#10;x6d697p17r3v3XusB+p/1/fuvdde/de697917r3v3V049e96PDp3rg/0/wBj7bTj17rF7d6afj17&#10;37rcfXvfutPx69791uPr3v3TnWOT8e/de65J+ke2X49e65e69e6wv+o+3k4dPJw64+/Pw6t172z1&#10;7r3v3Xuscn49+691j9+691737r3Xvfurpx6xP9f9h79071w9+691lT6f7H37r3XI/Q/63v3XusHv&#10;3Xuve/de6wv+o+/de64+/de69791dOPXvfuneve/de697917r7F38sb/ALdsfy9f/FHepv8A3gsB&#10;7iTcv9yJf+aj/wDHj1O+z/7iQf8ANGP/AI4vR4vaLox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5EJYn/W/p7y&#10;I6w36XtKP75YNccbNujbNCz4k/26/HRAvJR3/t1OPUNJBf1PT+SEH9mmjLZ/TNfI8fkf9npSv660&#10;/Eox819PtHl8ug+LAf4n+ntzpN0vNl5Sgq4shsjcNTFSYLc0kb0mTn/TjcpEGWjrieStO3kaCqAv&#10;enkaSzSQxWbkBHcOI/mOlEDA1RuB8/Q+R/yHpF5TGV2FyVfiMnTSUmRxlXJQ1tLJbVHLExR1Nrg2&#10;YfUXB+oJHu4IYVHTLKUJB4joQOva6kykWU66zVRFT4vdzxvh66pICUGahDCgqSzemOGo1tSVDcAR&#10;TCRj+yPbco09w8uPzH+rPT9uwasbcG4fJvI/5Og6r6KrxdbV47IU8tHXUFTJR1lJONLxyxMUkjdf&#10;qGRwQR+CPbgNcjpOylTQ8R0Kgdt99YOhJl3N1UPJHfmSo27VzWZfyzfwmvlBH4WGqb6LFwz/AGb/&#10;ACb/AA/7PSr+2j+afzX/AGP5DpLdabrh2bvLE5evh+6wkzPidyUJuVqMbWI1PWxMo/XeCQso/wBW&#10;q8i1/d5E1in7Pt6bt5PCcE8Dg/Yf9VerNth7do+meuKGKbKRLisVlMvunN5FbMKugVaz7UxkcGWS&#10;n+0cKL30PpPHBbIfGavrQD+XR1EohWnkK5+WTn7Ogxmky3x26k3Vk9b1OUyvbRq6Ctms8lVSPWU5&#10;1ylidX3ePopfzwZdQNyW93p9Q4H9H/V/Pps/4qhP9Kv7SP8AJ0bLFJQU1JRQ4kRLjGp2q6IR6dDL&#10;M/lXxAWYIoc/gCzLyTeybUelRFeqru/NuZHO/Ijc+3cFSS1uTzORx0VFTL9WlqMZROxJ4VY1ZmLM&#10;bKiAsxAUn2aQOBGCfn/hPRJcoXlKjzp/gHTF2nnMZg8bjOodpVSVOC2rUtV7oy1OfTlc4y6KmcH+&#10;1TUgBhgFhwGY6vQ3u0aljrPnw+Q61cOEHhrwHH5n/V/qwOg12dtLM753HjNsYKATZDJz+MO9xHDG&#10;PVLPMwB0QwoCzGxNhYAsQC47hBU9MRRmVtI/4roRO0934SGix/WGw5i2x9qztJVZJeGzWUtoqMlL&#10;YkGIEFKdbkCP1AkFAjcSH4m4n+Q6fuJQB4a8Bx+Z/wBX+rh0B5YsbC/PAA9vdJOjMUsUHQO2UydX&#10;Gj9zbtxpOIo5R6tuY6cFWqZlP6cnVJcRqbNEt9VgHSRMf1zT8I/mel4H0a1/Gw4eg/1f6qVqWiWW&#10;SaSSaaR5ppnMssspLMzMbszMblmYm5J5J9qekJNcnp92ttfNbyz2O25t+jetymSnEMMag6UH9uWV&#10;gD44YluzueFUE+6swQVPVo4zKaDobN97qwnWe36vqbrmsSqyFRaLsjfVIQGr5gCGx1K4LMlFAWKP&#10;ZhqIZCDqlMjKIZDrb8h6dK5JBbjw04/iPn/q/wAH216LX7UdIenDFYrJZzJUWIxFFUZHJ5GoWloq&#10;KlXU8jt9AB/vJJsAASSACfeiQoqerKpc0HHoyuVrMV8fMLPt7b9ZS5PuTM0vg3JuKltJHgqeRbtR&#10;UT/QVrggPIBqUer0nxgJlrOan4RwHr/q/wBXn0uYizFBlzxPp/q/2T5DorUszSO8kjtLLI5eR3JL&#10;MxNyWJuSSeSTyT7WKtei1n/M9YCxP1/23twAL02SW6HXq7qakz2PqOwN/wBeNtdYYSf/AC3ITFlm&#10;yMikj7SgUAvIWcaGdQTclIw0gbxpprinavHpbbWobvf4R/P/AFf7Azwau0+2qzfr0mCw9FHtrr7A&#10;OY9s7VogsaIoBUT1IT0yVLgk/kR62ClizySehg05OSeJ61cXXidowBwH+f8AzeXQOkgfU+1QFOkR&#10;NesZcn6ce99a6G7qnqH+99PV7y3jXna/WOA1TZrcExCPOUIBpaIFWMkzuQmoKwVjpVXlKxlPNPo7&#10;Vyx8ultta+INb4Uefr/q/wBgZ649rdwf3up6TZ20KFtrdYYELDhNuwgK85jJIqq0qWMkzsxfSXZV&#10;Y6mZ5S0h1FCIu5ssevXN14vauFHl6/7H/Fn5AWXJ+nA9uF68OkXXD34JXj17ocequnJt5U9Vu7dm&#10;QTaXWmDJlzO5a0hDNoZdVNRhuZJn1aQ4VlViFVZJSsTMz3Hhdq5Y8B0utbTxe98KPP1/1evUvs/u&#10;OHOYyHr/AK7x7bS6wxVo4cbCAlRkXUg/c17i7NrYatBZtTfuSs76fH6G30nW+W/wdbubzWNEeEGP&#10;t/1fz8+i/l/wP9v7UF/TpB1hZhY3+p9tde6Vmxdhbn7FzsG39r496yrceSpqHutPTRXs09TLYrFE&#10;v05uzNZEVnZVNHkEYqenoIGuDRfzPkOjJZTd2y/jtjqva/XElFuntGoiaj3NvueNZIaAj9dNRI2p&#10;daN9UBKhlBqDI6iKNhYmue5sL5D16MXlSwGlKF/M+n+r0/b0UDI5Kvy9bVZLJ1lTX19bM1TV1tY7&#10;SSyyMbs8juSzMT+SfavyoMAeXRWSZTUnJ49QveurhQvWMv8A0/2/v3VS/p0P/VfRlVu2gm3vvfID&#10;ZvWeMX7iuz1cRHJVKpsY6JZAdQY+ny2YFiEiWV7qE8s+ntXJ9OltrZmTvfC/zP8AsfP9nU/s3vOl&#10;qsMOuuqaA7N64o1anlNPeOryd+Heoe5kWKW3qUsZJfrMxv409HDnU2T/AIOnZ7wU0x4X9lf9X7T5&#10;9FmaW6tp45tf2o6Li1RjqN790110Tb37r3Rp+veicVjsIvZXeFY+1dk06iagwMxaOuybMCY49C/v&#10;xRy29KIPNIt2HiQeX2lknzpTJ6MobIINc2B6HH7f8gGekj213xlN+08O1dtUS7O64xqLT47bOO0x&#10;+ZIz+21X4rKwBAZYV/bRrE63Af3aKDRk5P8Ag6T3m4GbsTtTh8z/AJh8v2/IvBJP19qOkhNOsTMb&#10;2HHv3Xga9Y7X4HJ9+630ajrboWhpsMvZPc9adpbFpUWqpcZUkxVmQvcxroH7sUUtvQqqZ5h/mlVW&#10;WUpJbnOmPJ/wdGdtYY8SbtUeRwT9vp9nE/LzTnbPf1dvCjXZmyaL+5vW+Pj+yo8NRBYpKmJTx9z4&#10;yQsbcsYVYqSSZWlaxG4bfR3Nlv8AB1q6v9Y0R9q8PSo/yD5f8V0XL2q6Lhnr3v3TwFOve/db652C&#10;8tyfwPe+HTRJfA4dcGf+p/1h7berHq6qF4dRzySf6n3sLTq3WJ/r/sPdH49e6xFgP9f+nunTpag6&#10;xlif9b+nv3TXXH37r3UeRgGP5P8AT37pwNQdYdRJF/oD791Ukt12X/A/2/v3Vgnr1hdha359+6ZL&#10;U6wk2HJ49+6bqW6xlyfpwPfurhKcesTNp/2Puyrq68Xp1iJJ+vvTCh6spqOuveut9cC4H059+4de&#10;8UKKDrGST9T791smvXXv3WuuBe3059+6sr0GOsRJP19+6qTXr3v3Xuuj9D/re2fP8+tjj1g9vdP9&#10;e9+691737q6ceve/dO9e90fh17r3trr3XvfuvdYn+v8AsPfuvdcPfuvde9+691737r3XvfuvdR/f&#10;uvde9+691737qycescn49+6e6x+/de697917r3tl+PXuve69e697unHq6ceve/Px6d697p17r3v3&#10;XusB+p/1/fuvdde/de697917r3v3V049e96PDp3rg/0/2PttOPXusXt3pp+PXvfuvJx697915+PX&#10;vfutx9e9+6c6xyfj37r3XJP0j2y/Hr3XL3Xr3WF/1H28nDp5OHXH35+HVuve2evde9+691jk/Hv3&#10;Xusfv3Xuve/de69791dOPWJ/r/sPfuneuHv3XusqfT/Y+/de65+/de6j+/de697917rC/wCo+/de&#10;64+/de69791dOPXvfuneve/de697917r7F38sb/t2x/L1/8AFHepv/eCwHuJNy/3Il/5qP8A8ePU&#10;77P/ALiQf80Y/wDji9Hi9oujH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kPEgfX3kR1hv1kpa6qoaumrqGeWlq&#10;6OoSqpamE6XjkjYOjqw5DKwBB/r78RXrakqajpW7kpKXLUMW88RDHBDWVApNy4ynUKlDkGBfVGq+&#10;laOvVWlgAt42WaC2mJHkbQ07T+XzHT8oDjxF8/iHof8AMf8AY6Q/tzpP0J1ef787X/jQOvdmzaGK&#10;kz4Ju9dik0QUtfb6vPj7pT1B+phNPLY6J39tD9M08jw+R9Pz6VN/jCavxLx+a+v5efQXF7fp+o+h&#10;9u9JehU3d/v9ttUXYkNpM5j3h272Ci/qefRpx+WYAfTIQxmKZvzVQs7eqoHtlP0zp8uI/wA3SqX9&#10;ZfEHEYb/ACH8+kpsbdcmzNzY7O/bpXUcZeizGLmt46yhqUaCspJAfSVnp5GXm4DaW+qj3eRNYp+z&#10;7emoZfCYHy8x6jp23VsSfH7/AKfaWBc5Gj3HWUk2za43tV0WUKNj5b2+pSVUk/1MiutuPekkqtT5&#10;cftHV5INMmkcCRpPyPDqyXtPbRzW2KLrPb+RjhpqPFY/B5iJiL0FDNUU/jyUzMQirDjcTXxgMbsZ&#10;APoQSgRqHUf9R/1EdHUq6lKjH+Yn/NWnSD7229k+xNh9O7c2hSumC3BuGlkpaiUNamo1x1Q9HNUa&#10;jqUR44ySyA3IKFb6rA3hbQST6H/D0xcqZwFHCo/IUPRmKfCTY+uwkNFNqxuPxK48x1PLqtPG0aFH&#10;A5abyr5BwD4VN7gD2lK16Uh+iffIfI4nrHcm4d44+oWTsbfeGhwW39FtWKoY4RBXZBTclaipCiCF&#10;gFK6ZGVjZ19qrdTIAp4A1PzPl0kupFh7x8RFB8h5n/V/n6r2RJJpEjjR5ZZXEccaAszMxsFUC5Zm&#10;JsAOSfZh0TAV6MRuKZOk9mTbJoJFXs/e2PSTflfCRrxOMmUSRYaJxytRVKVkqiLWUhPWDG6pl/Wb&#10;V+EcPmfXpdJ/iq6R8R+L5D0/1fb6dFs9qekPRiNg4TE9bbag7g3rRw1uRqpGi6u2lV/8plUlr5Wp&#10;T9QoaNiCn/HR7EFbws6d2Mh0L/tj/k/1f5+lsKiAeI3H8I/y/wCr/N0BudzmV3LmMjns3WS5DK5W&#10;parrauY8s7fgD6KiKAqKLKigKoCgD2+qhRQdJHcyEk8T1gxGKyWeylDhcNRzZHKZOpWkoaOnF2eR&#10;zYD+gA+pYkKqgsxABPvxIUVPXkQuaDJPRi90ZnG9Gbdreu9o1sFb2Rm6b7bsfdtIdSUcbDV/CcfI&#10;baWUG00gGoN9SJNKU6dQZjqPDyHS2RharoX4j8R9Ps/1fz6K77U9IOnDE4nJZ3JUWHw9FUZHJ5Go&#10;WloqKlXU8jt9AB+APqSbBQCzEAE+9EhRU9WVS5oOPRmclkMN8dsPPgcFUUeX7mzFH4dwbggtJDgY&#10;ZFBakoyQQaxgfU/1H6msNCFOqm5NT8I/n0tZ1shQZc8T6f6v58T5Doqs9RNUyyzzyyTTTyNNNNMx&#10;Z3djqZnZiSzMSSSTck8+1yoF6K2ct1g9+L04deCV49GE6w6pxcuIbs/tKofCdbYxjJTUxJWqzU6H&#10;0UtHHdXMUjgqzqQWsyoygSTQpJZSTpXJP8ujCC3CjW+FGft/1fz6SHaPauV7HrqWBaWnwO0cIppt&#10;sbTxoEdNSQgaULKgVHnKAAsAFUemNVW4L8MAi+Z8z0muLoz4GFHAf6v9Q6CYv+B/t/b/AEl6xkk/&#10;X37r3Q/9Y9S46vxM3ZPZ1c+2+tMVKChkDLUZiUEkUlEoKyFHKkNIl2azJFyskkKWaenamT/g6X21&#10;qCNcmFGft/2P8Pl0me1e3Mh2JU0eNoKKDbmyMDeHbO1aABIYUF1WaZUsj1LIbEgaUBKoPU7PqKMR&#10;Z4k8T03dXRuDQYUcB/q/1DoHvboUt0k697cC0690Y/rfqHEU+DXtHt6qk2/1/SlZcZiyGWtzUnDR&#10;Q08Qs/28wv61IZ1uylIg06JZ7g10R5bzPkOjG2tAF8SXC+Q9f9X8/s6RnancGW7FnpMdTU6be2Th&#10;FFPtvaGPIWCCNF0I8wQKss+kWBtpjBKxgXYvaGFYM8WPE9M3N2Z8DCjgP8/+rHQOFifr/tvbhJbp&#10;J117uE9evdCz1X05n+zKuorfLFt/ZuJYybg3dk7JTU8aDXKsbOUSWZY/URqCxghpWRSupLNMIjTz&#10;PAdK7W0NwanC+Z/zf6sdCHvruXA7UwVR1l0dFJhdtf5nPbxFxX5aS2mRllIWSOJ/prsrFfRGsUPp&#10;fUdvqOuT8h6f6vTp+e8WMeHBgebf5v8AP+zyPRVme/A4HtSz16LesTGwv7rSnXleh64Ikk0iRxo8&#10;ksjiOOOMEszE2CqBckk8ADk+9dbyx6NrtDp/a3W2CpeyO+XNPHIfNtrrlLGsrpAAy/dRalIUXUtE&#10;SFUEfcut/CyR5jIdMf5t6dGsNotsNc35Lx/4s/Lh6/IIe2O6Nzdo10a1mjE7ZxxCYLamOOmlpkUa&#10;EZwoUTThOC5AA5WNY09Pt6KERfM+Z6S3F4059B5D/P0CzMzcsSfbvSQmvXIfoP8Ar/8AFPfurD4e&#10;puKxOVz2So8PhMfVZTKZCYU9HQ0aF5JGP4Cj8AckmwUAkkAE+9FgoqetIhkNFFT6dHFxmyuvfjdj&#10;6XdHZxo949ozQir2/sWjdJIaJ/rHNUN6kLRsOZnBRWv9vHK6CQI9bXR0phfM/wCr/B0bLHHtw1yZ&#10;byH+b/P+zPEsPYnZm7Oz82+a3TkGn0akx+NgulLSRk38cEVyFvYanN3ewLsbCypIhFgf8X0U3V29&#10;0anA8gOA/wBn59B4X/p/t/b4T16S9YSwH+v/AE97agFOrAFup2Hw2W3Fk6TD4TH1WUylfMIKShok&#10;LyOx/AUfgAEknhQCxIAJ9skhRU8On0QsQqgk+QHRycVsfrz444yj3X2i1JuvsmoiFXt/ZFIySRUr&#10;jlZJb6kZo3HM7gxKwYQJM6ByiaRrjCYHmf8AV/g6OEhj29Q8uW8gP8n+c/l8yw9ldqbu7TzLZXct&#10;cxp4nb+GYamLLS0iH+zFGSbuQBqka7vYAnSFVVMUIiGPzPRfcXbXRqeHkvkP9n59Bx7d6Tde9+62&#10;OPXYBPA9+6eLU67LLGDzz/U/776+/dN/Fk8OojzE/puP6k/X37rxb064p9D/AK/v3Vk4dciwUXJs&#10;PfurE06ivJqPp4Fre2n49Nl68OsXunTg4ddEgfX3sCvW+sZcn6cD24Ep17qM/wCo+6Nk9XVa9cfe&#10;gK9XqF697dCgdNl69R/dAlePTASvHrg/0/2Puzig6uSF6xe2umyxPXEqDa/49uoKdWCevWKQqpsP&#10;6fQe9MtT1YkL1gLFv+KD3YLTpssW66IsbH22/HqwT164FgP9f+nuvVi1OsZYn/W/p7902SW64+/d&#10;OKKde9+6t1737r3XR+h/1vbPn+fWxx6we3un+ve/de69791dOPXvfuneve6Pw69172117r3v3Xus&#10;T/X/AGHv3XuuHv3Xuve/de697917r3v3Xuo/v3Xuve/de69791ZOPWOT8e/dPdY/fuvde9+69172&#10;y/Hr3Xvdevde93Tj1dOPXvfn49O9e90691737r3WA/U/6/v3Xuuvfuvde9+691737q6ceve9Hh07&#10;1wf6f7H22nHr3WL2700/Hr3v3Xk49e9+68/Hr3v3W4+ve/dOdY5Px7917rkn6R7Zfj17rl7r17rC&#10;/wCo+3k4dPJw64+/Pw6t172z17r3v3Xuscn49+691j9+691737r3Xvfurpx6xyfj37p3rH7917rK&#10;n0/2Pv3Xuufv3Xuo/v3Xuve/de6wv+r/AF/fuvdcffuvde9+6unHr3v3TvXvfuvde9+6919i7+WN&#10;/wBu2P5ev/ijvU3/ALwWA9xJuX+5Ev8AzUf/AI8ep32f/cSD/mjH/wAcXo8XtF0Y9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8hf3kR1hv1737r3Sg23nf4HXSNUU5r8Rkac47PYrXoFTSuysyBrMEmjdVlhkKt4p0j&#10;k0tp0mrrqHz8j8+nYpPDOcg4I9R/q4ddbmwgwNdGtPUHIYjI04yWByoXQKqlcsEcrdgk0bq0U8YZ&#10;vFOkkd203PkbUPn5/b1qWPwzjIOQfUf6uPUTb24K/bWZoc1jzEZ6OQ6qeddUM8TqY56adPpJBUwu&#10;0ciH9SMw/PvzLqFOtRyGIgj/AIvp63pgaHHVFFm8AJn2nueFshgnmOp4GVgtVj52HBqKCY+NjwZI&#10;zFOAFmX3pGJweI49OTxhaMvwtkf5vy6x7G3RT7azLjKQyVu2s5SPgd142P6zUM5XyMl+BUUrqtRA&#10;31WeKM3Av79IuoY48R9vWoJPDOeBwfsPTbvLbVTtLcNfhJ5462GEpU4zJU/+arKOdFmpKuE8gx1F&#10;O6uPypJRrMpA2jaxXrU0XgsV/YfUdG5+LlLQ7/rsBDmomnyvUNbJksFUsvEtBkEnApZXAuWochao&#10;p9RNg8igaRYJbjs4cG4/aOjCyIlA1cU4H5MD0Mu7ty4fG5fdlBuKWqoU7q3ZP1jiZ4Xt9vQUONTF&#10;S17coNMWZnkUgkARuzXIBu0qk5H4RU/tr/g6VSOFw34jQU40p/n/AMPS73tVYnH47F9P0+aaj3Fu&#10;3ZcuH25TQhAqDHUsmoyNceJa+MGnX6XCuEuwt7ooJ7vQ56cYqCF4E1p0r8bnp/77b+oZYamTHYig&#10;o5zUREsscgpVmeO30WWWOcMACDZLn9QtQjHWyPL06JN82KFP7x7C3DFpeHLbcnoIZlt6hSzrOOf1&#10;WtXgi/HPH59rLU4I/wBX+rHRXfrTT65H7Kf5+go68x9D1ttf/TNuamiqMvUSSUHU+BqwCKiuS6yZ&#10;aWM8mkxzfoP9qa1ijeN/d5D4p0D/AGx+Xp+fVIFEC+I3H8I/y/6vL8ugEyWRrsxkK3K5Sqmrsjka&#10;p62urKg6nllkYs7sfyWYk/717fA0ig6SMxc1PE9C71ZsTEVtNkuxd+mSk662lIDUxjiTLV1tUGJp&#10;Lka3kNjMVPojPJQMZEalc/CvE/y+fSi3iB73+Efz/wBX+x0iuwd+ZXsHcdTn8qIqaPxrRYjE0oAg&#10;oaOK4gpIEAULHEp5IA1MWYgE293jQRig6ammMxqfyHoOkXTwVNdUwUdHBNU1VVMtPTUtMpeSSRyF&#10;RERQWd3YgAAXJNgPdyadNgVwOjR1UtF8ctuyY2jlpqzu7c+OAyddCVlj27QzAMKeIi4/iMy2LHnS&#10;LMPQEM6Uf4wa/hH8+l5Is1x8ZH7B/q/nnhToqru8rvLK7ySSOXkkckszE3JJPJJPJJ+vtV0Xk16l&#10;47HV+Xr6TF4ukqK/I19QtLRUVKpeSWRzpVEUXJJJ96J0ip6sqlzQZJ6MxX11B8csPUYPEy0eT7pz&#10;1AFzmZh0Sw7eppVv9pTNyHr5FILt+kek2KhPInjU3RqcIOHz6WSOLFdIy54nyUf6v858h0Veaaap&#10;mlqKiWWoqJ5GmnnmYu7uxLM7sxLMzE3JJuTyfa8kJjosoXNT+09YvbZJbq4AXoxPXPWWBxu3j2t2&#10;2ZqHZNO3+/f2+h0VecqOSkUS3VxTMVN2BXWAzakiVnKeRyToXj5/LpbDEFHiScPIev8Aq8h58eHE&#10;P+0O0cz2Xmo6ytSPG4XGR/Zbb21RWWmoKZQFVEVQqmRlVdb6RqsFULGqIqiGERD5+Z6S3Nybg+gH&#10;Af6vPoLyxP1/23t7pN117917oxvXPVuBxeBXtTuJ6nFbHp5EbA4FRprM5MbOkcUZKv8Aauo+oK+R&#10;btrjiUye0ctxU6E4+Z9OjCC2CL4kuB5D1/1enn9nEPO0+18/2hlop61Y8Xt7FA022dr0NlpaGnAC&#10;IqqqorylFAeQgXsFQJGqIu4ognDj5npi4uTOfQeQ6C32oCU49Juve79e6NRtDrja/V2DpOy+64PL&#10;UTjz7N6zfT91XSizJNWxNfRToSC6OulQR5gWZaeRDLMZToT826NIbdbZfEm4+S+f+r/B59Al2P2b&#10;ubs7OHMZ+oVIIFMGIw9JdaWih4tFTxkm1wo1ubs5AubBQrkaCIUX8z5npFcXDXJq35DyHQee3Qle&#10;PTHXRIH19uAU60TToxvWnSdJWYQ9ldr5A7P60o9M0AnulZlSblIaWMXlWOXTwyqZJRxCpBMsaSa5&#10;odCZb/B0vtrQMPEl7U9PM/8AF/LJ8vLph7X7rq97U0O09rY9NodbYm0WK21QgRmZUN0lrfGSrvqG&#10;oRglFb1EySfuG0Nv4VWOW9eq3V2ZxoXtQeXAn/Y+XQAkk/X24AW6Qkheve3AtOmy1enfA7czm68t&#10;R4HbuNqstlq+UR01HSLdj/VmJsscajlnYhFHLEDn3SVggqenbeJpm0qKno3MVB198XaOKuzX8P35&#10;3bPSiaixMR10WGZ1uryNwwksQdRCzOOIhDGxlYuq118l/wAPR0BHtwz3P/g/zD58T0UjeG9Ny78z&#10;dTuDdGTnyeRqTYNIbRxJclYYIx6IoUvwqgD6k3YklYiCMUHRXLM05qxr/k6Sj/pPu3TXWH37r3Qh&#10;9c9Y7t7QzSYbbFCXjjZWyWVqbpS0kZNvJPKAef8AUooaR7HSpsSG5JBGKn9nSiC3ac0HDzPkP9Xp&#10;0ZHMb+6/+OuMrNp9Til3X2RUwmj3F2DWoksVMT+uKmUFoyyMOIlJiUhTO87qU9sJC10avgeQ/wBX&#10;+HpdLOm3jTHljxPp9v8Am/b8yZ5TK5LOZCry2Yr6rJ5OumM9ZXVrtJLI5+pZ2JJ/oPwBYCwHsyVQ&#10;ooMdEkkjSnUxqemh25NzwD7ouCeqdYS9/px70Xrw690I/WnVW7u1Mz/DNt0R+2gZTlc3VXWkpEY8&#10;NNJbl2AOmNdUj2NlsGIZkkEWW/2T0ugt2uDReHmfIf5z8v8AB0ZHNb/69+OeNrdpdUrSbr7GniNL&#10;uDflYiSR0zca4obFlJRhxAhMasAZ3ldCntIEa5Op8DyHRi80e3DRH3OeJPl9v/QI/P5kuzGYyu4M&#10;lWZjN19VlMpXzGesrqxy8jsf6k/QAWCgWCqAqgAAe1qqEFB0UOTKxZzUnpt976910TYX9+6915QW&#10;5PpT+vv3Xq9eaUDhP9v791uvUWQk2v7914mvWL37rXXavwQP6/X37p1OHWFySxub+/dVILHrh7af&#10;j1cKF6xl/wCn+397CevVS/p1j+vJ92JC9Ode9tlq9e6wMbkke7Ktc9WD4x1xLAG3592LBeq9eJA+&#10;vtotXrRNOohf+n+39v8AVC/p1j91YV6qFJ66JA+vvwAXpwAL1gkkPAXi/wCffg2rqhevDrEFJ5P5&#10;5v7t14LXrn6VH9PeiadXwvUaRyWNuPbJNT1QvXrF7114JXr3v3TgFOve/db697917r3v3Xuuj9D/&#10;AK3tnz/PrY6we3un+ve/de69791dOPXvfuneve6Pw69172117r3v3XusT/X/AGHv3XuuHv3Xuve/&#10;de697917r3v3Xuo/v3Xuve/de69791ZOPXB/p/sffunusXv3Xuve/de697Zfj17r3uvXuve7px6u&#10;nHr3vcnTvXvbfXuve/de6wH6n/X9+69117917r3v3Xuve/dWTj173o8OnuuD/T/Y+2049e6xe3em&#10;n49e9+68nHr3v3Xn49e9+63H1737pzrHJ+Pfuvdck/SPbL8evdcvdevdYX/UfbycOnk4dcfe24dW&#10;697Y691737r3WOT8e/de6x+/de697917r3v3V049Y5Px79071j9+691lT6f7H37r3XP37r3Uf37r&#10;3XvfuvdYn+v+w9+691w9+691737q6ceve/dO9e9+691737r3X2Lv5Y3/AG7Y/l6/+KO9Tf8AvBYD&#10;3Em5f7kS/wDNR/8Ajx6nfZ/9xIP+aMf/ABxejxe0XRj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yF/eRHWG/XR&#10;IH19+691jLk/Tge/de6W22q2lytDJsvM1EVPS1lQarbmUqWCpQZF1VB5HbhKGuCrFUE2EZEVTe0L&#10;pI2wp3D8/mOlETax4bf7U+jf5j5/t6R9fR1WMrKrH5Cnmo66hqHpKuknUrJHJGxV0dTyGVgQf8fd&#10;wa5HTDKUNDxHSz2ZlaCtp67Y24KmGjwm4pkmx2Vqb6cZlEBSmrWIuVppgfBV2B/ZYS6XenjHujgj&#10;uHl/MdPwMDVG4HgfRvX/AD/4R0isri6/CZKvxGUppKPI4yrkoa6ll/VHLGxR1Nrg2I4IJBHIJBv7&#10;uDqFR0y6FCQeI6EzHf7/AP2PLg2/d3b19RTZTAMeZKzCBmnrqG97tJjHZ6uEcnwNUqBaNAGz+ma+&#10;R4/b/s9KV/XTT+Jcj5r6fl5fsHR5/h1tUYPryq3BURMlZvDJSVyOdI/yOiJpafUD6lJn+6ZTwGU3&#10;AsLlJctVqen+HpZaR6Ur6n/V/gr+fSL39t2btrv7rGjxtpdn0O0qPecmSQyeGahevqKhplY6SJa3&#10;9mAkerzMWP0NtowjQ141p16VDJItOAGqv5/7A/LrL3hiKir7/wCpt0YeqlqI6TeOI2Ll1gBZqSrj&#10;qIMoquB/Ynx+S12+lo5dXF/e4mojD5Ej5+X+Tr06kyI49Qpp5ef+A/s6MzLWVFJ2ZBilpUo8Hmdp&#10;5nOZSW6MK2ropdtUaTtYl0FNSzNDb0g+o2NgfaQ9y/OoH/HulpbuA9QT+zTT/D0Evd3WOMzu1Ou6&#10;jd2Wjottdcxmo3jktVpZKRKOJJIqcenVPW1NPFEgA1AyAqCwCM9C5UmnnwH59MTosoFeANT8xQ+n&#10;+r06rl7J37V9g7kkyrU643DUMC4nbGBhsIqDHwXWnpo1UBbheXIA1OSRZbAL44/DFP2/b0UTzGY1&#10;8vIfLrL1n19Vdg59qN6pMTt7E0zZbde4qjiGgoYrtLKzH0+RlUiNT+puTZFdh6STwx8/Idbgh8Y+&#10;gGSf9X+rz6ce1exaXddRjdt7VpnxHXWz4mx+1MTbS0gufLkKof26yra7MT+kG1tbSM+oo9OTxPHr&#10;dxMH7V+EcB/l/wBX+EnoIeSfyST7d6T9Gqw+Povjztum3duGlgqe4dy0DSbN27VqGODpZBJGcnWR&#10;tqX7l/pHGw1KQUPPnEaUn6g0HwjifX/V/q8ul6qLRdR+I8B6f6vP9nr0WDIV9bla6syeSqp63IZC&#10;pesraypYtJLLIxeSR2PJZmJJPtSBTpCzFjU9Y6Okq8jWU2Px9LPXV9bOtLSUdKjPJJI5CoiIoLMz&#10;MbADkn3elBU4HVRVjQZJ6M/LU0Hxvw0lDTijyXeWdob1laAssO26SdARFETqjkyMqNdmF1AI5MQH&#10;3Can1J9EH7T0vJ+iFBlyPyA/1ft88U6KxU1NRW1E9ZWTzVVXVTNUVNTUMXkkkclnd3YlmdmJJJJJ&#10;JufanVTAwOi/TU1OT1g97CV60Xp0Zbr7rXA7TwEXbfcULwbajtLtHZ8lhVZyotriJiY3FH9G9VhI&#10;vre0FvMnkkLnRH+Z9OlsMAjHiS8PJfX/AFeQ/M44hL2T2buTs7OtmM5MsNNThqfDYal4pqKnJusU&#10;KgC5sBrcjU5AudKqqqIoRCKD8z69JJ7hrg1PDyHp/q9eg79u9MddEgfX3omnXujNbD6225srb0Ha&#10;3dEM0OJdw+zNisNNVl5lAdZJonAK0VrGzaVdSHkIiMazopZjIdCfmfT/AFf6s9GUFusI8SX8l/1f&#10;4P29BB2R2XuTs7PPmc7P46aG8OGwtMSKWhg4CwwJwL2Ua3tqci5sAqq9DbiMU/b6npLcXLXLVPDy&#10;Hp0HvtQBTpP1mpqaorKiCkpIJqqrqplp6amp1Z5JJHYKiIigs7uxAAAJJNh78TTrYBY0HRtsTtza&#10;vx0xlHu3f9PR7i7ZrIBV7T2KHV4sWTq8dbXsjlWdWA0/6lgRDqdTNCgeQ3BouF8z69GixrYjU+X8&#10;h6f6vX9nRYt37x3FvvO1e4tz5GbJZKra2pyRHFHclYII76YYI9R0ovHJJuxYl+OPSKDoulmaY6m/&#10;2APQdJj28Fp0311Gss8scFPHJNNNIIoYogWZ2Y2VVUAlmYkAAck8e7E06b1VwOjabZ6x2j07h6Ts&#10;LvBErc3UR/c7T6tjKtPM4/RLkFN1VFblkb9uMACTySn7b2hkla47Y+Hm3+r/AIvo2htVsx4k2T+F&#10;eP8AqP8AIdAZ2Z2pujtHMDJZ+oWChpbx4bA0d1pKKI2GiGO/LsqjXIfU5H4UKqqIYFgGOPmfM9Jb&#10;m6a4NWwPIen+foMme9wPp/X290jL+nXD37pvoSus+qd19p5j+G7epRHRU7BstnasFaWkjP5ke3rk&#10;I/REt3b62ChnVmadYBnj5D16VWto90cYHmfIf5z8uh03J2fsrpDDVuxOk2hy26alTS7p7OnVHYsP&#10;1xUR9SMFYekreGO1180pMqoxE0/fJw8l6MnuEswY4ePm3H/iz8uA/l0Tmrq6qvqqitrqmesrKuZq&#10;iqqql2eSSRyWZ3diWZmJuSTcn2qAp0WMxY1OT1GJA+p9+611jZr8fj37r3RgeqOh6/elJJvDeFeN&#10;mda45PuchuGuKxPURqbMtH5RosW9JmYFAxsiyuCntiSbRgZPS+2sTKNTYX9hP7eA+Z6fuye+aCnw&#10;Z626WoX2fsSnVqesyUAaOuyV+JGaQkzRRSgepmYzyrZZGRCYjqKAk1bJ6tcXoQaYsAeY/wAn+fif&#10;8JVfa5V09FDNq64FwPpyfduq9RpPx/X3Rlrw690ZDqf4/VW6aBt8dgZAbJ62oY/u58pXFYZ6yMH6&#10;UolGlIm+nmYEEkLEkpJ0o5rgJ2pluH2dGdnt5lGuTtXjnBI/yD5/8X069l/ICl/g5656ZoP7m7Ap&#10;UalmraVWirK8H0uxdiZoo5gPWzMaiUf511BaM1jgNdT5Pp5f7P8Ag6vc34UeHBgDGrh+z0+3if8A&#10;CVB/1H2p49F6cOuPv3Vuve/de67OlRd+f9p9300yemy9TQdYXkL/AOAH0A91Jr1ZRTrh711brDKw&#10;Fv6/09+691HJZv8Aig9+68BXrIq2+v59+6eVadYZHAY/k/4e/deLU6wEk/X37pomvXXttm6uq9cC&#10;4H05PvQQnrZenWMkn6+60z1TLdYnYjj6e7ElcdOgUHWMcc+6dVL067JJ+p97Ar1TLdRvb/Whx64F&#10;7fTn3VjTpwvTh1iJJ+vtomvTRNeuuPqfx7snV049cC/4H+392L+nWy/p1iZrfU3PugBbpsmvWEm5&#10;v70RTp1B59de9dX697917r3v3Xuve/de697917r3tg8evdR/b/Sjr3v3Xuve/dWTj1737p7r3uj8&#10;Ovde9tde697917rE/wBf9h7917rh7917r3v3Xuve/de697917rAfqf8AX9+69117917r3v3Vl49c&#10;H+n+x9+6e6xe/de697917r3tp+PXuve6de697unHq6ceve9ydO9e9t9e697917rC36j7917rj791&#10;7r3v3Xuve/dWTj173o8OnuuD/T/Y+2049e6xe3em5Ove/daTj1737rz8eve/deTj1737p3rHJ+Pf&#10;uvddp+n/AFj7afj17rn7p17rC/6j7eTh08nDrj72eHVuve2Ovde9+691wf6D/X9+691i9+691737&#10;r3XvfurJx6xyfj37p7rH7917rKn0P+v7917rn7917qP7917r3v3XusT/AF/2Hv3XuuHv3Xuve/dW&#10;Tj1737p7r3v3Xuve/de6+xd/LG/7dsfy9f8AxR3qb/3gsB7iTcv9yJf+aj/8ePU77P8A7iQf80Y/&#10;+OL0eL2i6Me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QmX/p/t/eRHWG/WP68n37r3XvfuvdYy/wDT/b+/de6E&#10;CT/f8YQzAGTeO2cf/lX5bJ4qmSwl/q1bioVCva5kolDkKaWRpW/gPyP8j/s/4ft6Un/GF/pD/jQ/&#10;zj+Y6Dv250m6FCrtvza38TUht4bJxsdPlk+r5HDwhYoKsfl6nFLphm/LUnhksPt5nZv4DTyP8j/s&#10;9Km/xha/iUZ+a+v2jz/w9JHaFZnKDdO3qrbJb+8MeZpxhkXnXUPKqRRMpIDpKzaGU+llYq3BPuzg&#10;EGvDpmIlWGnjUU6tb3HV43aXU/aOcwJooMXjsDUbL2xDiw8a04x6z4zxkMATNHnJ6uzLfWnjsxJv&#10;7Kl7nWvman88/wCDo7dqKSvkDSny8v2inTXtaSjxO5NtdS1u4JYdzY6Gk3TJQqkUkQxWKpYMfRYh&#10;ZUYMjSSUyZEoP0nWTqDm9mJI10xw/M5/2OrjSraAfKoHy4dNO0a2DB9u7wyu5a5YZOy9/Phti4eZ&#10;Fc3wFFUUlTk/UbxJKqtRxMhDMz2ZSpUizdyinkKn8zXpsDQxr+KlB/pVyf8AV8vXpWbRrjurcPYa&#10;1lRG+Y2xm9w7V23GrAA0FYMPNUXsSS0VfTqrH+zqANrj3VhpAHqAT9uerjJqfI0B+VAf8P8Ag6TP&#10;yIpnz3x5zFTFkYsxUYpaCqqK/HE+Golpa2GmrJFsxBiDGV/qwGkG5sD7vAaOP9Xl0xcglGA/1UIP&#10;+TqrrbO3MzvDPY3bW3qN6/LZWoFPSwrwo/LSSN9EiiQF3Y8KoJP09mDMEFT0URxmQ0HQxdnbnxG0&#10;MAnS+w6uKqxlBUCp3/uem4OYyiW1RIwJP2FEw0ot9LOt7HT5JGY1LnW35D0HSqeQRDwl/wBsfU/6&#10;v83lkvPtR0i6MzsPbeH6q21SdwdgUUVXl64F+rtl1gs1VOACuUqozZlooNStGf7V1cWLQFk7sZTp&#10;X8z0uiQW6+I/H8I/1f6h9tOgB3NuXMbtzmR3HuGukyGWytQamqqJP6nhURRxHFGoCogsqKAoAAHt&#10;9I9IoOkcspc1bpkghqKyogpKWGWoqaqZaempoFLvJI5CoiKoLMzsQAALkmw9vaQuT0xUuaDo08cd&#10;F8asMtTOtDk+8NxY4/b0zeOaHbNJMo/ccepXyU6NYD9IW97w3+5ROxuj/RH8+jOMCxWpy5/kP9X7&#10;eitVtbWZKsqshkKqetrq2d6qsrKp2eSWR2LO7uxLMzMSSSbk+1Kr5DpC71NTxPUX26Fp0yWr0Z/Y&#10;fXOA6/2/Tdudx0p/hzATbH2HLpFTmKjSHilnia5jo0uGIcWZbPIpjMcdQkllMp0J+Z6MIbcQDxJf&#10;yH+rz+X7egS7D7E3J2ZuKo3DuOp1u14sfjoSRT0cF/RBTxkkKij6n9TtdnJY39qYohEKD8z69I55&#10;2nNT+Q9OkL7c6Z6xl/6f7f22X9OvdGl2XsLbHVeAoe0+4IPucjVIavYfW8oAnrZFCmOprUYN46dC&#10;ytpddKrZpA7MsDo2czHQn5no0ht1tV8SXj+FfP8A4v8AweeeAGb+7A3N2Rn59w7nrTU1D3io6SO6&#10;wUsOossFPHc6I1v9SSzH1OzMSSriiEQoP2+vSGedpzU/kPTpE+3emenPC4bLbjy1DgsFQVGUy+Sn&#10;FNRUNKLu7n/EkKqqAWZmIVFBZiFBIo8gQVPVkQyHSoqT0a1ptq/GPHNHC2O3b3rkKMq84tLRbdSZ&#10;F1IBqtJVMjGxsHYfURwtpnQ912fRR/Po17NvH8Uh/YP9X7T8uik5jM5XcGTrczm6+qyeVyE5qKyu&#10;rGLySOfySfoAAAqiyqoCqAoA9rUjC9FTuZDVjUnpqLgf4n2500Xp06YHAZvdWXo8Ft/HVWWy1fL4&#10;qWipF1MT9Sx/soiDlnYhUUFmIAJ91ZggqcdeSNpzRRU9G2jg2N8YaKOorUxu+u8amnEkNGTroMFr&#10;W6s9rM01mve6yyCwT7eNjJKi7rs+i/4ejZVTbhX4nI/Z/mH8z8hwKZufdee3hmazcG5MnUZbLVza&#10;p6qoI4A/SiKAEjiQcKiAKo4AHtYiCMUHRbNcGU1Jqek4ST9T7v0nJr11791rowXVfR1Ruygm3xvj&#10;IjZfWOLQ1Ndnq0iOSqVTbx0SuDqDt6BLpYFyEiWWS6BJPc6O1ct0Y2lh4nfJ2rxzgkf5B8/2dSuz&#10;+9qetw/+jnqjHtszraiVqeRaa8dZlL8PLVPcyLDLblCxklFzO7ahFHqG2odb5b+Q6vdX9R4cXao9&#10;ME/5h/M+fn0WVmv/AID2qbh0Wrx6wl/wP9v7qE9erF/TruKKapmiggjknnnkWGGGJSzu7EBURVBL&#10;MzGwAFyeB78+B16OrH1PRvtpdNbR6uwVN2P37IsbSDzbb63SzVNXKoDKKuLUCwBI1QnTGl1+5cAm&#10;EoGmaQ6Y/wA2+XRzFaJbDxJj9i8c/wCU/LgPP5A32z3bujtOsjgqNOF2pj2C4XamOOmmhVRpR5dI&#10;QTzqgsGYBUFxEiKWBdihEfzPr0murxrg04L5D/P/AKsdAx7fBp0gc46xyGwB/H59uK1emuHXKio6&#10;3KVlNjsZSVNfX1sy01JR0cbSyyyObKkcaBmdmPAABJ/A92Zgoqeqish0qCT+3o5G2+pdjdJ4ak39&#10;3rLBkNwyj7jbnW1M6Su7rYqalA2mZla2oE/bRCwlaV3WMFzzNOdMfDzP+r/i+jy3s0sl8SY58hxz&#10;8vU/yH8+gI7X7o3Z2xkRJlJFxmApHtiNsUDEU0CjhWf6eefTwZGAA5EaxqdPtVBbLDnifXpFd3rX&#10;OOC+n+f1PQQe9nj0jHHrC36j710/10ASbD6+9gV60TTrpmCcDlv8PdsL00ayH0HWAkk3PupNenVU&#10;LgdcSQPr7114mnWMuT9OPfut9YJPx791sinXFSAST/T37rwYLx64SOx4HAPFvfutCQv1g+nv3XuH&#10;XvfutFqdYnJuR+PeqefWw1R1w976cCevXEsB/wAU9+6sSF6xE3N/bT8emyxbrr3sJ69WCevXEsB/&#10;r/092LBerFgvUNiSSPxf6e7DPTPXH3R+HXuuJYD/ABP9PdAteqlqdYma/JNh7sy0GOqq1T1hL3+n&#10;HvYSnHpzrh7v17r3tp+PTqcOve6dX697917r3v3Xuve/de697917r3thuPXuo/t/pR1737r3Xvfu&#10;rJx697909173R+HXuve2uvde9+691if6/wCw9+691w9+691737r3Xvfuvde9+691gP1P+v7917rr&#10;37r3Xvfutjj1wf6f7H37p/rF7917r3v3Xuve2n49e697p17r3u6cerJx6973J09172317r3v3Xus&#10;L/qPv3XuuPv3Xuve/de69791ZOPXvejw6e64P9P9j7bTj17rF7d6bk69791pOPXvfuvPx697915O&#10;PXvfunescn49+6912n0/2Ptp+PXuufunXusL/qPt5OHTycOuPvZ4dW697Y691737r3XB/p/sffuv&#10;dYvfuvde9+691737qycescn49+6e6x+/de6yR/n37r3WT37r3Uf37r3XvfuvdYn+v+w9+691w9+6&#10;91737qyceve/dPde9+691737r3X2Lv5Y3/btj+Xr/wCKO9Tf+8FgPcSbl/uRL/zUf/jx6nfZ/wDc&#10;SD/mjH/xxejxe0XRj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yD/eRHWG/XAuB/iffuvdYySfr7917rr37r3Uz&#10;HZCtxNfSZPHVMlJX0FQlVSVMX6kkQhlYXuDYj6EEEcEEG3vRFcHqysUNRxHSr3Lj6HIUUW8cBSx0&#10;mNragUmbxFPcrjcgys/iQG7LRVao0tKT+kLLTku1OXeqkjB/I+o/1cenZVDDWvA8R6H/ADHy/Z0n&#10;8DnMhtvL0WbxcqxVtBL5I/KoeN1ZSkkM0Z9MsE0TNHIjel0Zlbgn3ZlDCh6bjkMTBhxHRp+nev6X&#10;I9i0XYe16NKnaVDiKjc2Coao6lgzd46Smwcz6tSy0uSq4pIpG/zlMIZmsZCFSzSUXSeNaH7ONf2d&#10;GEEAZ9a/DSo+R9Py6Pv/AHT22uwsNtWtrIKzblFkMas+QeRUNVLSVtPUeSoJVlkkyGWhAnH9vzP6&#10;rn2X6yWJ88/z/wAw6X08vs/Mg1/1evRKfjvNnN3fJLfO5tw01XT5SioMpV1tPUhiaWVquno46Mn6&#10;KYIXaNFJ/REbX0+1lyAkYA+X+DpDbMWmYn5j7Min8h09TT5Pc/yw6+3HHXCv21mYKibakxuscMOP&#10;oK1MhRlRq0VEFdDP5B/aZ1c2VxbwAERHniv7R/k6vJUTg1qM0/IGv8+jNYvCbfwHYVTLHSZCLMb8&#10;bM1lMGXRHSQQfw2PJMrqxDSZGpipqiPVyEuV0eoOxUkfZT/LTpWQPzpX/AP83SV2Fsutm+P+W60r&#10;tLZiix+5NmOwUqplFdkI6aZA31V0eGVT9CGB93d+/UPkf5DplIjo0n5ivyyK/s6JTkXT4+7NfB0r&#10;qvcu+sUp3BWRkGTb+KnGpaKJhfx5GrWxkYHVGtilisUrqh+ua/hBx8z0ib/FFoPjbj8h9v8Aqzny&#10;HRXPanpB0YHqzYWCocJU9v8AZsTJsPB1PhwmGbiXPZFS3jpIVP6qZHQ+Zj6TpZTdEmKMSOWOhePn&#10;8h0rhiCr4j8BwHqf9X+qnQX9g9gZzsfctZuTNyKJJrU9BQQ3EFHSpcQ0tOn0SKNf8AXYs7XdmJUR&#10;QCMU6Sz3JmNf2fLpEokksiRxo8ssjiOONAWZmJsFAFySTwAPr7dLBemVQv0ajGUOJ+O+Ah3Dnqan&#10;yHdecojNtnb9SEkTb9PKpVa+sjOpRXMCTHG1yv6SBaU+0JY3RoPhH8+jMItitW+M8B6f6v58B5no&#10;sOSyVfmK+symUrKjIZHIVDVdbW1bF5JZHOpndmuSxJ9rEjC9FzylzX+fUAsB/ifbnTXRoth7E271&#10;ntyk7d7epPuHqP3uvevZrCbJTgBo6qqjYHRSR3VhrUjSVdwwaKKZDLKZz4afm3RpBCtsviy8fwr8&#10;/wDP/g6Avfu/tydj7iq9ybmrGqKqdilLSx3EFLCDdKemjJIjiQf67Mbu7M7MxVRRCEUHSGedrhqt&#10;+Q8h0iC4H05PvZenTPXAanYKAWZjpVV5JJ+gA/JPumW68BXo2O19m4HovCUfZHadBFkN51qefYPX&#10;U5GtXsCtdkFs3i8RIIVh+0fqDOVWJIxM50Jw8z/q/wBR+zo1iiWzXxJMt+Ff9X+ofbTou+9d67h3&#10;/uGt3LuWtasyFY2lEW4igiBPjp6eO5EcMYPpXkkksxZ2ZitiiEQoOi+aZp21N/sAdJMkD6+7k06a&#10;6Ue0Nobj37nqTbm2MdLkMjVtchARHFHqVXnnksRFBHqGpj/UAXYgFmSXSKnh05FE0xov+wOjKZrd&#10;e1fj1iazZnXFTS7g7Qr6b7PeHYCqrw0N9WujxvqNpY2I1HkKygy65QI4E6Rm4OpsL5D16MHlWyGl&#10;Mt5n0/1en7a9FGqaqeqnmqqueaqqqmVp6ioqGZ5JHclmd3YlmZmJJJJJPJN/a4ALgdFbP5nj/PqI&#10;WJ/wH9Pe+mSxPS966603V2fnY8HtihMpQq+RyVRdaWjiY28tRKAbDg6UUNI9iEViDZqaZYRU/kPX&#10;pTbWjXBoPzPp0YDcHYmzeicRW7F6cnp81vKqi+13Z2e6o7K17vT0H60AUgW0loo7XvLPeSNKkbXJ&#10;1PgeQ6MJbiOxXw4st5tx/wBX+D869FAqquprqierrKiaqqqqZqipqal2kkkkclneR2JZ3ZiSSSST&#10;yefa8CnROzl8nqP791TrtVeR0iiR5ZZXEccUYLMzE2CgC5JJNgByffutVzQZPoOja7S6f2t1ng6X&#10;sjv1zAkv722OtUs1ZXSKA6/dRXUhRdS0TFUS6ipddXhZC85mOmP8z/q/1enRtDZrbDxJ/wAl4/8A&#10;Fn5cB5/IGe1+59z9q18QrfHiNs45tOB2pjjalpUUaELABBPOI+DIygAErEkSHR7fhgEI9T5npJc3&#10;bXJ9F8h/n9T/AIPLzqD/ALf6S9cX/SffuvdP+0tn7j3zm6bb21sVU5bKVR1CKAWWNAQGlmkNo4YU&#10;uNTuQouBe5ANHkEYqenYYGnbSor/AIB9vRu7dcfFqkOoY/sLu+an4H6qLCl1B5+jRuQf8KmRf+Ve&#10;KS7Iu67+S9G5Ee2D+Jz/AC/zD+Z+zooO8d47j31m6ncO6MpUZXJ1RsZJjZI0BJWGCMWSGFNR0ogC&#10;i5P1JJVCIIAF6KZZ2nbUx/zAfLpK+7hKceqF68OuLNb/AF/emFT1TpY7E663b2Zmo8HtXGyVkwIe&#10;srJLrTUsZ48tRMQVjT+g5ZiLIrNx7rJIsIqf9np6G1e7OlfzPkOjVVm4OtPi9QzYnaC0O/O45qc0&#10;2U3DUgNS41mUh40Cn9u17GFG8r3PnlRdMXtGFe7NThf8P+r16Nj4W1ii9z/6uPoPOnE/sPRNNzbn&#10;z28czWbg3Lk6nLZaufVPVVJ+gH6URRZI4kHCogCqOAB7XogjFB0UTTNO2pjU9MBIH192Jp02BXrE&#10;XJ/wHtk56cC068qlj/RR9WP097C1600lOHXF5QoKRXtflz9T72Wpw6oAW6j+6dPAUHWMv/T/AG/v&#10;3VC/p1j+vJ9+6qAW69790sAC9YWYG1vx790nkl1cOsZYD/X/AKe/dNhS3XSte5P4+nv3SiMBKnrG&#10;xuSR79008lTjrgWA/wAT/T37qgUnrETc39+6d+EdYS9/px7904Xrw64e/dU66JA+p9+6cQ0HWMuT&#10;9OPejw60Xr1w9thK9eCV6jsQCb/19ujHVGOnrEXJ+nA9+Ir00Xr1w9+68Erx64P9P9j7904BTrF7&#10;91vr3v3Xuve2n49Opw697p1fr3v3Xuve/de697917r3v3Xuve2X49e6j+3ulHXvfuvde9+6snHr3&#10;v3T3XvdH4de697a691737r3WJ/r/ALD37r3XD37r3Xvfuvde9+691737r3WA/U/6/v3Xuuvfuvde&#10;9+62OPXB/p/sffun+sXv3Xuve/de697afj17r3unXuve7Jx6snHr3u0nT3XvbfXuve/de6wv+o+/&#10;de64+/de697917r3v3Vk49e96PDp7ri/6T7aTj17rD7e6bk69791pOPXvfuvP1737ryceve/dO9Y&#10;5Pwffuvddp9P9j7afj17rn7p17rC/wCo+3k4dPJw64+9nh1br3tjr3XvfuvdcH+n+x9+691i9+69&#10;1737r3XvfurJx6xyfj37p7rH7917rJH+ffuvdZPfuvdR/fuvde9+691if6/7D37r3XD37r3Xvfur&#10;Jx6979091737r3XvfuvdfYu/ljf9u2P5ev8A4o71N/7wWA9xJuX+5Ev/ADUf/jx6nfZ/9xIP+aMf&#10;/HF6PF7RdGP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fIJLE/4D+nvIjrDfrj7917r3v3Xuve/de697917pQbcz&#10;64GtlNVTfxHD5KnOOz2ILaBU0rsrMqvY+KeJ1WWCSx8cyI+lgCrVZdX2+XTsUnhnOQcEeo/1cOse&#10;58E2DrYhBUGvwuTpxktv5YJoWqpHZlVyt2CTROjRTx6m8U6SR6m0hj5W1f5R1qWPwzjIOQfUf5/U&#10;eR6sA+PlBBsDpamyNdPVUWa7c3ZBgtvyU/MkUtW5oaCURlgB9sqy1pe4Ji02uwX2guD4j/6UVP5Z&#10;/wBjo0tR4SCvma/tx/gFfs6WfemYrMHQ7HwClKMyYfc2+crRUhJ0VNBiKmSjp1CBj4DlMgipcWvG&#10;pvdPbcADVP8ApR+0/wCYdPSSFTjyBP2gCn+EjpW9LUdNjcdXUWYfFx9lf3ax1Z2pUxrIJ0mlgdcS&#10;tYXbxmpjoIZDU2N2nLStzJc1mOrhWlTT/L16PHGmrFaceHn/AKvs6Ld8QoMjuCtrK/L0Q/ge3NyT&#10;5jauUlcKyZWuoKimr6GDUNU0U1BIJ5UU+h4IZCPUbqrnt4emfs6S2hMgJPk1R9p4/wCH+fQr9Nb4&#10;qsx2FuHE5ydq+py+b3Bn8TVzMCac4+vjxgpIP+bL0LR8D8U6k3PPtp1oAfs/mK9LA/l82/YrU/zf&#10;z6Evp7eIy3Wew9w55aqjyu6WjxlTJVgg1FZDFJSLOdX0WtjoBKpHDM4t+r3SRdLEDy6rExlUE8ae&#10;f+r9ny6q17vxtdie3OwqPIzz1NR/eiprEmqSWdoalvuabUT/AEppkAtYWACgCw9mMJqo+zoouRSQ&#10;19f8Of5cOnHqTrSm3hPkdz7rqzg+tdoIK3dWckuvktZkoKQ/7sq6gkLZbsgYEAyPEj1mkKYHxHgO&#10;rW0IkqzfCOPz/wBXn0z9rdm1XY2ZphS0owu0NvU4xWztswWEVHSIFVSQvDVEwQNI3J+iBiqL7ehi&#10;EIqeJ4npm5uDcGgwo4D/AFf6hw6Cv3cvXpkJTo0u28Lieh9vUfYG8qSKs7Sy8H3PXmya0XGPjbhc&#10;vkogwZHHPhiazBhwPJqamSGtwdK/D5n/ACdGKUs11t8R+Een+r/Y49Fuzmdyu48tX53O19Rk8tk6&#10;g1VbW1Ju7uf9sFVQAqqAFRQFUBQAFyIEFB0WPIZDVjUnplLk/wCA926p0ajZeyNtdR7dou0+3Mcm&#10;Ry9enl2B1tUaRLVOACtZXI6v4oEuGAdCEBVmV5Gji9opJDOdCcPM/wCr/Ufs6MooVtV8STj+Ff8A&#10;V5/4Pt4APv7f24uxtx1e5tzVhqKyoPjpqaO4hpoASY6enjJPjijufyWZiXcs7MxURosAoP8AZPSO&#10;aYzmp/IenSHLE/4D+nvRYnpnruON5XSKJHkkkcRxxxglmYmwVQLkkk2AH197CUyetgVwOjeYDae3&#10;/j1g6DsDsWmp8v2Zkqf7rYvX03IoW50ZDI2Nw8R5VbAxuCqXnBemSNI10dCYUcW9ejWOJbFdcmWP&#10;BfT/AFeZ8uiw7q3Xnt6Zut3FuXIz5LKVz6pJ5j6UW5KxRJ+mKGO9kRQFUfQfX2tRBGKDotllaZtT&#10;cf8AB0mi/wDT/b+9F/Tpvpddddb7m7P3BHgduUwYqonyeTqbrTUcF7GaeQA2H+pUXdzwoNjZiSQR&#10;ip/L59PwQNcGg/M+nQ3by7I2v1ZgazrLpSq81TUDw707NQBaqtkBYPT0Uii8dPHcqro2kAnwlizT&#10;yUihMp1Pw8h0rmuFthoi/NvP9vr/AIPLPAp7SEnj8/Un2u6KS/p1j9+6qFJ6GvqjpfLdimpzuTrI&#10;9rdf4YmXP7tyNkjVYxqkipvIVSWa36mJ0RAguSxSN081wIsDJ9OjC1sjL3HCjif83+rHSr7H7rxN&#10;Fg36w6XpJdtbCp9UGUzS6kr8y5ASWWWTiVIJgOdVpJEsrLFH+wGobYk65Mn08h05c34UeHDhfM+Z&#10;+z/PxP8AhLD7W9FPXRIH1Pv3WiadPG3tvZ3d2Yo8BtvGVWWy1fJ46ajpVux/qzMSEjjQcs7EKg5Z&#10;gOfdWcIKnrcaNcNpQVP+r9nRu4qHr74uUcdZlhjt/d4zUwlo8Wh10GEMi3V5DwwkAIN/TPILCIQR&#10;uZmREtd8ML/h6N1SPbBU90h/l9noPnxPyFaFL3fvLce+s3Vbi3VlKjKZOq9PklNkjjBJWGCMWSGF&#10;LnSiAAEkm7EkrEQRig6LJ52mOpj9noPkOkj7v031737r3QxdU9K7o7UqpZ6YLhdqY9i2b3ZkRppo&#10;FQa3SLUVE84QXKghUBDSuilSWJpxCPU+Q6W2tk1ya8F9fX7PX/J0Le7e5dpdWYSq656BjWNn/a3J&#10;2RJZ6mrlUFW+0kKjUFudMwtEl2+2SxExTpA0x1Sfs/1f6vXpbLepar4cA+1uOf8AKfnw9PkTuepl&#10;qJpZ55ZJ6ieRpp55mLO7sSzOzMSzMzEkkm5PJ9qy1MDop0ljU/7PUYtyLnk/T3tM9VkIWg697v1X&#10;ofupegsx2FDJuncdYuzeuMfG1TkN0ZIpF5o4/wDOLSeYqhUWIad/2YyD/nHUx+0dxcCM0GT6f6v8&#10;HRhaWBn7n7V419R+fl8zjpXdg994XbmCl626Gof7t7WjvDkt2IrJX5BraXkjdrTIJAOZZP3mFlRY&#10;EUKzUNuZDqkNT6f6v8HSm4v1hHhwCg/i/wA3+c/l5HoojMzszMxZmJZmY3JJ5JJP1J9mPROTXJ6x&#10;uxFrfn22z+nVkWvWL3UKW6uWC9ZVQAapOB+F/J9uUC9NElusEshb0j0qPoo90Zq9WWP16jlgP8T/&#10;AE906uWA6xFifr/tvfumyS3XXv3VwlOPXAuB/ifdwlevFqdYySfr7p1UkydY3JFrfn37qwSnWL37&#10;rxenXRIH19+6plusZcn6cD37q4SnWMEG9vx7914vTh14kD6+/dUoW6we/dPdYy/4H+39+69x6xkk&#10;/X37rYWvXvfunQoXrGX/AKf7f22X9Oql/TqI3LEn+vu46TEFj11731cLTr3v3VuuD/T/AGPv3Xus&#10;Xv3Xuve/de697afj06nDr3unV+ve/de697917r3v3Xuve/de697Zfj17qP7e6Ude9+691737qyce&#10;ve/dPde91fh17r3tnr3XvfuvdYn+v+w9+691w9+691737r3Xvfuvde9+691gP1P+v7917rr37r3X&#10;vfutjj1wf6f7H37p/rF7917r3v3Xuve2n49e697p17r3uycerJx697tJ09172317r3v3XusL/qPv&#10;3XuuPv3Xuve/de69791ZOPXvejw6e64v+k+2k49e6w+3um5Ove/daTj1737rcnXvfutJx6979071&#10;wf6f7H37r3Xk+n+x9tPx691z90691if9X+uPbqcOnU4dcPdjw6v172x17r3v3XuuD/T/AGPv3Xus&#10;Xv3Xuve/de69791ZOPWOT8e/dPdY/fuvdZI/z7917rJ7917qP7917r3v3XusT/X/AGHv3XuuHv3X&#10;uve/dWTj1737p7r3v3Xuve/de6+xd/LG/wC3bH8vX/xR3qb/AN4LAe4k3L/ciX/mo/8Ax49Tvs/+&#10;4kH/ADRj/wCOL0eL2i6Me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QP7yI6w3697917r3v3XuuiQPqffuvdYy5&#10;P04Hv3XuuHv3XuhL2BEu7aqh60yDTeDcOWRNtVsa+Rsfk5ykIk03B+zqwqR1agiyrFUWZqcI7UnZ&#10;3Dy4/Mf6uHSmAiT9NuB4HzB/zev7ej/ZtKaPs/D42mhJ2P8AHbZsddJQyKq/cZjI0opsTQMy/ttK&#10;KX7co4BAcOCLP7Q1qhPmx/kM16NKVcAcFHl6mop+Qz+Y6EDsv+HU24s9ver2/WZuTrjr4vjKb9UN&#10;bW1dS1b9voazFqCPFxSyGPVqhqW1AmMKWoxUU4VP7P8AVXq/w91DgHh5+v54H7egS+IVZlNy0Hb+&#10;6cvIcllNz56jXJTz3USMVqnl9Q4RFWrOlVFo1tYabD2puQFoo8h0mszrBc8S3+AD/P111/WU2P72&#10;2J11ttNHXm0dlVOS2tWROsiZaatotVTmnkj/AG5pZpHkhFriLRIirGS6DzCqFjxJz8qeXVkOl9A+&#10;ELUfPIz/AKvn69KvrPbMee7F292XtuCODa70W4ZMsuoHw5aprEhq6WNQdWiSpWaoiNtIhKjjge6O&#10;1AVPHH7KdP0BoRwow/PUP8oPS0wFVkd743ceUpK01WEkyG3t87HpYFFqaGhkhNRiURQEWUVuJqKd&#10;9JveXUAoK+6Hs48cg/6vz698Xn5/yx/s1+3oAvkN0nmN8924apxmnGYPN7XTI7p3LVgCmoY8c7Q1&#10;U8rsUS6UhgCIWGpvqVQMyqoJhGhrk1wPt6Q3NsZ3XyFMn7D/AITXHRaO3uyMTl4cd1115FJjOsNo&#10;uY8fECRJlKoEiTKVh0oZHlNzGGF1BLWUvoR2FCvc2WP8vkOk1zIG7Fwo9PP/AFfz49AT7UAFukhI&#10;XozeydsYTqbbVD232NQxVucyUf3PVWyKq96mVQGTK10YsUooSyPGCQXuGAu0RLDN4raE4D4j/k6X&#10;RoLZfEk4n4V/y/6uH206L/urdec3nnchuPcVfLksvk5vNU1MvAAHCRxoPTHFGoCoigKqgADj2rRA&#10;goOi+WUynU3/ABXSc926b6NZszZO3untu0Pa/a9ElZnK1fP1111UWEtRKAGSurkYExwxEqwDAhAV&#10;ZlaVo4/aGWUznQnDzP8Aq/1H7OjKKIWo8STj+Ff9Xn/g+3gXre2+Nw9gbhrdy7krWrMjWNZQLiKC&#10;IE+Onp47kRQRg+leSSSzFnZmLyARCi9IpZTMdTf8V0kPdgpPTXWSGGapmip6eKWeonlWGCCFSzu7&#10;EKqIqgszMxAAAuTwPblAvWwK4HRwMPt3b/xtwlDvTe1PSZzt/LUn3OzdlTWeLEhrgV9fpPMsf9m1&#10;rODHES6vNCiZjdnSuFHE+vRmiLYrqbLHgPT/AFeZ/IdFT3HuTM7qzWQ3BuDIT5TMZOcz1dXOeSfo&#10;FUCypGigKiKAqKAqgAAe1YpGKDy6LpJDKdTcemAkn6+65bqnQq9V9S57tDKTR0skWH23il+43Hur&#10;IDTS0cKjU13YqjzlOVj1Dj1OyRhnDc0q24zkngOlVratcn0A4n/V59L3sjtzA4fAydU9MRzYrZML&#10;Fc9uIkitzU/6ZJHl9LimfSOLKXWyBY4QIzWGEsdcmT5DyH+r/Vnq9zdrGPDh4eZ9T/q8/Phw4llJ&#10;J+vtZ0WZbrr37q4SnRl+uOlsXBg17O7krH2v17TgTY/GyEpXZhzdo4oIwRMsMwUkFbSSICyaIv31&#10;SS3BJ0pk+vp0ZQWoUa5cL6HFf9XpxP8AhSHbPdmV7DWm29h6OPafXeG0w4LaOOCxx6Y/0S1Xjsss&#10;v5VR+3F/YBcvI94bcR5OW9ek93fGftXCjy9ftp/g4dAf7UdIOsZf8D/b+/dNl/ToSusOpt29r5oY&#10;3b1L4qGnYNl8/WArSUcZ5Jke3rlI/REt3b68IGdWZp1hGePp0otbN7s4wPMny/zn5f4Oh73H2jsn&#10;o/D1uwujWgyu5apPtt19pzqkjuwNmioG9SMFb9LLeCMcp5pWMyJ0ia4Op+HkOjKS4SxXRDx8245/&#10;yn+Q/b0TmqrKmtqJ6urqJ6urqpmqKmrqXaSSSRyWd3dyWd2YkliSSSSfa0CnDomeUsa8T6nqJ9eT&#10;7301x69790o6NL1z0Nj6XBDsvuuvO0NhU6rUUWKnYx1+TuNUaJEP3o4pgPSqjzyqCyKkZWYo5bmp&#10;0x5Pr5f6v5dGlvYhB4k2FGaH/LTI+Q4n5eaY7a79yG9KJNnbOoBsrrPGp9rj9u0GmKSpjU3V60xH&#10;RZj6vCpKKxJdpnAk97itxH3Nk9NXF+bjsQaU/YT+zgPkPz+Rcma/1Nh7dJLdJsJ1jDXaw+n9fdwn&#10;r00Zamg6yxQT1dRT0tJBNVVVRKsNPTU6s8kjsQqoiKCzOzGwABJPAHuxYD8uq6C5AGT/AD6OFtLp&#10;XaXV+GpexfkFUxwhh58B1zERJUVUoAZFqo1YGQi4LQgiNLr91IAXi9oJbhpe2P8Ab0dwWK26+JN+&#10;S8f+LPy4evyCHtzvTdPac60DBcBsygcLh9pY46YESP0xPUFQonlRQAvAjjHESJdi1ooRHnifXpPd&#10;3bT1Awvp6/b/AJuA/n0BrkfT839qU49F1PPrESB9T7d6qTTrGSXIAH+t7bUVJ60r9c/TH/R3/H9B&#10;7v1brC73N2PPtsgsevDHUORyWP4HupFOrF69Y/euq9dFgPr/ALb37p1SAOsRYn/Ae9jj1QtXrj7c&#10;L+nVeuiwH1/23trp4kL1hLFvfumy1euvfuq9Y3/Hv3VlanUZrlrf7x7914tXrkqkXv8An37qvXBv&#10;1H37pwNQdRixP1/23v3VSS3XXv3Tqig64lgP8T7904rUHWIkn6+/HPVSa9de0/WusB+p/wBf2+OH&#10;Xuuve+vde9+691wf6f7H37r3WL37r3Xvfuvde9tPx6dTh173Tq/Xvfuvde9+691737r3Xvfuvde9&#10;svx691H9vdKOve/de69791ZOPXvfunuve6vw69172z17r3v3Xuscn49+691j9+691737r3Xvfuvd&#10;e9+691gP1P8Ar+/de669+691737rY49cH+n+x9+6f6xe/de697917r3tp+PXuve6de697snHqyce&#10;ve7SdPde9t9e697917rC/wCo+/de64+/de697917r3v3Vk49e9+6e64v+k+2U49e6w+3um5Ove/d&#10;aTj1737rcnXvfutJx6979071wf6f7H37r3Xk+n+x9tPx691z90691if6/wCw9upw6dTh1w92PDq/&#10;XvbHXuve/de64P8AT/Y+/de6xe/de697917r3v3Vk49Y5Px79091j9+691kj/Pv3Xusnv3Xuo/v3&#10;Xuve/de6xP8AX/Ye/de64e/de69791ZOPXvfunuve/de697917r7F38sb/t2x/L1/wDFHepv/eCw&#10;HuJNy/3Il/5qP/x49Tvs/wDuJB/zRj/44vR4vaLox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5A/vIjrDfr3v3&#10;XusZf8D/AG/v3XusZJP19+691737r3XvfuvdG0+IO0ocrv8Ar94V6x/w7ZWPHheexj+/yRajpFkv&#10;f0+Npn1WOhlRuOD7SXbUXT6/4BnpfYR6mLHyGPtP+x0a6eubM5Q7ONRTx56o7AwGc3dBKIw9TLV5&#10;CXcC4kuIy8kuDweHiRizBWgJjBDBUKUDSNXlQgf4K/mT0YnOK8CCD+dafbQfs6CD5NdoZJJtxY/B&#10;zSYx9l76wFJj62msrSVv2GQyFbUM2kazEUoYQjareJz+mS3t+CMGlfMH9lQOk1zM0amnkVFfnTV+&#10;zh0J+19rps34+9mZyCjO2MpuzbOS3lV4FGCrjqiTDKwo4lBvHE7RmWOM6ZIop1hN2j1lsnW4Fa0I&#10;FfXPVwPCQkCmC1PQ0/2OgJ+HGegy+6odt5Wmknrtp4muy+1cmv1gpqp4YchQyW5aGSaaOeEH0xye&#10;e3M/t65WmfXj0nspNQKnyGD8iRUft6Grrjfu1aDfuxOr9pUsdVs+OLOJi8q9hNUZmhEpq8gXF9cU&#10;8b1iKo4KsjrZQqK00ZILHjj9h/1DpV4iqVUeer9qkf7PSE+Pm4N0VlN3X1zRFFz23NxS7k2rS1xa&#10;NUqkr5TPTTSaWEcLVVNDdbHmSUkEE+3J1Ha3qBX9g6atnJZwfJjT8yf8v+HoSvlzU5t+nayfb2Sa&#10;Khjy1FJuP7R7CbG1Jmp0TWt9UclY0OoA2ZQQSV9LNWoq+c+n29WvCVjNMevzH+qn5dVNezcJTj0Q&#10;l68OjF9dbJwG0Nup3H2lS+bBwy22LsufSsuerF5V2RwSMbAxDOxUq9udSaY508shc+Gn5n06W28I&#10;iHiycPwj1P8Aq4ft4dA1vne+f7C3JX7n3HVGora2S0MCXENNACfFS06EnxwQqbKPqTdmLOzMX44x&#10;EKDpJNM07am/4odJH25010a3ZWy9u9O7doe2O2KJa3OVq/cdc9dT2EtRKAGSurkYExwxkqwDKQgK&#10;sytK0cftBLMZjoTh+I/5P9XH7OjOKEWi+JJx/Cvn/wAX/g+3gXfe+99xdhbirtz7nrmrMjWNpVVu&#10;IoIgT46enjuRFBED6V5JJLMWdmYvRx6RQdIZZTMdTf8AFdJL2+Ep011npqaoraiCjo4Jqqrqplp6&#10;amp1Z5JJHYKiIigs7uxAAAJJNh7sTTrYFcDo3OMxOD+M+Ep9z7qpqHN91ZmkMu1trSlZYcJE4Kit&#10;rNBIM/1CgG5N44iAJZVQM5uTQYUcT6/6v9k+Q6MlVbFdTZc8B6f6vM+fAYqein57P5jc2Wrs5na+&#10;oyeVyU5qa2tqmu7sf9sFRRwqqAqKAqgKAAoGBQYHRc7mQ1Y1PTP7uE9eq9DV1P09WdgNW5/N1y7W&#10;682+v3O4t1V3oTQhBeClLjTJUFfqeVjuCwLNHHI3NOIsDJ9OldvambLYUef+r/D5dOXa3cdFmsXD&#10;1x1pQvtfqzEsFioUBWoycqtqNVWuS0jKz+pY2YliBJLdwixVht6HW+W/wf6v+K6rc3useHHhOH2/&#10;7H8z5+nRe/arpEE9eucUUtRNDTU8UtRU1EqwQU8Cl3d3IVERVBZmZiAAASSbAe/E06v8hk+QHRt9&#10;udcbR6Uw1D2F3ZAuS3JVx/d7O6uRlMjyLZkmyAIZVVG0llYNHFciRJZbQqgaZrg6Y+Hm3Rolutmv&#10;iTfF+Ffn/lP8h9tOgB7J7P3V2lnXzO5Kv9qItHisRTXWlo4jb9uCMk8kAa3a7uQNRsAAqihEIoPz&#10;Pr0WXFy1yanh5DyH+z8+g5LAf6/9PbvSUtTrEWJ+v+29+6bJLdGG6m6JqN30E2+N85Fdl9YYtTUV&#10;2erSI5atUNjHRK4NwzejykMC5CRLLJdAlmuNHauW/wAHRnabf4nfJhePpX/Y+f7OnDtDvmlrMKOt&#10;upcadm9bUStTyCmvHV5O/DyVUlzIsUtrspZpJfrO5uI01Db51Pk/4OnLrcQF8OLCjGMV/wBX7T59&#10;FhJJ+vtX0Tk1669+611PxOKymeyVHhsJQVWVyuQmFPR0NEheSRz+FVfwByT9FAJJABPvZooq2B1t&#10;FaVgqCpPkOjkYzY3XvxvxtHuvtU0m8Ozp4lrNu9f0To8NG31SWpe0iFkb6zOrRqQRTxzsgk9lzO1&#10;0aLhfM/6v8HQgjhTbxrk7n8h6fZ/0EfyzxLH2P2hu7tLNvmt0V5kVGIx2JptSUlHGf8AddPEWbTe&#10;w1OxaRyLuxsLK4oViGP29FtxcNcmrcPJfIf7Pz6DeRwFNufbhFek3iaeHUb1Mf6+/AU6bJL9LLZO&#10;wd0dhZqHAbUxk2Rr5bNPIPTDTx3s01RKRpiiX+p5J9KhmIUtyyCMVPSq3tWnNF/M+Q6NtJVdZfFi&#10;kaChFF2H3XJAY5qtrmixRdbMosbxEA20j/KJRfW0EbhfaDuuPkv+Ho6Bj20fxOf2/wCwP5n7OBPN&#10;3by3JvvN1O4d05SoyuTqTbySmyRICSsMEYskMKX4RABckm7Ekq449IoOi6aZpzqY/wCYdJRyeP8A&#10;H24y06a6wsSBx/W3uyrTpiV8Y64AFjc3t/X3fpkAt12XCjSvA/J966cpp6js/wDT/bn3vqjP6dY/&#10;furjh1hfg3P9L+2n49b4dYS/9P8Ab+6dNl/TrH7sFr1ZeHXRIH19uUCjrZNOsZf+nH+Ptnpsv6dc&#10;PfuneuiQPr791omnWMuT9OB7902Xrw64e/dWQU64syqLnj/ez791fqM8rNwt1H+8+/de661aQBbn&#10;37q6rXrESB9ffur4XrEXJ/wHv3VC1euPv3V0FB1737q3Xvafr3WA/U/6/t8cOvdde99e697917rg&#10;/wBP9j7917rF7917r3v3Xuve2n49Opw697p1fr3v3Xuve/de697917r3v3Xuve2X49e6j+3ulHXv&#10;fuvde9+6snHr3v3T3XvdX4de697Z691737r3WOT8e/de6x+/de697917r3v3Xuve/de6wH6n/X9+&#10;69117917r3v3Wxx64P8AT/Y+/dP9Yvfuvde9+691720/Hr3XvdOvde92Tj1ZOPXvdpOnuve2+vde&#10;9+691hf9R9+691x9+691737r3XvfurJx6979091xf9J9spx691h9vdNyde9+6qnHr3v3VpOve/da&#10;Tj1737p3rg/0/wBj7917ryfT/Y+2n49e65+6de6xP9f9h7dTh06nDrh7seHV+ve2Ovde9+691wf6&#10;f7H37r3WL37r3Xvfuvde9+6snHrHJ+Pfunusfv3Xuskf59+691k9+691gP1P+v7917rr37r3WJ/r&#10;/sPfuvdcPfuvde9+6snHr3v3T3Xvfuvde9+6919i7+WN/wBu2P5ev/ijvU3/ALwWA9xJuX+5Ev8A&#10;zUf/AI8ep32f/cSD/mjH/wAcXo8XtF0Y9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8gUsB/r/095EdYb9YixP1/&#10;23v3Xuuvfuvde9+6910SB9ffuvdYy5P04Hv3XurGOmFpOpuqqDcOYhKxphKvtzc0chUM4q1bEbYx&#10;35DRZNTPPHcEpMgvYH2XzfrNQeukf4T/AKvTo5tx4EdT6ajkef8AnH88dKT40rTVtFiN87tAqN49&#10;jb43BnsLcKLxrSxRVNYiG7KtM8M1OlraVrCtipuKXAzpHAAD/V/q8ut2xLISfMlvs8uknnsfszJn&#10;d/bWbo5X2vsvtTP5TNYaUq6ZPJ0Zx2NwkEJKGT7WtcNNPruqOXiMZiYN7utRRRxKgfYDk9eYgjUe&#10;AYk/avaP8H7fl0/bO3RU7i+PG5tzbySsyf8Af3c+WXOnFDyVIiqIHo0+yicsPJTCCNIIr20xqvIu&#10;D510PQeVKV/b1uFvGjqa5DVp9pGOPlgdOXRO1cB05vSDrVngzXYOewNTuXdOdhVlipaGKVY6Chpx&#10;Ioe85bzS/QhlAbUPGV3MxlGrgK0A+fVII1g7K1YjUTTyrT/V+Z9Ogw6+q8dmezukOwcDQmHFZjN7&#10;ixucpaYWjpMvU0NSZ1UWAip60u1VTp/ZjLxDmE+7MSqsp/o/sx1rEpjZeFX/AGkE/wA6Hoz+38Jt&#10;7a29tz1+Kx1DW763bDOu5a/HTI8FNU0sCT0NNLAxikgny1OWqpFAs8kcraioRvadmJAB4Dh0pCip&#10;I86V/LH+X/P1lodo4TefStTtbC1CVO39w7arIdtTTKCkVPVO9XiQeWYNjBJFHpJuskTA8rf3sMUe&#10;vmDnqrKJFp5EY+QIp/xXVbXWPW+Kjx+Q7O7Tjnx3Xm2ao08OMb0VGcyEbMoxtIrMjMiyIRO4NgAy&#10;AjTK8RlNMT2JxP8AIdE9vbhavJgL5epH+r8/29B52R2JmuytxSZrJiOjoqaMUG38FSWWmx1EhtDS&#10;wIqooCLbUwUF25sBpVXYohEKD8z69MTzmc1PDyHp/q8+g+LAfX/be3C1OmOjVbD2Zt/qba1J3H2t&#10;jjWZKsfV1psCpsslZMFDx19XG12SmjuGXUtlGmQqzyQIyCSVrg6E4eZ6NIYVtF8WTj+Ff9X+ofbw&#10;L3vfe+4uwtxV259z1zVmRrG0qq3EUEQJ8dPTx3IigiB9K8kklmLOzMVMUIjFB0gmmadtTf8AFdJL&#10;2/011npqaoraiCjo4Jqqrqplp6amp1Z5JJHYKiIigs7uxAAAJJNh70TTJ62AWNB0b7GUm3fjDhos&#10;5uGno9wd45rHmbBbfcrLT4GGUaRPVFWt9yyk30nU1jFEVjMkzoGc3RoMKPP16Mwi2C6my5GB6f6v&#10;M+fAeZ6KRnc7l9zZevz2er6jJ5bJ1Bqa2tqTd3c/7YKqgBVVQFRQFUBQAFKR0FBgdFruZDU5J6aC&#10;QPr7eC06oTToe+qOoYNx4+q7C39W/wB2eq8A5kyGTmLJNkGQ2+0oQAWfXJaNnW51HxxBpdXjTzTa&#10;e1csf5f6v9k9LbW28QeI+EGfmf8AY/4oZ4N3bfcU2+lo9q7ZoRtfrPbjCHbe2aYaNYS4WqrNJPkq&#10;HuWAJYRlm9TyNJK+4YNHc2WPn1W7uzcdi4QcB6/7Hp/qoBpIH19qOkdAvTrgcFm91ZeiwG3cbVZX&#10;LZGYQ0lFSLqdj9Sx/CRooLO7EKigszBQSKs4QVPXkDTHSo6NwsGyPi5j0mqhj9797VtJqhpQRJQY&#10;ASILF7EFpyrXvxJIBZfBExeVCdV58l/w9GY0baK/E5H7P8w/mfl5FI3NufObvzVduHcmSqMrlshJ&#10;5KiqqTc2+ioiiyxxRj0oigKigBQAPa1EEYoOimadpTqY1P8Aq4dJ0uT9OB7v0nL166VWdlRFZ3dg&#10;qIouSTwAAOSSffutrGW/1Z6NxtDpva3W2Bp+yu/XNJBJ+7trrlbGtr5Fsy/cxXDBPpeIkKoINQ6D&#10;9pkLzmY6Y/zP+r/V6dHMVmlqviTU+S8f+LPy4evnQHu2O59zdqV8aVejDbWxzCPAbTxx001NGg0R&#10;lwoUTTiPguQAousaxp6fb8MAi+Z8z0gu75ro04L5D/P/AKsdA97f6Q9dFgPr/tvewtetFqdCF1t1&#10;dvDtbNrh9rUBeKJlOTy9TqSko42v66iUKeSAdMahpHsdKmxIrNMlsKtx8h5np+1tJL1qLgeZ8h/q&#10;9P8Ai+jMZjfnXfxvxlXtPqX7Xd3ZlTA1HuLsKuRJIaRj+uKmQF42ZGFxCpaJCFNQ9Q6sntCEe7Oq&#10;TA8h/q/w9G8ksW2Loi7mPEn/AC/5B5eeeJLcxmcnncjWZfNV9VlMpXzGorK6tcySyO31LMxJ/wAA&#10;PoBYAAAD2uVQooOHRXJKXJLGpPTSzE/Xge99MFq9cSLix9+6sE9eh76i6Fz/AGUr57JVMe0+v8fq&#10;mym7MnaONo4ifKtL5CiSFbEPKxEMVm1MWXxsmmuRFgZPp6fb0ZWtiZ+44X+Z+z/Pw+3oSN7d77a2&#10;Hg5+uPj7R/wXEi8Wa34wP31dIAVaSCRlWQMRe07AMAbU8cKKjFpLcyHXJ+z/AFf4OlM14sI8OH8z&#10;/m9T8/2eR6J1NK80jyyO8kkjmSSSQkszMbliTckk8knk+1Yo35dFZBrU8SesBYD/ABP9Pd+rlqdY&#10;iSeT70cdNE6uuJF1BbgfWx9+49aI6wPKPoPe+qFqdYCSfr791Spbrr37q4SnHrC8qrwvqP8AvHv3&#10;Xi9OHUdmLG5Ptp+PVMt1x906uEp1wLgfTk+3NWkU68Xpw6xkk/X3T4uqULdde3QtOnAoHXAv/Tn/&#10;AB9s9aL+nWIkn6+9gV6oAW697uVoOnAoHWMv/T/b+/BPXrYNesDAs1/8OT70+Ot9dgKouf8Abn3T&#10;r3UZ5Lk6f9v791bVQU6xe/deCluve/dOhade9+631737r3Xvafr3WA/U/wCv7fHDr3XXvfXuve/d&#10;e64P9P8AY+/de6xe/de697917r3tp+PTqcOve6dX697917r3v3Xuve/de697917r3tl+PXuo/t7p&#10;R1737r3XvfurJx697909173V+HXuve2evde9+691jk/Hv3Xusfv3Xuve/de697917r3v3XusB+p/&#10;1/fuvdde/de69791sceuD/T/AGPv3T/WL37r3Xvfuvde9tPx69173Tr3Xvdk49WTj173aTp7r3tv&#10;r3XvfuvdYX/Uffuvdcffuvde9+691737qyceve/dPdcX/SfbKcevdYfb3TcnXvfuqpx69791aTr3&#10;v3Wk49e9+6d64P8AT/Y+/de68n0/2Ptp+PXuufunXusT/X/Ye3U4dOpw64e7Hh1fr3tjr3Xvfuvd&#10;cH+n+x9+691i9+691737r3XvfurJx64P9P8AY+/dPdYvfuvdZI/z7917rJ7917rAfqf9f37r3XXv&#10;3XusT/UH37r3XD37r3XvfurJx6979091737r3XvfuvdfYu/ljf8Abtj+Xr/4o71N/wC8FgPcSbl/&#10;uRL/AM1H/wCPHqd9n/3Eg/5ox/8AHF6PF7RdGP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fH/8AeRHWG/Xvfuvd&#10;e9+691wL2+nPv3XusRJP19+690tuuNnVO/8AfO2Nn0usHOZWOnqZYxcxUy3lqpgPz4aZJH/5B90k&#10;fQpPTsMfisB+37BnqxLvDbx3JBtPrHB1EWO/v1vAZLPzxsVjx+DwePg0RukioIIKejmp6jxsdP3L&#10;OAQX5QQtpqx8h/M9G9whkonqc/YOP86dSetq7F5fv+CmwNP9ptXZPR1JQ7aoo2bSsNdUUdXTTsv6&#10;RNU0FQjSX9ROnVdlJG2BCZ4lj/LqoNZMHAQCnpU/5h0W7vbfVNtqr6+25s6ohyezqPE5PJZGlnVx&#10;BmZqrLZDH5SWrCtaSKrnoZzCyMWjR1lhdG0FVNvFqBLYOKH0x0mu7jwmAX56h5EEkf5/8Pp0Yra+&#10;a2/1v8X8Tu7D0UuSjxxrdw7apssrhlraqtrUpBUqQgf7JZgGdAqS+Lyw21o3tM9ZJKHzoCfsH+x0&#10;qjIhjqtaAEgHjQmv+Wn8+gd+J2+K3d3Y1ZT7qlnyu4abE5HK4jPzG8oiq6iKSvopfpqheokWohHA&#10;gfzqotOdN7uPQtRgVH7embKcysQ2SATX5Eio/bSnp0qvj7SUXVeD2FU73atpc92XnGx2z9sMg4SZ&#10;4wuUqEdbxSRo4SJgQ4jqmWxEzePU58RjpyFGT05bDw0VWwTWg/n0nevdy5faPzA3ptyqEkOO3puP&#10;I09bTVRY/qinr8bUxi59ZUhIyeFhqHFhfh11DwhvT/PTpMjlLhl9f8gr0M/xwqcxh8LvrZ+dlqsf&#10;RdX9i19PDUTqwgeimSocwByE1RRzSGq1WtpkiawUg+2JwMEeaiv29KrcmjAjgxA+zBH+H9nRSfmJ&#10;Wbhi7SOCyEwi2zQYqDIbSxlOgigjiqk/yuYIoCvNNXRTB5OS2lV4CgBbZ6QtfOuei7cWYsATilR/&#10;g6KSXv8ATj2+Xrw6LujVdfbC2z1jtmi7k7fpVqzVqKjrnr2QgTZOaweKsqkYHRRJqVxqUqVKu4YN&#10;FFMikZpjoT8z6dGdvCtsviycfwr/AKvP/B9vQD7/AN/7k7J3JWbm3PWGorKg+Ompo7iClgBJjp6a&#10;Mk+OKO5/JZmJd2Z2ZiuiiEQoOkU0zTtqb/iukV7c6Z6yU8FRW1NPRUVPNWVlXMtNS0tMrPJJI5Co&#10;iIoLO7sQAACSTYc+6M4XrYBY0HRu6OhwnxiwcGazcVBne9c7QGXC4SQrLT7ep5lI+4qLEq1Wykjg&#10;3bmOMiMSSSIW1XZoPh8/n0aoF29dRy54DyH+r+fAeZ6KTl8vk8/k67NZquqMllclUNVV1dVNqkkk&#10;b6kn/eABYKAFUAAD2tSMIKdFbuZCWY1J6ay4H05PtzpovTh0ZDq/qDDjCHtXuGpmwHW9FaTF0BOi&#10;rzkw1NHTUsdxJ4JNBBZdLSC/jZEDzRpJp6nQmW/wdLrW0FPElwOIB8/9j0Hn9nFE9tdwZrtDIUsP&#10;28WA2fhEFLtnaWPIWnpYUGhGdVCpJP4wF1BQqL6I1Vb3chgEQ9SeJ6rc3JnPoo4D/Kfn/g/bUHS/&#10;9Of8fb/SMv6dLfr3rndXZ+4Idv7WoWqZzaSvrpbrTUkJNjPUy2IRBzYC7ufTGrMQPbcsoiFT+z16&#10;vBA1y1B+Z8h/q9OjF57f2zegcPXbF6hmhzu/ayD7TePZsgRxC44emx36lGhr/S6R2Us08wLRJVja&#10;5Op8DyHRhJOlgpSPLebYx/q9OA86mvRO6qsqK2onq6qonq6uqmaoqqupZpJJJHJZ3d3JZ3diSWJJ&#10;J5N/a0CnDokeUsa8T6nqJ9eT731QAt08YDb+a3Tl6LA7exlXl8vkZfDR0FEup2P1JP0VERQWd2IR&#10;FBZ2CgkVZwgqcDp+KEuaKKno4kGK69+LdDT5Tcf8P353fPAKnG4CFtdFhiwukkzDkSLe+sgSubCB&#10;Y01Tsg1NeHGF9fXo3pHtgq3c54D/AFcB8+J8vPoou8t7bm3/AJyq3FurKT5PJVLWBk4jhS91hgiH&#10;ohhT8KoH9TdiSV0cYjFB0Sz3DXLamP2DyH2f6vt6ShIH19uAV6YJp1wL/wBP9v7uE9eqF/Tow3Un&#10;QddvSjk3pvWvGyuscahq8huGvKxyVMaEBkoxJxpY+jzMCgY6UWVwUCe4uxH2rlv8H+r06MrLbTN+&#10;pJ2px9CR/kHz/Z6hQ9ld/wBBTYNus+k6A7N6/p0amrMpTgx1+TuAJHeU/vRRzWs7MxnmXiRlQtD7&#10;Tx25J1yZP+D/AFfs6U3W4iNfDg7VGKj/ACf5+J/wlTBuL+1nRGXrw6jM4F/yffuneuoopqmWOCCK&#10;SeeaQRQwxKWZmY2VVUXLMxNgByTwPfiadbALGg6OVs3ojbHXuDp+x/kLVnE48/vYPYEZvW1sgAZU&#10;qI1YSaiCCadSum4NVJCqvGUL3BlOmP8Ab/q/w9HsFmsA8Sag9F/z+p+Q/Pz6C7t7v3cXZvjwdDBF&#10;tbYeO0w4naeLskZjisImqjGEWVkAGiNQsMQACJqBka8UIizxPr01c3bXGB2r6eZ+3/Nw+3j0ARJP&#10;19u5bpJhesbki1j9fbirp6ZkepHWL68D3br3XZKoOeW/C+9HHWq06iyuzC5J+v09+p1pzjrB730z&#10;1xZ1QXP+2Huo49bDBMnqK8jPx9B/Qe7dNNIX68qX5P8Atvfun0TGeuEjKpt/QfQe6MtT1csF6wFi&#10;f9b+nvYUL02Wr1x9tManrarXPXR4BP8AT3tVr1csF6wlifr/ALb2900Wr117T9XCevXEsB/ifd04&#10;9WLAdYiSfr7d6bqW6690c06cVdPWJ5QvA5b211ovTqMzM5uT/rD37ryGvXJVFrnn37q/XA/U/wCv&#10;790+OHXXv3W+ve/de697917r3tP17rAfqf8AX9vjh17rr3vr3XvfuvdcH+n+x9+691i9+691737r&#10;3XvbT8enU4de906v1737r3Xvfuvde9+691737r3XvbL8evdRzxx7eGelAz1737r3XvfurJx69790&#10;9173V+HXuve2evde9+691jk/Hv3Xusfv3Xuve/de697917r3v3XusDfU/wCv7917rr37r3Xvfutj&#10;j1xf9J9+6f6w+/de697917r3tp+vde9069173ZOPVk49e93fp7r3trr3XvfuvdYX/Uffuvdcffuv&#10;de9+691737rY49e9+6f64v8ApPtlOPXusPt7puTr3v3VU49e9+6tJ1737rSceve/dO9cH+n+x9+6&#10;915Pp/sfbT8evdc/dOvdYn+v+w9upw6dTh1w936v172n691737r3XB/p/sffuvdYvfuvde9+6917&#10;37qy8euD/T/Y+/dPdYvfuvdZI/z7917rJ7917rAfqf8AX9+69117917rHJ+PfuvdY/fuvde9+6sn&#10;Hr3v3T3Xvfuvde9+6919i7+WN/27Y/l6/wDijvU3/vBYD3Em5f7kS/8ANR/+PHqd9n/3Eg/5ox/8&#10;cXo8XtF0Y9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8f/3kR1hv1xLAf6/9PfuvdYixP/FPfuvdde/de697917o&#10;73xFweN29j+wu59yBYsPtTDS4uhmf6l/GtTWmG9j51iEMSaTdvuGT6mxSXJ1EIPP/iujGyXQC5+z&#10;8hk9PvcW9qvB9cbdcsq9ldybbC1CU73eixOTrZcpWIpvrT7x6qGhAe4MFJZWBjsNQR1c/wAK/wAy&#10;P9VenbqaiAD4mwB6VpX/ADf8V0Nmydl/3GpO7t81dUP41Ng5qXCUsRBlp8LhKSpoMdUqpIste2OZ&#10;4h+jxQxaGtqsmeTXpXy8/tJqf8PT6oI2ZvUjHyUU6JjgOuId757aKZ6pOJ2FsPrHG57e+abyKsFJ&#10;P9xlBTo7f8pNaasiMJewLuiuU0ssaXQD6ljQfPh0j8ESFa/CqLX+Z6Nt2JuXbu5PjvTZWpomwm0s&#10;ngL0WMoEXy0dIMzjsZQTJHqId6GCpR5I1OmSzxKyeRXRPGhElBxBP5mlf59K5HXwiTgEL+Qb/N0F&#10;fxF6n3Jgt7ZveOXWCnwtHjZMBiKuNtUeSkqfBUrUUT2AmpPtU8gkFtWtQBdZAj13MJVCj7T8vl0k&#10;sbdoGZjThQedRg1+zpNV+8Mh2XunqPs54BSnbvcgwW66NZGkjpUerwkVPPSxszSrRPThFkP0Src3&#10;t54wfKgiVkJ4rUfsJ/1fLq7uZijgfC5U/mQP9Xz6FGt23Pvb5E11XCkeLznUO7aLKZPK1Qbw1eAq&#10;6da5YpZVSRRW00rusAcqXp5gt1WkurYPhx04hh+wg0/Z061JpajBSg+0Mv8AhrX/AGehvo98DPb3&#10;7GwsUJePZGLqMZltpzaC1dJPTUlXRVykLcx1MK1FM6tqCBYf+OpX2wV0gH18/wA+n1YMSo4giv5i&#10;o6Lf8y9t0m4ti7D7Ow86ZGCk8dDNko/rPQ5GJZ6SoYWACLLHxwPVUWsfw9ZsQxU+f+EdItxQOgYe&#10;R/kf9mnQCda9fbX2Rtmm7n7gg8uIZy2wtiPYT5qpTlJpY3HFAhs3qBR1s7gxmOOoUyMXOhPzPp0l&#10;t4VhXxZPyH+r+X7egW7F7C3D2bues3RuOZDUTAQUVDT3EFJTIT4qanQk6Y0BNyfU7FnYlmJ9qooh&#10;CKD/AIvpJPOZ2qfyHp0hCwH1/wBt7cLU6Z65U1PVV9TT0VHTzVVXVzLTUtLTKzySSOwVI0RQWd3Y&#10;gAAEkmwHtpn62AWNB0cChocF8X8FDms1DQZ3vbO0HkwmEk0zU+3qeVSPuKixKtVspI4PqN44yIhJ&#10;JIjWt2aDCDifXo0CrYLU5c8B6D/V+3gPM9FGzOZyeeyddms1XVGTyuSqGq66tqm1SSSN9WY/j+gA&#10;sFACqAAB7MVUKKDorklLksxqT00lif8AW/p730wWLdGj646p25tTbtP293aGpdqFfJtPZpv95m5y&#10;C0RMV1ZaUgalBIEi2kkKQWMqOWYyHRHx8z6Dozt7QRDxJeHkvqfn/m/bjoJu0+2Nx9p5tcjmXSjx&#10;dArU23duUVlpaCn4CxxqAoaQqq65CNT2AAWNURHoYFgFBx8z69J7m6Mxz+Q9OgsLE/X/AG3t7pGW&#10;r0MfUvTOe7QrairM0e39mYYGo3Lu/JWSmpoUGuRY2cqss4jBNrhUHqlZFIuxNcCIep8h0rtbNrg1&#10;OF8z/m/1UH8uhA7E7owG28BN1T0ZBNhNoIGp9w7sBK1+aktokcy2WWOCSxufSXQ+NUhhHjZqKAud&#10;cmT6en+r06eub9YR4UPAcT/m/wA/7MdFULE/X/be1nRPUt11791cJTj0IvWnV27e1c9HhNsURaON&#10;g2UzFSGWko4ieZJ5ADyf7Ma3dzwq2BIalmEIqfyHr0qt7Zrk0XgOJ8h/s/L/AAcejFbg7J2P8fsP&#10;W7G6Xkps/vuriNJu3s+oSOQRMLa4KEeuNtDi4UFoYyoLfcS3ZEixNdHU+B5D/V/h8+l01ylgvhxZ&#10;bzPGh/z/AC4Dz86kyra2syVZU5DI1dTX19bO1TWVtY7SSyyOSzySSOS7uzG5JJJP19rwKYHRIzFz&#10;UmpPn1CLgfTn24Er00Xp16KKapmiggjlnnnkWGCCFSzu7EKqoqglmYkAAC5PA93JCDqqqZDQZPRx&#10;NpdM7R6owdN2P8gXVHlHl211qhV6mrkUBh93FqBcLqUtESscd1+5f1GEl0ty050R/mf9X+r06PoN&#10;vSzXxJ6fJeI/2T8uA8/kDPbneG6e1q1IaorhtqY+QfwTaePYimgVAUjeWwUVFQsZ06yAqAkRJGrM&#10;C5DAIfmfXpDe7i1yaDC+Q/z+v+AdAqST9fb/AEXULde1G1vx7904Fp0pdm7G3Pv/ADlPt7auKqMr&#10;kag6mSIWjhjuA01RKbJDClxd2IFyALsQDSSRYhVj0ogt3uTpQV/wD7ejjLF1f8VKYNP/AA/sju54&#10;NUca3NFiGZeDzzERf6kCqlW1hTRyE+0PfefJf8P+f/B0dhItrH8Tn7Mf5h/M/ZwJ/vjfe6ew81Ub&#10;g3ZlZ8pkJfREr+mKCO91hp4VskMS3/So5N2Ys5ZisWIRrRf+L6LZJ2nbU5+z0H2f6q+p6RfvYT16&#10;oX9OuJYD/X/p7c6b6xm7cngD37rRxnrG0gHCf7Fv+Ke/dUL+nWG9+TyfdSK060oJz1jkIC8/1926&#10;3IaDqMX/AAP9v790mL+nWGT6f7H37q1NQ6wkgfX37rdAvXFpWIsvAta/59+600pOB1i91ZqdeQUH&#10;XRIH1PtvLdWJp15Tfn/H3cJTravUdcWYcgc+79e6wkgfX37rRNOsRcn/AAHtP1cvXrj7unHryivX&#10;RYD6/wC29u9OEhesRYn/AAH9PdH4dNliesD/AF/2HtsinVgnr1w966uBTrMn6R791vrEfqf9f37p&#10;8cOuvfut9e9+691737r3Xvafr3WA/U/6/t8cOvdde99e697917ri/wCk+/de6w+/de697917r3tp&#10;+PTqcOve6dX697917r3v3Xuve/de697917r3tl+PXusB+p/1/bo4dPjh11731vr3v3W1weve/dP9&#10;e91fh17r3tnr3XvfuvdY5Px7917rH7917r3v3Xuve/de697917rC/wCo+/de64+/de69791sdcX/&#10;AEn37p/rD7917r3v3Xuve25Ovde9t9e697snHqyceve7vw6e697a691737r3WJ/r/sPfuvdcPfuv&#10;de9+691737rY49e9+6f64v8ApPtlOPXusPt7qj8Ove/dUTj1737q0nXvfuqpx6979091wf6f7H37&#10;r3XSfQj/AB9tv17rJ7b691if6/7D26nDp1OHXD3fq/Xvafr3XvfuvdcX/SffuvdYffuvde9+6917&#10;37rY49cH+n+x9+6f6xe/de6yR/n37r3WT37r3WA/U/6/v3XuuvfuvdY5Px7917rH7917r3v3W149&#10;e9+6f697917r3v3XuvsXfyxv+3bH8vX/AMUd6m/94LAe4k3L/ciX/mo//Hj1O+z/AO4kH/NGP/ji&#10;9Hi9oujH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j9Fyfpx7yI6w364e/de697917r3v3XuuBb8LySbD3cJ69U&#10;L+nVoLda1NPsHpz4/Riajbcp/vt2nNBw6UNI8VVV08thqD1GQqYKWB/wYFBBAI9luvuaT0wv58P5&#10;dHXhUVY/96+wZPpxJH5V6AvAY2fvX5IZzdOQlSn2LsfNpUTVLKRBHj8dUeDF0SL+lXyDxAsgNzqn&#10;dASApdL+DHTzP+XplYzcTE/wmn7OH889Ct1luTcnbGwPkhueKnM+V3tJ/dDAYoszLBDJRS0dFSIB&#10;pSNYkrxeThS5eWQAavbMkYhZAfKhP7f9jp6JjdIx9dQH+8in+HPQI/I3esG3aPFdH7ckjFNtzE4m&#10;Df2XpS18nkKDGUdHTRkk/wDAekp6eMlOFM3JQPFqZTaRaiZD5k6fkCekd9NoAiXypX/J/nP5enRl&#10;Mdsik3f8feusFkq/+D7aqOuvvdx56cqFpKaHLYHL1LaiAAzwUUyRkghTZmDKrXRtIY5WI46jQfkR&#10;/l6XiMSRBTw0pX9gP+o9JnpPuHCb37jpdpYHDNh9lbW27V47rmnp9SlaeNIVqGrIi1nkrFiWVZGv&#10;JEVKHWZpJA7NAyJqJyTnpuC6ErFFGAMHPAEeX7Keg+3ov/VVDuSXcGxsftqgkkysfae549201YCk&#10;C4hINr/cis1kLEsGiRgbCRJxCyfvLFZ6UrpOr+Bafb3dJodYcaf43r9nZX/V69C58pu1929f9i4b&#10;E7Zoo8HjWno955eug4OdqIlSlEFY68PSwU1MkLQN+oEO4KmKzFpEJFNc+X2f6q9OXdw0DLThxJ9f&#10;Kn+f8unrddVk9jfLzZ+7KV5U232rQUeGaoUFY6ny00VAsD6gD5IqiOkn08GxjH5I96RBJCR5rn/L&#10;/n6u4MU4J4MKH7RX/Y6HLr/YlZF1/uDrnfGBjymFwO7ayi25R5F1aLI4yKriyeKkYgsBGkjLFoYa&#10;V8WgqVFinkfuDLgkCvyNKHpZGlVKsKgE04EEVqP2cPy6ql7S7F3N2RumrzO5gaN6QtjsdgkDJDjo&#10;I2IFLHGwUqyEfuEgMz3JAsFU6hjWFaD9vr0H7mdp2q2KYp6f7Pr0Ghf8D/b+7F/TpP1kpaWprqmn&#10;o6Onnq6yrnWmpaWmVnkkkdgqIiKCzu7EAAAkk2HutPM462BXA6OPR4vCfFzblPuLPRY7Nd6bgoi2&#10;38FMRLDgaeVWU1UwW6tU2ut7jU14oj41mkdHm8NFwg4n+L/V/snyHRmAu3LqahkPAfw/6v58Bip6&#10;J9mc3lNwZSuzWZrqnJZTJVDVddX1bapJJG+pJ+gA+gAsFACqAAADBVCCgwB0USTGQkk5Pn01e7dV&#10;CV49G22L1ttfqnbtF233fSrOatPNsPrWQA1OQnA1JPXQyDTHTICrFXBUBlaZSSkEyOSUzHQn5no2&#10;ht1tF8SXj5Dz/wCL+Xl554AH2R2bujtHcM2f3LVliC0WMxkF1pqKAm6wU0d7KoAGpjd5CNTsx9qI&#10;ohEKD8z69F9xdNcGpwPIenQe+3Ok3Riequkoc5ipOxey8i2zurMXeaXI1N0qMkUP/AegQguyyEFf&#10;IiuWYGOFXfUY0s1xpOlct/g6MbWy1DxJMKM5xUf5v5ny9eoHbveE29aSm2TsvGrs3qzC2hxO26IC&#10;N6kIQyz15RiJHLgyBLsA5Lu0sv7nvcFvo7my3+Dpm8vzN2R4Th6V/wAw+X7fkX32p6LwlePXRYD6&#10;/wC29+6uSF6HzqHonK9hwz7r3JWps3rHDq1Rmd15EiMSpEf3IqLyWWRr+lpT+1Gbj1yARMmmuBHg&#10;Zb06W2lkbjvftQefCtP8nqeH8+lN2b3vi6fAnq3pOhfanXlKj02QysYZK/Ls11lkmka0yQzD9Wr9&#10;2RbK+iP9kUityTrkyfT06cudwCjw4MKPMf5P8p4n/CVUsB9f9t7Wha9E5anWIsT/AK39PboUL00W&#10;LdKTaGztyb7zlJtza2LqMrlKtvTFCLJGgIDTTSGyQwpcanchRcD6kAtyTCMVPT9vatcNpUf5gPU9&#10;HBZutvilR/8ALt7D7ynp/wAeuiwutf8AYNExVv8ACplX/lXhk9Rd3Xh8wv8Ah/1fsHR4Wh2kfxP/&#10;AIP8w/mfs4E43fvPcu/M5V7i3VlajLZSrNmlmICxoCSsUMa2jhhS/pRAFFybXJJWIgjFB0RT3D3T&#10;amNfQeQHy6S/u/TYT16979050OvUXQ+5u0ZHys0ibZ2PQFpMtu3KAJCEj5lWmDlFmdVB1NqEcf1k&#10;cGysmnuRFgZPp/n6MLPb2ue44X18z9n+fh9vDoVt4d5bT6zwdT1x8e6X7Gnc+LPdhy2arrJFBUtT&#10;SFVZiLnTOQqpc/bxoLSFqO3aU6pP2f6v8HS+W8S2XRAB9vEf7J+f7PkTaoqZaiaaoqJpampqJWnn&#10;nmYu7u5LO7uxLM7MSSTck8n2uAp0TM+anJ6jFieSePfumwSx6wlyfpwPfunuuFwOT/tvfummlpgZ&#10;6xM5bj6D8D37pvjk9cPfunglOuBcD6cn37rxenDrBISRzzY+/dMuCw6w+/dVC06wyvYcc8+/deL0&#10;4dRSSfr7900TXr3v3TqgUr1wZrcD6+6lanrRf06xfXk+7cOm+PXr2H1sPfunU4dYy/8AT/b+/daL&#10;+nWP37qoUt176cn2wRnp4dYy/wDT/b+3FWnWwadY/ey1Otde91Vqnq6cesT/AF/2HvT8eneuHunX&#10;usqfT/Y+/de6xn6n/X9+6fHDrr37rfXvfuvde9+69172n691hb9R9vLw691x92691737r3XF/wBJ&#10;9+691h9+691737r3XvbcnTkfXvbfTnXvfuvde9+691737r3Xvfuvde9svx691gP1P+v7dHDp8cOu&#10;ve+t9e9+62OPXvfun+ve6vw69172z17r3v3Xuscn49+691j9+691737r3Xvfuvde9+691hf9R9+6&#10;91x9+691737r3XF/0n37pR1h9+691737r3XvbcnXuve2+vde97Xj1tePXvbj8On+ve2uvde9+691&#10;if6/7D37r3XD37r3Xvfuvde9+62OPXvfun+uLfpPtlePXusPt7qj8Ove/dUTj1737q0nXvfuqpx6&#10;979091wf6f7H37r3XUf59tyde6ye2+vdYn+v+w9upw6dTh1w936v172n691737r3XF/0n37r3WH3&#10;7r3Xvfuvde9+62OPXB/p/sffun+sXv3XuuafX/Ye/de6y+/de6wH6n/X9+69117917rHJ+PfuvdY&#10;/fuvde9+62OPXvfun+ve/de697917r7F38sb/t2x/L1/8Ud6m/8AeCwHuJNy/wByJf8Amo//AB49&#10;Tvs/+4kH/NGP/ji9Hi9oujH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j7+8iOsN+ve/de64lgP9f8Ap7sFr1Ut&#10;TrGWJ/1v6e3AAvTZJboafj1syHevau3KWvEYweBkbdm4pZwDElHjrTsJrkDxTTeOFj+BJfkD2nuZ&#10;dKmnnj9vSuzh1uPln9n+z1Yd2Xu9sTvCGix8M8u7sptibdlfSIoaopcbhKSqqMRjwAlvLX7nlFiv&#10;MiIqOOU9lqLqFTgVp+Z/2OjsvpbSMmhJHqB/smg/PosjVlL1jCOpcXVRS1219k53ffaeSp2VhUZ6&#10;XBVcFBj/ACofXT4uaphFrsjTHUyCRWHtUV8TuPmwVfsrx6Rq5g7FOVVnb5mnD/V5U6XvXH96em/i&#10;HvPeCxHHZrOZA5zBuy2mggyL4zE005BtZxZqiK9xpZGINyp9JSeUDy4fsqem4gbWEk8eNPStAP8A&#10;P0UXem1c5vLvPc+ztv0y5DM1G8anb9NHDqEYNJI1M8jsQSkMKQFpHIsFVmt7UxMIowTwp0kuFNxM&#10;Qvmf8Ap0dj5E0VRsT49YPYNHkRWUFLtWlpqyuiGn7lqHIYKNXWxOmKRql203PGm5Nrkvtm1y6j6n&#10;+YPRlcrohI9Ao/YQOiufDyoRO8cLG1wZ8LkYo+PqwpXkN/6elD7WXZ1L+Y/zdF+3Gjn/AEp/wjoZ&#10;e3s82A2DunZvX+cpK/d5zc83bOWxqNFU1SxwQ/eQUkisBKKKEU8dcUAklSOWeYXFYQmhWrAtwxT/&#10;AFft/P8ALoxumOhvDOa5pxpQfzpT8vn1E+TGQoM/vnA7bztRBTYffOwcfuLbmXmIEWLzLyVcKSFz&#10;6hQV0McUFXewCmGo5NKFa9sCi6l4g5HqMf6h01dkOwjbAI7W9GBP8jWh6HGowGOqcN1fuHtCspcR&#10;t/C7a27QjHZJ/DVRbtoKvRFFC4sYlYtUQ1QJ0vGFdtCwGWNgsQSFr58PNelRGoDXSvaaHybFP83+&#10;xXoR6XfITszeG2K77tchRbTpd17fxqrY1eNaNFkRY2NhU0tfFUKSAHdatVNxANLTCqg+Vafn04rd&#10;2jzpX8jUf5P8HVaPyn2VDtXtOvy+N8UmA33TLvDEz07a42apJ+7Af9J1VIaYabqI5o7f0BhauZFp&#10;5jB6Jdxh8N9Xk2fz8/8AP+fRcoIJqmaGmpoZaioqJVggggUu7u5CqiKoLMzMQAACSTYe1gULk9IQ&#10;K4HRwsRjcH8YcFTbr3RT0ma7vztA0m1NqykPFg4JVZDWVoU/58qSLAgk3ijIAmlVExN6aDCDifXo&#10;zou3LqbLngPT/V5nz4DzPRR89nsxufMV+fz+QqMpl8pUGqrq6qN3dz/tgqKAFVVAVFAVQFAAXKoQ&#10;UGAOid2aZizZJ8+mlVZmCqCzMdKqvJJP0AH5J926sqdHC2jsXa/RGBpezO46GHIbwrYPuuvusp7G&#10;QyDSUrcghDCLxswOlxaGxJV6jTHGheQ3B0pw8z/q/wBR+zo0jiWzHiScfwr51/z/AOD7adFm35v7&#10;c/ZG4arcu68jJXV9QSkEQuIaaHUzJT00dyIoY9RsOSSSzFnLMVUcYiFB0VzztcNVvyHkOkb7c6Z6&#10;NhsXqDbOxNu0na3fJkocLKRLtTr4cV+XkA1KZoSUaOnGpW0Ei6+qcpGVWZHJMZDpj/M/6v8AV6dG&#10;sNqtuviT49FPr8x6/L9vn0EHa/cO5e18rFNkvHitvYweDbm1MedNJRQqNChVARZZtAAaQqDb0oqR&#10;hUV6GEQj5+Z6QXV214fRRwH+U+p6Cb6cn290nAC9Yy/9P9v791Uv6dG0686NwG18BT9q9+VEmA2o&#10;rCbB7Oa65DLPbXGjwgrKkUtuI/TIy+uRoYfWyKS4LnRHn5/6v8PRrbWKwjxZ8AcFP+X/AKB/b5jo&#10;OO4O88/2hLT4mmgj2xsLDsItv7Pxto4ESMaYpKgRhUmnVOFFvHELrEou7O9BbiPPE+vSW9vzcYGF&#10;9PWnr/m8vnx6Akvf6ce1gSnHorL14dcPfi1OvBa9DP1H0jurtmukkogmF2pjnJzu7siLU1OqjW6x&#10;3KfcThOdCkKoIMrxqQxST3Ii45PkOjKz29rk14L/ABev2ev+AdDFvHurZ3U+Dqutvj3GiySjw7m7&#10;MlCvU1cqgqTRy2GvTqYLNYRR3b7ZPUJinSBpjqk/If6v9Xr0ruNwSzHh29Pm3Ef7J+fAeXyJlNNN&#10;UTS1FRLJPPPI0088zFnd2JZndmJZmZiSSTcnk+1wFOiOhc1Pnkk8T1j9+6uBTrkiPK6Rxo0kkjBI&#10;40BLMxNgABySTwAPfurAVwOjh7F6B29szBw9lfIWtO3cAlpsRsgkivyEgGpI5o0ImTXx+wlpLHVO&#10;8CK10EtyZDoiyfXy/wBXz6ObewWAeJPin4f8/r9g/PzHQedwfIHN9jxRbbwlHFs7rvGqtPi9q4sL&#10;GJI4+I2qzEFR9NvTEgEMfFg7jyF63tPDycn16S3u5GbtXtX08z9tPL5cPt6Luzk/4D2qOOkGqo6x&#10;F/6c/wCPvXWuu2IAP9bfT37p1mCdRybfX6/gD37phnMnDA6xEk/X37rYFOuBYD/X/p791otTrGWJ&#10;/wBb+nv3ThavXH3VjTrQ6xSOqgj6n+g926tI4UU6ilif+Ke/dJiS3WN/p/sffuvFaDrF7902Wp17&#10;37qyksOsT/X/AGHv3WyKdYS4H+J9+611w9TH+vv3WwK9ctAAJPJt7904Ep1gLgfTn37rxenWMkn6&#10;+9EherDPXXtsvXrfXvdOvde93Tj1dOPWJ/r/ALD35+PTvXD3Tr3WVPp/sffuvdYz9T/r+/dPjh11&#10;791vr3v3Xuve/de697T9e6wv+o+3k4de64+7de697917ri/6T7917rD7917r3v3Xuve25OnI+ve2&#10;+nOve/de697917r3v3Xuve/de697afj17rAfqf8AX9uDh0+OHXXvfW+ve/dbHHr3v3T/AF73V+HX&#10;uve2evde9+691jk/Hv3Xusfv3Xuve/de697917r3v3XusL/qPv3XuuPv3Xuve/de64v+k+/dKOsP&#10;v3Xuve/de697bk69172317r3vY49bHHr3tx+HT/XvbXXuve/de6xP9f9h7917rh7917r3v3Xuve/&#10;dbHHr3v3T/XR+h/1vbA49e6we3+qPw69791ROPXvfurSde9+6qnHr3v3T3XB/wBP+sffuvddR/n2&#10;3J17rJ7b691if6/7D26nDp1OHXD3fq/Xvafr3XvfuvdcX/SffuvdYffuvde9+691737rY49cH+n+&#10;x9+6f6xe/de65p9f9h7917rL7917rAfqf9f37r3XXv3Xuscn49+691j9+691737rY49e9+6f6979&#10;17r3v3XuvsXfyxv+3bH8vX/xR3qb/wB4LAe4k3L/AHIl/wCaj/8AHj1O+z/7iQf80Y/+OL0eL2i6&#10;Me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PsSB9feRIFesNiadYy5P04HtwJTj02Xrw64e/F6deCV697plur4X&#10;qwf4s7MhxOwcvvDLFaKHeWRZKqvm8X7O2sCTVZaX1As1NkKsLQVC8MFKyL+nV7QXTd2keX+E/wCb&#10;y6NrBKJq4V+zgP8AUemLZ/Y9fSx90/J7cFGDJl5I9k9d46uAZHqnminp4kvwyYyKjp5HZQBIY5ir&#10;CQN7ceKumIfa3+r/AFeXTcc1A8x+xR8h/qFaeYPQf/HfH4nL1HbXYXZk1RPtHHbbQ7myVR6mqqmp&#10;ytFXtTC+kyzV4onhdVYMRPpuDIp9uXONKLxrj8hT/L01ZZLyPwpQk8DXJ8vsx8/n0PW597ZXsf42&#10;VO4MiRTPvXtSkoKDGU4/ZpqSLKU8NLRkLYPHDFRqSQo1yesrqJPtMI/DkoPIH/jvS3X48Yb1I/6u&#10;AdB32JlafoSm3nkKWrjqO7u3cxkcnLWxWD4HCVlXNMpQAKYa+tDX4ClDyAvgUzXX/GKA/CoH5mnS&#10;edhZ6qZZyT9gqf8AV8z606VfdrTVHx26iooopKiqruo8d4Uju0jyfcbOUIqAFndzJwBzfixv7pEv&#10;6hP9I/4G6tLVoKDJKr9tar/n6k/Hvbm3Om99bN2bmqeHJ9wb/o6qpzsasGXbuNjx9TXw0jEEg11Y&#10;1PG0otdUuLhAjT1uKzKWHwjh8zWn+Xr1ui2xCn42rWnkBn/J+Z+wdFP3rka/A5betVSNJRZvA925&#10;GaGqBDFHdqpXjZCGR1LU9nVgyupKkFSQVsah6A8Cg6TzSFNRXiJiQf29G+7B2DtjsHC9R9v74r6P&#10;A9cYDq2jqtz0ePZzNJKVglp8XSks0zLJLO8V7mQaCoIeQOiRJTEWRcmtB+VelcsazhZHwAKkfbQj&#10;8v5+nHpE905GXvDoDbW/9uYpMZTbM3RkKBtuxOS6Y6MOkbql7SzU1HBBJKqBgkfnkBWONx79EfBk&#10;KnzA/b03cf41FqUcDWnyFR/s9OH8UyU+D+NPyDhq5Kh9u00eyewJGYvN/D0rDi5q2RTcuA80vlZj&#10;/nZ4GFrlhoLQvF61I+2ladOKxfw5RmmG/PBP5HPSw+RPV1bmeo66kp6eSty/VGbmyG3fCpMkuBqm&#10;DLBHGuptFFTFISTy38OZxw4BrazaZPkwz9v+r/D05ewmWLGSMj7PT9n7SOgG23h8H8Zdu0++t80N&#10;Hl+4s9R+bY2yan1fwiJwy/f5AA/tym9tPDixijZXM7QK3JujpX4RxPr0hjUWK63y54D0/wBXmfyH&#10;zKJn89l90ZnI7gz1dPksvlalqutrKgkszN9APwqIoCoosqKAqgKAPaxVCCg4DoscmZizZJ6aEV5J&#10;EiiR5ZpXEccUYLMzMbBQBclieAByT7t1WvkMn0HRytu7S2z8cNu47sXsuigzXauUh+72F15OQUoO&#10;LJX5FRcrJE3IB/zbDQl5wz05e7m7OhMKOJ9ejZI1sF8STLn4V9P9XmfyHzKpvLeW4t/biyG6N0ZC&#10;TIZXISXdzwkSC/jggjuRFBEDZEH0+puxJK1EEYoOiiaZp21N/sAeg6TlNT1NbU09FRU89ZW1c601&#10;LS0ys8kkjsFRERQWd2YgAAEk8D3YmmT0yKsdK5JwB0cfBbM2b8ccRQb47Vp6bcfaNdTiu2b1vGys&#10;lCfrFW5BhdVeORbX9SowIiWWVS8KJna6OlML5n16N44V28eJJl/JR5f6vM+XlXzK/v3f+6Oydw1W&#10;5d15F66unJSnhX0wU0NyUp6aK5EUKX4HJY3Z2Z2ZiqjjEQoOi6eZrltTfkPIdIguB9OfbnScvTqT&#10;jsdkczkKTF4qiqslkshULS0NBRI0kssjmypGigszE/gD3okKKnqqq0poBUngOjqYTZOw/jPi6LeX&#10;acdHuvtapiFZtbr2ndJIqFv7FRVsBJGXjbnykFEcWp1lkXyohZ2ujpXC+Z/1f4OjqOCPbV1yZfyA&#10;/wAn+U+Xl8yrdi9mbs7Q3BNuHdmRNXUm8dFRQgpS0kJNxBSw3IjjHFySzufVI7uSxXQ24jFB/sno&#10;nurxrk1b8h5DoPySfr7fqF6SULdde2y1enAoHRqusegaEYQdm91V52b11SItTTUNQzRVuUJGqKOJ&#10;B+7HFMB6dIM8wB8SqpEwRS3GdKZP+D/V+zo4ttvCjxJ+1R5HH7fT7OJ/wp7t/wCQNbvSiTY+xseu&#10;yOrscv2tFt/HhYpKxEa6vWmL06GI1+AErqOqRpXAdbQ2+g6my3TF5uLXHZH2pw9K/wCYfL9voC3e&#10;1PRcFA69791bpS7S2fuTfWcpNubVxVTl8tWN+3BAAFRRbVLNIxEcMKX9TuVUfk3I90dxGKnp2GBr&#10;htKiv+Afb0cyLGdXfFKljrM6aDsbu94FnosbAb0WJZ1ursWF4SL3Ejr9zKNPijp43eT2iq94aDC/&#10;4f8AV+zo6CxbWKt3P/q/YPnxP8uif7+7F3Z2VnZtwbsykmQrWBjpoR6KemivcQUsIOmKIf7FmN2k&#10;Z3JYmMVuIhQdEdzePcmrfkPIfZ/qr0hvbpYL0mClusLEkkfgH2yc9O8OuPvYFemy/p10foT+be9H&#10;rwWvWD68n37pzC9cWvY29+6bL14dYffuvBa9dEgfU+/dOE06xM5IIHHvVK9VDauovvfVQleuiQPr&#10;72BXqxIj6xM1/wDW92ZaDpO8pbh1x906qErx66JA+vv3SgMEHUWViSB9OPoPfuqa9eeuIT8n/be/&#10;de65M6x8H/bD37pxWoOozyM/H0H9B791UsW6x+/dWCevXvbDcenOve9de697917r3u6cerpx6xP9&#10;f9h78/Hp3rh7p17rKn0/2Pv3XusZ+p/1/funxw669+631737r3Xvfuvde9p+vdYX/UfbycOvdcfd&#10;uvde9+691xf9J9+691h9+691737r3XvbcnTkfXvbfTnXvfuvde9+691737r3Xvfuvde9tPx691gP&#10;1P8Ar+3Bw6fHDrr3vrfXvfutjj1737p/r3vTcOvde9sde697917rHJ+PfuvdY/fuvde9+691737r&#10;3XvfuvdYX/Uffuvdcffuvde9+691xf8ASffulHWH37r3Xvfuvde9tyde697b69173scetjj1724/&#10;Dp/r3trr3XvfuvdYn+v+w9+691w9+691737r3Xvfutjj1737p/ro/Q/63tgcevdYPb/VH4de9+6o&#10;nHr3v3V34de9+6onHr3v3T3XF/0n37r3XGP8+25OvdZPbfXuscn4PtyPpyPrH7c6c697T9e69791&#10;7ri/6T7917rD7917r3v3Xuve/dbHHrg/0/2Pv3T/AFi9+691zT6/7D37r3WX37r3WA/U/wCv7917&#10;rr37r3WOT8e/de6x+/de69791sceve/dP9e9+691737r3X2Lv5Y3/btj+Xr/AOKO9Tf+8FgPcSbl&#10;/uRL/wA1H/48ep32f/cSD/mjH/xxejxe0XRj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x7ySfr7yOJC9YYgFuv&#10;e2yxbpwKF697sE9eql/Tp0wWGr9x5vEbexUX3GTzeSgxVBB9NU1RIsUYJ/srqYXJ4AuTwPdmYRgn&#10;yA60imVgBxJ6tz7DwYwnW6dK7ICNmMphMT19STJqQRQV0kyz1U8YFr1FJRZOoqSpJKxKzX1KfZFG&#10;9X1twBJ/MZ/w06EbR9mhcYp+XD+Qz+3oqPbv2+7Nr9VdQ9X07VmJbe1fgNsovpSs/hUNLRyZSU8q&#10;PushW18jy30iJNZCgG623JQtI/pU/nn/ACDpFdKHVI0HEmn+1qD/AIfz49Qu4MltnaXTmR6m2ZKl&#10;Zj9p76xWHz+egJH8Sy7UeTqsvI1j6oqeeGliQN+koVVnWJW97iJd9beYJA+XAdVuaRRaF4VCn7fi&#10;/wBX7PLow/Ssm2sV8dOnKjc9Ess9RvhU2/QSKFFTlqzPV9NjHkBUllhEq1Gr6qkKuurSEZiaru1P&#10;T/AOn7Q6Il1f6qtj/D/l6rD3ruPKbt3ZuHceZrGr8jlsrNVT1JNwQXIjSPkhYY4wqRqOFRVUcAez&#10;OOIKB0TTuXck+vVmW7t24Trzozp3etVRw5LeGC6toKbZuJrk1QLU1FLg0krpkIFzj3SJlFwdbjTZ&#10;gHQuCeJIV8ixr/Po68TwIg1MhRj9g6Jf8eM/lMl8itl57K5CSsy2XzlZJkK+rILyyVdFWRylieNU&#10;nlIAAFrgKBYe1lyoSIgcBT/COi20YyTAnJNf+OnoWk6ypt7by76l3Rl49tde7Z7lO5ty7gqwyBoV&#10;bOGopaV9JV6lmqYEsLsgkVgru0cciYzaQtOJWgH7OlYgDlw3whw324Nc/mOlT3jv3E1vT3T+5dr4&#10;ian63yNfk9qVWz5ZSkdRjqeRqWnjl5YpUxDHGaCS0hp6gLIHdlBekEZLsCc4Nfn/AKj1eeYCMMBV&#10;SQCOFRQ/spTHp0lNqx1mB+OXYtRtnImug2jvbGdj7OzDRXM1NVNT0U8FTCWaNHhjhqIquAh0J8yn&#10;yQSpI1mAeVQwpUaT9uf9inWkBgiJQ1zqU/0cH/IQR094bNY9Pjrkt07VoqfIYLb+/Y8vktoOWYQU&#10;WWjXG5jb8uq8klOZKt54JLsfFLSyEmeB9OmQ+JRuNOPzHA/y6ukq+DqSpFfhHoSNQ+fEkfl+Z1sL&#10;msZiqra9FksxWR5He+ChfAYbM07xV081BR+Wukmv6Y6g0phaSBtPikSUqXLvpQspNccOJ+R6MNYx&#10;8+A8+qee+sfuLE9t74pN05CqyuS/jT1EGRqzdpqOYCWhZbWRUFI8ahEskdjGoAW3s8tiCgp/qPQb&#10;vqrIdX5fZxH+r16CSnhqa2ogo6OCeqqqqZaempaZGeSSRyFRERQWd2YgAAEkmwv7eJpx6RVLmg/l&#10;x6OlgcBtr4vbcpd673o6HPd1Zuk8+zdlzkSR4dGFhW1oU+mZT+QQ2oGGAgiWaNCzm6OlcKOJ9ejR&#10;I125db5c8B6f6vM/kPmULdG6s9vHN1+49z5Spy+YyMplqauqa5/2lEUWWKKMelEUBEUBVAAt7Wog&#10;jFB0VTTmU6mNT1G29t/O7uzNDt7bmMqstmMlN4aOgo11OxtdiTwEjRQWd2IVFBZiFBPvzuEFTw6b&#10;jRrhgqjJ/wBWejhtLsr4oY5oqc4ze3yArqMpLUqfLj9vJKnKqDpZqlkf6ECSRblvDC2idB3Xp9E/&#10;mejgCPbF8mkI/If5h/M/LyJpn9wZjcuWrs7uDI1WWy+SnNRW11W2p3Y/7ZVVRwqqAqqAqgKAAvVQ&#10;goOHRVLMZDqY1J6ZCxP+t/T3bpOWr0rtj7D3R2Ln6bbe08ZLksjOPJIw9MMEQIDT1MpGiGFLgFm+&#10;pIVQzsqmkkgjFT07BbtctpUfafIfb0bXI7j2B8VsbVbf2U+P3x3XW0pps5uyZFkpcRrFnggU6gHU&#10;n/NA6mYB6k6VWn9pUje8NWwvkPXo1kmi2oaV7pPP/Z9B8h+fkeiUZzO5fcmVrs3ncjVZTK5Kc1Nb&#10;XVjl5JHP5JP0AFgqiyqoCqAoA9mSRiMUHRBLM07FmNSemn3ov6daCevUzG47IZjIUeJxNDVZPJ5C&#10;daWhoKFGkllkc2VERAWZifwB/j7aZtOT06ilyFUVJ4AdHVwXXPXvxyxNDvfun7Xc/YlRGKza3WdF&#10;JHIlO4uUlqz643ZGHMrBoImDeJamUIVQPI90dKYXzbo6it49uUSTZf8ACozQ/L5jzJwPLNKlk7R7&#10;b3j23nGzG6K4/bwMy4nB0hZaOijY/phiJN3YAa5W1SPYBm0qqqqhgWEUH7fM9FlzcvdmrcPJRwH+&#10;c/P/ACY6DH290n697917ob+n+id19tVjVMGnA7PoXLZrd2RW1PEiDVIsAZkFROq8lQyon1kdARdi&#10;a4EWOJ9Ol9pYNdZ4L6+v2f6v83Qz7v7v2T0/havrn48UsJqpF8G4+zakJLUVMgGlvtZCo8pBJCyW&#10;WGO7fbxXYTe2orZpzrk/If6v+L6VXG4JZDw4ACfNuIr/AJT/ACH+AlNXV1VfUz1tdUz1lZVTNUVN&#10;VVO0kkkjks7yO5LO7MbliSSeSfZkAEFBjohZmlNTUn1PUf3QvXqwSnXAuB9OfdSKdeLjy6xe9hem&#10;tRY+vXveq+XToUDrC0ovpXm/BPvXXi/p1wLAfX/be/dUALdYmYn/AAHv3TgUDrCX/p/t/fuql/Tr&#10;GST9ffuqgFuve/dOAaeozGwJHvaip6o8lBjrB7dLBekwBbr305Ptskt04AF6xl/6f7f3YJ69VL+n&#10;WP3VuPVQurrolV5JA/Fz7r06BTqO8xNwvA/1X+++nv3W+sHv3Xuve/de69790o697YPHr3Xveuvd&#10;e9+69173dOPV049Yn+v+w9+fj071w90691lT6f7H37r3WM/U/wCv790+OHXXv3W+ve/de697917r&#10;3tg4691hf9R9upw691x92691737r3XF/0n37r3WH37r3Xvfuvde9tydOR9e9t9Ode9+691737r3X&#10;vfuvde9+691720/Hr3WA/U/6/twcOnxw6697631737rY49e9+6f6970eHXuve2Ovde9+691wf6D/&#10;AF/fuvdYvfuvde9+691737r3XvfuvdYX/Uffuvdcffuvde9+691xf9J9+6UdYffuvde9+691723J&#10;17r3tvr3Xvexx62OPXvbj8On+ve2uvde9+691if6/wCw9+691w9+691737r3Xvfutjj1737p/ro/&#10;Q/63tnz/AD691g9vdUfh1737qi8eve/dXfh1737qiceve/dPdcX/AEn37r3XGP8APtuTr3WT2317&#10;rHJ+PbkfTkfWP2505172n691737r3XF/0n37r3WH37r3Xvfuvde9+62OPXB/p/sffun+sXv3Xuua&#10;fX/Ye/de6y+/de6wN+o/6/v3XuuvfuvdY5Px7917rH7917r3v3Wxx69790/1737r3XvfuvdfYu/l&#10;jf8Abtj+Xr/4o71N/wC8FgPcSbl/uRL/AM1H/wCPHqd9n/3Eg/5ox/8AHF6PF7RdGP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fHv8AeRQUnrDUsB10SB9fboFOmia9Yy5P04HvfWujj/DPaFHV703B2VnfFBt/rbBy&#10;1z1tTbxx1U8UoErar3Wno46iQkD0N42uCVugv5KKEHFj0ZbdHUlz5YH2n/Y/w9CJv3tyrw/UGV33&#10;UI9HvjvPcmSm2tDL/nsdgYo4cbHKBpGiRKGn0RSJYsaySVSQWHtiOEF9PktK/M8f9X2dKprnw49W&#10;atw+XkD+yh+09NGVy1D0f0z17uSEheydydbjAbGj1AtjabJ1NVlsnmVAv46hlyUVPHezK0YIuhlj&#10;XwHjuw8q1PzpgDqruLWJSPi00A9CaE8f5/OnQa9V9ZR7/wCvtttm6wYvZ2P33nt3dgbilewpsbQY&#10;7CRxpqIuKirllqFjtquFkcajEy+3ZH0MacaAAfOp6Zt4TLGA3w6ixP2CnH/Vjz6NnvvcWDznXPxz&#10;3DhsSMRt5e7sNVYPDwWQpQUAy60Y0gkKzwU8bMtzpZipJtcsRgoXB46T/hHSyQB9FOBYU/YSOiOd&#10;S7FwOPwtb3L2ZT6thbcqvtsHg5LB9wZUXMVDErghqWNlJnezLZWUhlSbQunkJOheJ4n0HRbbQqo8&#10;WT4RwHqf9X+zgHoznyeyFVu7pfrneNUtPTVeR2JFn6ylpwwiD18+2ZJEiBLMFSSUaQSfSOST9UkH&#10;6bkfMj9lel1x+pCX+Sn9pXos/wAWdk7i3V23trMYqlvito5GPNZ3JVAYQxRrqCRawCDUVDXWJPqb&#10;Mx9CMQ9cv20Pn0hsIyz6vIVr+YI6Fr5Udgz5mo3717SUqYjCbN3Viq1IqOymtq62DIVFdUVTC2rV&#10;LUR6E5AMfkJuQFpaRaCG4k1/KlOlV7JrV14adH51r/Lh+eekbWM+a+F2NKXcbQ7cZGI50LLDObca&#10;rAvkx9dAuR9eNVx23B+a/wCr/B0nc67UEfhP/PxH/P3XP4sVEu5cP3P1bWV/hxm5OuqvL0qTh5Eg&#10;qqfTTioSNbksv3Mbuq+pxElgdPG7zsKv8x/n/wAnWtuYyq8ZPEY+VcH/AAjowXxh6yyPVdJlxvjI&#10;UMGd34nnwGxFMVTJKmFeWdMhoV7StrYNDoYKEZGMmuRRGnuZhN8PlxP2+XSyytjbAhjknhX0xX+f&#10;+CvyadrZPe+/8BultxZGLI9ndVdl4/sDaFbSsEpq+iyKIKOhpDxfHZaFXigsQP3oPKbK9/OFSlOD&#10;LQ18iP8ANjpyMtJUGmpWqKYBXypnzFR/hyOofzF62O7dv7O7R2lRVOSqE+3wVZDRRO0s1DkCJsY/&#10;iVQVMNROYQoVnb7iIE+mwtZy6CVOPP7KdJ9ytzKAyipBp8yD/mP+HoMsZi9u/FPbtPuXc1PQZ/vb&#10;P0Bl25tyQrLBgoJVK/c1Okn94gkEggubwwkIJpjcsbw0GFHn6/6vL9p6ZVV21dTZc8B6f6vM+fAd&#10;Ez3BuLM7ozGQz+eyFRlMxlKg1VdX1Ru7uf8AbKqKoCqqgKigKoCgD2vRAgoOHRLLO0rFjknp86/6&#10;83X2buKm21tPHPXV037lRO91gpoR+qepmsViiX/G7MbIis7KprJKIhU9Wt7Z7lqD8yeA6M5uLfmz&#10;vjpha/YPUNXTZ/seui+03r2kURhTsLFqTGAmVF0kkGxKxsAWaWYAwo1ia6Op8L5L0aySpty6I8t5&#10;sfX/AFcB5edTWpLaqrqKyeeqqp5qmpqZWnqKqoZnkkdzqZ3diWZ2Ykkkkk8nn2vApw6JnlLGv8zx&#10;6je99NdDD1F0tujtvKSJj9GI21jW8m4d2ZAEUtJEBrcKSVE1RoBKxhgBw0jRx3cMT3CwDPHyHS6y&#10;sWuz6KOJ/wAg+f8Ag6GPffdW1Os8BUdW/Hu9LTkmDdPZSkGsr5QCj/aVChW03JAnXSqj/gKqraVm&#10;4LZpTrl/Jf8AP/q+3pVdbglqvhW/5v8A5vU/PgPL5E0Zmdmd2ZnZizMxuSTySSeSSfZgWA4dEWkt&#10;k9cSQPr7bJr1fC9Lfr7rnd/aOej29tDGSVtTYSVtW90pqWIm3mqZrFYox+Byzn0orNx7aklEQqen&#10;re3e8bSn5k8B9v8Am6Nnk909cfFjH1W29g/w/fXc00BpM9vGpVZKXGOwtJBCoJAeM8eBWJ1c1TnS&#10;IPaMK12athfT/V/h/Z0cl4tqXSnc/mT/AJfT/Sj8/Uklz2fzW58tW53cGSq8vl8hMZ6yvrWLu7H/&#10;AHhVUcKqgKqgKoAAHtcqhBQdEskjTHUxqT00e7dU68ASQACSTYAe/de6N/158e8RgMHH2d39kDtH&#10;Z9Ppnx+15y0eQyLW1JG8Y/fiEluIUX7h11MfAi6yjkuC50R5Pr/q/wAPDo4t9vEQ8Wc0AzpP+X/M&#10;M/4OkT3F8h8tv+mXaG0aIbJ6yx8YpMftrH6YnqIk/S1YYrJpJ9QgT9tT+oyuPJ7fgtBH3Nlv8HSW&#10;93Rp+yPtTh6Ej8uA+Q/P06Ld7Ul/TotCevXEsB/r/wBPdQC3XmcJ/m6xlif9b+ntwLTpO0hfrj73&#10;Tz62F9esbyKn+J/oPdCCx6d1iMdR2dnNvwfoo92AC9Ms5f8AzdeC2BJ+o5Hto9OKOHWFmA/xPvXT&#10;xYDrEWJ+v+29+6aJLdde/dbK0HXEuB/iffurlgOsRJP19+6pluuD/pPv3DrZSgz1GLgfTk+7hK9M&#10;l6dYySfr7vhemySeuvdC9etdcC4H05PvwSvHq4ag6jSckE/X6e6dWQ16x+/dX697917r3v3Xuve/&#10;dKOve2Dx69173rr3Xvfuvde93Tj1dOPWJ/qP9b35+PTvXD3Tr3WVPp/sffuvdYz9T/r+/dPjh117&#10;91vr3v3Xuve/de697YPHr3WF/wBR9upw691x92691737r3XF/wBJ9+691h9+691737r3XvbcnTkf&#10;XvbfTnXvfuvde9+691737r3Xvfuvde9tPx691gP1P+v7cHDp8cOuve+t9e9+62OPXvfun+ve9Hh1&#10;7r3tjr3XvfuvdcH+n+x9+691i9+691737r3Xvfuvde9+691hf9R9+691x9+691737r3XF/0n37pR&#10;1h9+691737r3XvbcnXuve2+vde97HHrY49e9uPw6f697a691737r3WJ/r/sPfuvdcPfuvde9+691&#10;737rY49e9+6f66P0P+t7Z8/z691g9vdUfh1737psceve/dOPw69791ROPXvfunuuL/pPv3XuuMf5&#10;9tyde6ye2+vdY5Px7cj6cj6x+3OnOve0/Xuve/de64v+k+/de6w+/de697917r3v3Wxx64P9P9j7&#10;90/1i9+691zT6/7D37r3WX37r3WF/wBR9+691x9+691jk/Hv3Xusfv3Xuve/dbHHr3v3T/Xvfuvd&#10;e9+6919i7+WN/wBu2P5ev/ijvU3/ALwWA9xJuX+5Ev8AzUf/AI8ep32f/cSD/mjH/wAcXo8XtF0Y&#10;9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8ewvb6c+8kOsL+sRJP19+691737r3VqWzet59u/HPauwGnOGru060b&#10;k39lGbxtQ4XxrXZKeQnhFTF00FEwbhZqoBgNRIJZZtUhf+HA+3gP556P4YNMYT1+L8+Nfy7egj3f&#10;tLGdq/IjMU+Si/hPVHSu3sdjMzEoASCkoYFdcRGFa5mqq95qdApLmNWMd2VFLisYo/mxP/F9MvD4&#10;81D8KAfYfP8A1fIdAh3e+4O0fkJuLbeEppK+sp8+NibbxNPxFBFjr0pjiX9ENOkscsznhE1SSNpF&#10;7K7cCGMMfSv7ekl1W4m0jPkP8v8AOvQgfIGsTqzr7YfRG1cnHV42Win3DvTMUrc5CtSvqaaSE2sV&#10;p6eupZxoYH/NxAktExalsPGYyH8v9X2dPXbeAixqft9eNf5mv+DoxGztpTbn6b+O9dLVpjsJtF6n&#10;c24sk9rxUsVLXxARghg80ksqKoseNTWbTpKWRtLP86j+Y6XQrqVPlQ/8ZI/y9V+9v9nf6Q81SUuG&#10;oRgdhbWpv4NsfbMPCU1Ilh5ZQCdVXU6Q8rEsb2Qu+nUyyKPT9p49E91ceMaD4RgD/L/q4Do9uc2b&#10;mu0+jOl9rYs01LU5DrWmp6ivn9MFNTUdXtny1MpZhcRU0DOVuC7DStiQAkDCNyT5E/5ejbw/FhCD&#10;zVP+fT0AmR7X25tfdXXPUfU0qRbA2zv/ABOQ3Pn9QVtw5CnyFI8tTPKCb0aSQgpY6W0qQPFFDZQI&#10;iys7cSDQegoekRuFV1ij4alBPrkf6ifP7OMP5M0zx9qd7RK8Kxy4XbuaaBhZjoXEUhZODc66i7Hg&#10;HUb3IF/W5qE+1h/hPXrtaeLniqGn2Np6hdYE5n4qd+YG2tsLm8ZuaEWuULS0hkcccFoseyk/0v79&#10;MdMyH1FP8P8An6pbJqt3X5k/sCn/ACdCX8U+tothZTbPZO+8r/Aq3fXk2313tduKivFQgeWrnQi6&#10;U4iQGMG2rUjsRrhWVu8l8QaVFQMk9P2MHhdzYLCgH8/24/1eTFtLsTK5f5NQJvXIQUu8dsdhV23M&#10;LkWCpBNj5aiooKjCSBfSfDHK81BJ6naXXCxleeBovSRaYu3gQCR8+Nf8h61HOJJirYKlgp4VXOD/&#10;AIR0p+uqyiou2e0ehs45o58jDnNs7Gy7khkoap5clTUbsouJKUsKqifjwu9UigtNF46yLVFcfKo+&#10;YxX8/P8ALp2KakjRNx4gjjQ5p+QOPz6N7tTM5HCbY2pj97z0UG98iKPb25f4RMlRDQ11XHWT0k9S&#10;jsEhesqAIwFQxtUzRxRaoVRgjkSpJXhkj16WrUgauNM04dUt9n4/deJ7A3bjN7V1Vk9z0WamhymR&#10;qyzNUNe8c6auRDPCUeIcARsgAAAAPISpQFcCnDoI3auJWDmpB4/Ly+zHl5cOnvqbqDdHbebbH4dY&#10;8fhsev3O4t0ZAFaOgpxy7yObK8xS5SIEFrEkpGryLWecQD1PkOnbSyNwfl5n/VxPQwdg9x7Y6+27&#10;V9RdAs9LiHPh3h2Mp/y7MTKNLinnTSUpeWXWoUMCVgCRFmnZihMp1yfkP9X+r16V3F6tuvhwfm3+&#10;Y+Z+f7PLooJJP19reiYmvXXv3WujLdP9BndWMl7E7HyJ2V1RilNTVZir/amrwhA8dEHUnxs3o8oV&#10;9T/tQpJJfQlmuNB0Llv8H+r/AIvozs7DxB4kmEGc4qP8g+fn5evXDuDv5dz4uPrnrPFjZPVOLH21&#10;PjKQeOfIhTfy1hBLeN2GrxFnZ2/cneRyAl4LURnW+W/wf6v+K6rebiZh4cXanCvCo/yD5cT5+nRZ&#10;PaktXosCgdYy/wDT/b+69VL+nQ99NdBZ/tNps9kqpNqdd4nVPnN45LSkeiK5ljpPIVSWRQDrkJEU&#10;IBMjFtMTpp7kQ4GW8h/n6XWW3Nd9zYT18zT0/wA/AfOlOhG7D782/tHAT9VfHulfb214y0Oa3sl1&#10;yOTksUkeKYhZURxwZ2CysAFhWCJQHajtzIdcmT6eQ/1enS+4vlgXwoBQD8Q/nT5/0v2eR6J0SSSS&#10;SSTck+13RN1737r3T7trbGf3jmaLb22cVV5nMV8mimoqNdTG3LOx4WOJBy7uVRFBZmABPurMEFTj&#10;pyKJp20qKno6tDtvrH4q0FNnt8PQ7/7plhWrw21KVg1LjGYXjlcsraGU8/cSLrY2FLENLzFHV7w0&#10;XC+Z/wBX+Do7EcW0rqejORgD/J6D5/s9Oijdj9n7w7Uzsme3dkmqpFLJQY6nulJRxMb+Klg1MI14&#10;GpiWkewMju3PtdHGtuKL+fqeiS5uZLxqvw8gOA/L/L0HpIH192JLdM4TrGXv9OPdwlOPSd5q8OuH&#10;u/VApPXRIH1Pv3V8L1jLk/Tj37qhevWDQSSTwL+6M9OvKleuXCj3TLdXwvWN3JBtwLe6nHVddT1F&#10;93CV49OddEgfX25TFOtagvWIsT/gPegoHVHkL9cfbPT4T166LAfX/be9ha9WZxH1gkYlT+B/T3te&#10;PSZ5C3Uf29031xLAf6/9PbbCp6tqFKdYyxP+t/T3YLTqvXH3pmpjq6rXPWOT8e2unesfv3Xuve/d&#10;e697917r3v3Sjr3tg8evde96691737r3Xvd049XTj1jk/HvcnTvWP2317rKn0/2Pv3XusbfU/wCv&#10;790+vDrr37rfXvfuvde9+69172wePXusL/qPt1OHXuuPu3Xuve/de64v+k+/de6w+/de697917r3&#10;tuTpyPr3tvpzr3v3Xuve/de697917r3v3Xuve2n49e6wH6n/AF/bg4dPjh11731vr3v3Wxx69790&#10;/wBe96PDr3XvbHXuve/de64P9P8AY+/de6xe/de697917r3v3Xuve/de6wv+o+/de64+/de69791&#10;7ri36T790o6w+/de697917r3tuTr3XvbfXuve9jj1sceve3H4dP9e9tde697917rE/1/2Hv3XuuH&#10;v3Xuve/de69791sceve/dP8AXR+h/wBb2z5/n17rB7e6o/Dr3v3TY49e9+6cfh1737qiceve/dPd&#10;cX/SffuvdcY/z7bk691k9t9e6xyfj25H05H1j9udOde9p+vde9+691xf9J9+691h9+691737r3Xv&#10;futjj1xf9J9+6f6w+/de65p9f9h7917rL7917rC/6j7917rj7917rG/0B/x9+691j9+691737rY4&#10;9e9+6f697917r3v3XuvsXfyxv+3bH8vX/wAUd6m/94LAe4k3L/ciX/mo/wDx49Tvs/8AuJB/zRj/&#10;AOOL0eL2i6Me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PP7yQ6wv64lgP8T/T3UtTr3QqdIbE/0k9obV21ULfE&#10;tXfxTcMjcImPowaiq1tYiMSxp4lY8CSRAfr7S3EuhSf2fb0ptIvFkA8hk/YP8/D8+rMu2N8Q5fcP&#10;VPW+LDjKdk5Wly+bijjYS0+14Z/vpoDEymSGfIQUaRzKLqRTSKVsRcthiwzegp/tjj+XR3JJRlQH&#10;JP8AIZP7eH7ei+btzNHj+x9jdJ0FTDPU5vs6m7E7vysTKVqsjUViZCXHGQHS1NjaYWI/SWVCUWRJ&#10;FKlEqhkPkulfspSvSeR6SLGnm2pv+PU/l+ynSMjyI6L2bl+z8iir3N3M1XU7MpagAzYbE1krSzZS&#10;RCCEqqnWPGDyLoBcCpj9uH/GCE/CtK/MjplmFsDJ+JySB6Amv/F/kPXoJcvtDcnYu5OpNj7fhNZl&#10;Jut8eGnlJMcEVXU12VnqqiUgssUQrmeRmudV0TVeNS4svhhj5aj/AJumZYjOyKOJRST+3PR3uzIK&#10;XbHWPUWztm5mTIYeLE5tosjSN40r4sVtXMSyVRKOVKSTf5QqhmUtpZSSqn2jTvJJ/wBXcOjQ/pBQ&#10;D8vtGhv9jqsHaO0s9vncWL2ttqhkyGYy1QIKaBL6VH1eWVrERwwoC8jnhVBJ9mrsIVqeA6D8UZmb&#10;SP8AiurMu8qms67+M2O2bgs5HUtS7Yp8BXZvGuUM32dfjKGujiZWusE7zyI4uTo/bYkFrlUB8WWp&#10;HmTT9p6OroGGA0OQFFeHmB/g6qxxNX9hlcZX30/ZZCGr1EXt45Fe9vzbT9Pz7N3FQR8uiCEaGDHy&#10;IP7D0ef5X0TUvaPZbGFHbNdL4yugMxAKrDuPFq7xWI500LrY3JBew+h9l1mexf8ATn/jp/z9G94K&#10;s1P991/Y4PSq+H+x8xgdg9j7y3Th4arau68JHUY3blYgMuTixa1Ury+KRdJppDUeKMkFZCxJGjSX&#10;reyhmCjiPP0J/wCK6tt0TKpYj4qU9aZ/w1x0Uav7q3Nu3uLbPZe5Kpf9wu6KGvx+MViKWioqerjl&#10;FJCvGmIRgh24aQlnY6jf2tEARCo8x+09Fv1ZlmViaAMMeQFc/wAuJ6U3yU23k8Z8itz0WCpqqoyW&#10;bytFmsJBj0Zp5Kisggl/aRQWaT7zWBa9yL8HgVt2Bjz5VB6vfKyz9vE6StOOMf4R0dftXKbc6mrZ&#10;e5P7oxZfujP7XoXrMXPIskeNp4I4KTI5CNVPqMPlippGjZmK6LFIDUOyGMGTsriv8/L/AAdG05WC&#10;smmpp5UrQEVP5Vz+XDiPQYjE/wCmbdZxlRVTbW7m2tQ5HIQI4SalyQgauwOapHm1hIp3pamKB/pD&#10;kIQDpElNG1S1UFfImn2eY/1evVxHpkLA/EBUcaEYB+wgfyHTB3l0Ji+08xtDtCv3Lh9sYGLb4/0l&#10;ZsNoR6amVXgq6LyBgXnV2jQzWKxCEsjMpiZyCcxAqBUk4+3pi7s1nYMTQCtfs4/YKZqf83RP+2+8&#10;sfXYROqeoaJ9p9V4wmGoaAGOrzci+lqqtkssjRTBVOh/VJYNN9EiiVw2+db5b/B0U3l8CPCiwvAk&#10;ef8AsevmfP5lh9q+irronmwuWPAA92C16qWpjo5HX/SO1uvNuU3bXyId8diWPl2t1yV/y7JyqNaf&#10;cQMyNoIsRASoswapeKP0SF8tyZDoh/Nv9X+Ho6trFbdfFuKfJf8AP6n5ft86Az3F3fujt7JxCt04&#10;XaeLYR7d2hjjppaWNF0IzqoVZqjx8GQqAoJWJY0On2ot4FtxjJ8z0jvLxrs+ijgv+U+p/wAHl51B&#10;QsB/ifb3SEsB1juzEDkkmwA9+6by/RwetegMFt7b8Pa/yArG2zsyECpxG0pSyZDKtbVGjRKVnjjm&#10;/sxrpldbuxhitIyCW5LnRFk+vp0eWm2rEPFnwBnSf8v+b9vp0gO5fkBnezhFt3DUibP64xemDDbQ&#10;xmmNGjjP7T1fiCpIygArEP2YiBoBYGRnbe2EOTlvXpq83A3HauF9PM/b/m/w46L37VdF3XvfuvdD&#10;B1H0nvHuDKPBg4Fx+BoZAM1urIKRSUotqKqeDUVGnkRIb8gyNGh1hqaYQjPH08/9jpXaWbXZxhfN&#10;vL8vU/6ieHRgt0dv9fdC4es2B0FHTZfdE8f2m5+z6sJOWdeGWkcDxzsrX06R9tHwVEzlnVOkDXB1&#10;yYHkP9XD/D0YTXiWI8OAVbzPEA/M+Z+XAftHRIchka7LV1Xk8pWVOQyFdO1VW11Y7SSyyObs8jsS&#10;zMx+pJ9rgaCgwOiRyXJZjUniT1ALgfTk+7BK8emXmA4dYySfr7cAp0ny/XXvfTgUDrGX/A/2/v3V&#10;S/p1jJJ+vv3TZNeve/de6xl/6f7f3TRXj1fXTh1hZgPryfd+qdY2Yn/Ae2fP8+nVAGesJf8Ap/t/&#10;b3Wi/p1j91LU6qFLddEgfX22SW6cAC9Yy/4H+393CevW3mrgft64e9lgOmgpbrg5AU39trg9WYBR&#10;1FLk/Tge9l68OkxevDrh72qmtetqprXr3tzpzr3tl+PTycOscn4916t1j9+691737r3Xvfuvde9+&#10;6Ude9sHj17r3vXXuve/de697unHq6cescn497k6d6x+2+vdZU+n+x9+691wf9R9+6eTh1x9+6t17&#10;37r3Xvfuvde9sHj17rC/6j7dTh17rj7t17r3v3XuuL/pPv3XusPv3Xuve/de697bk6cj697b6c69&#10;7917r3v3Xuve/de697917r3tp+PXusDfqP8Ar+3F4dPrw6697631737rY49e9+6f6970eHXuve2O&#10;vde9+691wf6f7H37r3WL37r3Xvfuvde9+691737r3WF/1H37r3XH37r3XvfuvddH6H/W9+6UdYPf&#10;uvde9+69173R+vde9tde6972OPWxx697dfh0/wBe9s9e697917rE/wBf9h7917rh7917r3v3Xuve&#10;/de69790o66P0P8Are2fP8+vdYPb3VH4de9+6bHHr3v3Tj8Ove/dUXj1737p7ri/6T7917rjH+fb&#10;cnXusntvr3WOT8e3I+nI+sftzpzr3tg9e697117ri/6T7917rD7917r3v3Xuve/dbHHri/6T790/&#10;1h9+691zT6/7D37r3WX37r3WF/1H37r3XH37r3XB/p/sffuvdYvfuvde9+62OPXvfun+ve/de697&#10;917r7F38sb/t2x/L1/8AFHepv/eCwHuJNy/3Il/5qP8A8ePU77P/ALiQf80Y/wDji9Hi9oujH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jxFyfpwPeRZevDrC/rh78Erx691Y38PusVbZW494ZOJIhvuoO04Kib06M&#10;FSuJMzIG1xt4a+VBRl0OqKVFf8ey6+k7go8s/mf83Ho626LSpc+fD7Bj/D/gHULbebyElX3L8vcy&#10;muHHRVmA6noqtbKdcseKpanRqGqGlSaKCTT6ZJJKk+l197cfDCPkW/w/6vy60rfFMeGQvpQf5z/l&#10;6Cj42YCqrty7q733oaqs2psHH5PNZquqh5HyWRqKOfyUyFyPLN46hpnN+HMIbiW4funGnw186fsr&#10;0xZKSxmY8KmvqaZ/l0AO/wDe25e3N95DcuTjmrMvn65KTGYqjDyeKMsIqShpYwCzBAQqgDVI5Lm7&#10;uxLkcYjWg4DiekcshuHr64A/wD/V59Gn7r3bjuocHH1/tktH2buPYuA272Lm1ZWkxmPoMNQ0iYin&#10;lj9PlrTCZZ3UgeJ1FmLRtEzBH4x1HgCaD1J6MbqYWy6F40AJ8wBj/V+306E3L0ORynUvxxx+Hpqm&#10;sylf1hu2jx1NRgtLJPLsfKRwpGF58jysqr/ViAOT7ZDAO9fJhX/ex05ICY008dOP+cbU6BDcOUx3&#10;xj2hUbG21V01Z3hu3Hp/fvdFGyv/AAKkkAdcZQyrylU6kF3BuCBNwftvG+gN22o/AOA9ekrEWKaV&#10;y5yT6f6vL9ppgdCpuGOSt+DOIyMsEbJSbaSl85AOh/724uJLFrsGkjha5H+I4Bt7YTFx+Z/46elE&#10;ppbfkn+Tqtkv/T/b+zboiL+nVuu+tlbc3BkNu90b9khn2Pi+kKZMjiFYNU5WdGmzIpItUkZkAhjd&#10;3BsXUkXC+R4yONyo8NeOrB9PLoTyIoYyGlApBFK1FQ3+Th0BnRXdWb7R+StNPmBHQ4LMbVye1sBt&#10;WFh9rR0KQpWCmjQBFd3WgDSuFu5XhVjRFRRcW4hixxqCT/L/AC9F9rdm4mNcDSQo/MH9uOiLT7cy&#10;0m6qnaGLoavI5hc5LgaSgpVaSaWdJmhEaKFBLFl/oP6kD2Yhxp1HhSvRNJG3iGNQSQxUeuD1Z33l&#10;vKg6Qw2zt9VO24qrvXdGw6fZ9LlarRUUuNahiV8lUK3MclT5q8INJPlVVBIiV0mKrdDMSv4Qa/P/&#10;AFY6EN3OLfvpVyNI/LP7Kn8/8BcNx7x3Du3487D7PkyUmQ3j1v2TktvZnIVgErTQZdWrJDVRsCkl&#10;NMHhp2iK+J4y0enSGX2pWMLIU8iMfl/qPSVp2aFZuLK2T8iaUp86rjowG0Jdv5XZnT/edTn32Ftr&#10;rzBV2D3DSZKOSQ1dJFUxfYYqm8wP3NPTVERWlkVpJbpCUAqVYRJ2BBZOJJ4/5f8AP0ujkV1WWuhQ&#10;pqOAoaCn2AgEU4/n0JlVuTA9lVO5+qMtQY+n2Tvbr2k3vsTJ0EfjNVjaxB99MyyMsEeQxmRZKtVU&#10;Fyhu0eoambAMdGHEGhHof9X+Dq5YTEochlqDnIOD5cRj9o6p83ftjKbJ3PndqZyLw5TAZKXG1QAY&#10;K5jayyx6grNDMhWSNrDUjK30Ps5jbxQCPPoIzxm3Yo3kf2/8X0zY3H5LNZCjxOIoarI5PI1C0lDQ&#10;UKNJNNK5sqRogLMzH8Ae3iBGKt5dMqGmIVRUnh0eHCbN2F8V8RR7y7NSh3f3HWwCr2psKmdZIcY/&#10;6o6mqcal1xsBeYghWutKkjIZ1LJJnvjpTC+Z9f8AV6ft6PYrePa11ydzngB5fZ/lb9nzKL2H2Puv&#10;s7cVTubd+SeurZiUpqdLrT0sQ/TBSw3KxRL/ALFmN3dmcsxVxRLCKL/xfRXc3TXDam/IeQ+zpAly&#10;f8B7c6Rlq9OGHw2V3Bk6LDYPH1eVyuRnFNRY+hRpJZXb6KqqCT/Un6AXJIAJ91ZggqcDq8UDTHSA&#10;ST5Do8WH2N138W8XR7v7T+y3l25U04qts9f0rpJBQORdJ6hrMheM/WZgUVgftkldBMpe0j3h0phf&#10;M+vQgjgj2xdb5fyA/wAlf5sfy+ZTuyu0d39rbgl3Du3ItUSC8eOxsF0paOEm4hpobkIv01MbvIRq&#10;kZjz7WwwrCKD8z5noqubprpqtw8h5D/V69B57d6TddFgPr/tvewtetFqdGx6s+OdPUYQ9md2ZJti&#10;9bUUa1cNNVExVuSB9SJGljLDDKP06VaeYcQoNQlVLNdaTpjy3r5f6v5dG1rttR4k/aozp4H8/T7O&#10;P2ebZ2/8jqndGLXr3rPHDYfVuPiNDBjaBRDU10Vzc1RjJ8UMlyWhVmMjMz1EkrMAnobfQdTZb/B/&#10;s9Vu9wMg0R9qcMYJH+QfL048adFYLAf6/wDT2rCluihpAn+brGWJ/wBb+ntwLTpOzl/83XH3brwT&#10;164lgP8AE/09+6sWC9YixP1/23v3TRavXXv3WuuJYD/E+/dVLU6xEk/X37rymvWJmINhx791brH7&#10;91QvTro/Q/63vXDq4OqnWD22Xr06Ep1734JXrxenXB/oP9f24BTpsmvWL22WJ6cCgdcC9vpz78Er&#10;x68Xpw6wOSVN/dyMU6Zbu6w+/BadaC0697t1br3v3Xuve2n49Opw6xyfj3Tq/WP37r3Xvfuvde9+&#10;691737pR172wePXuve9de697917r3uycerJx6xyfj3aTp7rH7b691lT6H/X9+691wf8AUffunk4d&#10;cffurde9+691737r3XvbB49e6wv+o+3U4de64+7de697917rpvof9b37r3WD37r3Xvfuvde9tydO&#10;R9e9t9Ode9+691737r3Xvfuvde9+691720/Hr3WF/wBR93Th08nDrj7t1br3v3Xhjr3v3Sjr3vR4&#10;de697Y691737r3XB/p/sffuvdYvfuvde9+691737r3XvfuvdYn+v+w9+691w9+691737r3XR+h/1&#10;vfulHWD37r3Xvfuvde90fh17r3trr3Xvexx62OPXvbr8On+ve2evde9+691jk/Hv3Xusfv3Xuve/&#10;de697917r3v3Sjro/Q/63tnz/Pr3WD291V+HXvfumhx697904/Dr3v3TY49e9+6f64v+k+/de64J&#10;9SPdH691l9tde6xyfj25H05H1j9udOde9sHj17r3vXXuum+h/wBb37r3WD37r3Xvfuvde9+691xf&#10;9J9+6UdYffuvdc0+v+w9+691l9+691hf9R9+691x9+691wf6f7H37r3WL37r3XvfuvDHXvfulHXv&#10;fuvde9+6919i7+WN/wBu2P5ev/ijvU3/ALwWA9xJuX+5Ev8AzUf/AI8ep32f/cSD/mjH/wAcXo8X&#10;tF0Y9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8d/wB5HBadYX9PO3cDkd0Z/DbbxEJnyedycGJoIvwZZ5FjQsfo&#10;qAtdmPCqCSQAffnYICT5dXjQyMFHmerqq3Cw4fbUXSWyqhaaTDdfxYzIZRbL9quRZsfFVSqW0GZ4&#10;VyGQZCwLPSpyQ/JBqqdbeZr9tM/5h0JFUAaRigAHqBwH+Dooe7ZZ+29sQ9b9YU/i2hWdi0HWex7A&#10;mIYzb1DPXZfLTEAOUqKmtp5ncgGVIYrgzKR7VL+kdTcaFj9pOB0lk/XTQnDUFr5UArX+VB/s9J7f&#10;W+MBQ7G7P6169mB6+632bR7VpqxNLDK5rI5zH/f5ORxcO3gpqpImXjS0xjPikQLeOIllZuLEn7AB&#10;jpuSQKjqnBAF+0saf6vnX5dB5sPH0PRux6fubc1JT1G/NzQSU3Tm261Q3iUrom3BVRNe0MKv/k6s&#10;PWSrKNMiSxvuxuG0L8I+I/5Ok0YFmniN8Rwo/wBX8/ljz6CjvWSsqO4N+xVUk1TWU24HxczuS7NJ&#10;SqlKbMbs4vFZSfURa/PHt62xGPs6S7gS8zU9R/gHVlNXl5Oq+gOuq+vw8sG/8T1rXUe22q1AfGVY&#10;wM9bLNLFIrASRikSNkK67s0Z0qZPZV/bSEeWrPzBP+z0eiscXzVB+1V/2OqgshkazJ1tXkchVVFf&#10;kK+pesra2qdpJJZZGLySSOxLO7sSSSbknn2dgBRQdBt5dRqck9WHLVfe/wAv+npkqHUxVc1NWXW9&#10;/DuSesjjBb+z6YuR9B6f6j2WHFz/AKvNadGyr4lrn0J/Yx/zU6LV0j09Q7tiyfYnYVW2A6i2YwqN&#10;wZSUOrV8ikacfRlbM8kjFVkKXZdaon7ki2U3M+jsXLHh8ukNnaiTvfCD18/9j/ih8jVd+ZzG7t2x&#10;0XufAUP8P25mdhb2ocXh5nKxQGbbT09AjaCIllg0EKovzdAXUG6O3HhlgeIK/wAmz0Z3IM2gqcMH&#10;p5fFGxHRLPjvlZMR3j1jWRlw0u7KfFnRe+muvROPSCbFKg3/ABa9yBc+zC6XVGw+XRHtzUmUn5j9&#10;oI6OR2PlNh/GLPb73VixQbk7r7CzmRy2BhkUNDgcfX1Esiyuhvodw5JHDTf5pdMCyNIiiVrkBThV&#10;p+dP9X5dHEzR2BZxl3qc/wCrAr+0/ZgE98ZXJdifE/aG7MpWS5bObK7PyGGy+SqmMk0iZLy1rySy&#10;Ek6/JUU624BXSfqBd+MCKUgYBGP9X5HpNPIZ7YPWpDdx/Mjy+0dCv8Y+s6yDqTsSo7PwMtTsbdcV&#10;HubEbblZo66tXCmStklhhLRMIarTCiHWhkVeCsbq7M3UoLDScior/q/PpRt1uwjIkFQxBCn/AC/s&#10;FB8um7ZHc8vfknbewtyYGhh2zWbDXI7H2XjbR/bLhX8v21HKiqv300brIkjIY0eCMeLwIYW9JCbc&#10;KwOa5PWra7F+XRh20wPOnnn1rSnp/PpS9WZODHdc7RqauuirJep94xTbT3bHpjjmwWekkipnqHZm&#10;MFLWT+fF1UbnTRTiOaVyKEqzc1SxoOIyPmOP+f51+fSq1AVFDGoHwt6qcA/zpQ8CK+Veu/lR0Jl+&#10;yMztvdvXmLOQ3DJVx7S3RRL+0fGYhPj6+dpFTQsVO/jmkdiQhgj/AFRsPbtnciEFW4cR9v8As9I9&#10;z283RVkpq4Gp8vX8v2mvy6DivzWwPiNi6nB7Vkx++e+MhSGmzW45VD0eFWRfVDCn1Vx6SIj+5If3&#10;KgpH46c2Ia+NWwo8vX/V69NFotpWi0ZzxJ/Lj6DzpxPn5HojGd3BmNy5auzueyVXl8xkpzUV2Rr3&#10;LySOeOSfoqgBVUWVVAVQFAAXKoQUGB0QyztKSxNSfM9Mvu3TQUt0IHW/WO8O1tww7c2fjWq6g6ZK&#10;+vmulJRwkkGern0sIoxY2ADPIRoiR3IUtyyiEVP5DzPSy1tGuDRfzJ4Do3GZ3p138VsZWbR6w+x3&#10;p3BVQNSbm37VokkGOb6NT06XdA8bC/gUkBgDVPIyiEIVje8Op8L5D1/1ev7Ojh5o9sGhBV/Mn/LT&#10;+S/t+ZGszmstuLKVubzuRq8tlsjOamuyFc7SSyO31LMxJ4HAA4UAAAAAezBVCCgwOiSSRpTqY1J8&#10;+mskD6+7gV6bJp1PxGJy24snR4XA46syuVyEwp6KgoI2klkc/hUUE8Dkn6AAkkAE+7ECMVY9eRWm&#10;OlAST0eHB9ada/GfFUW9e6Xo939j1UIq9s9b0DRzR08n1WWovqjkaNxZp3BgjYN4EqZVRvZfJO10&#10;dKYXzP8Aq/wdHkVrHto8SXubyHHPyr/h8vLPErfa3ce8+3s1/Fd01wWjpnYYjA0d0o6NGP0ijuS8&#10;pH65X1SP9CQoVVUQwCLA4+Z6Lbu9a4NWwPIeX+yfn/g6CcuT9OB7VBKceix5ieHXD3fqgSvXRIH1&#10;9+6vhesZcn6cD37qhevXD37qnXRIH19+60TTrEXJ/wAB7900WJ64+/dbCV49dFgPr/tvfurkhesJ&#10;Nzf37pssT11791YJ69cHkVPqbn+g/wB9x791YsF6xe6hadOFq9Yy/wDT/b+9nrQ6wswH15PttTTP&#10;W5HC46xlif8AW/p7uB59a1VHXH35jQdbUVPXFv0n22pz1XrD7e691737r3Xvfuvde9tPx6dTh1jk&#10;/HunV+sfv3Xuve/de697917r3v3Sjr3tluPXuve69e697917r3uycerJx6xyfj3aTp7rH7b691kj&#10;/Pv3XuuL/qPv3TycOuPv3Vuve/de697917r3tg8evdYn/V/rj24nDr3XD3fr3XvfuvddH6H/AFvf&#10;uvdYPfuvde9+69173R+HV049e9tdO9e9+691737r3Xvfuvde9+691720/XusL/qPu6cOnk4dcfdu&#10;rde9+691737pR173o8Ovde9sde697917rg/0/wBj7917rF7917r3v3Xuve/de697917rE/1/2Hv3&#10;XuuHv3Xuve/de66P0P8Are/dPjh1g9+631737r3XvdH4de697a691734Y68Mde9vPw6Ude9s9e69&#10;7917rHJ+PfuvdY/fuvde9+691737r3XvfulHXR+h/wBb2z5/n17rB7e6q/Dr3v3TQ49e9+6cfh17&#10;37psceve/dP9cX/SffuvdcE+v+w90fh17rL7a691jk/HtyPpyPrH7c6c697YPHr3XveuvddH6H/W&#10;9+691g9+691737r3XvfuvdcX/SffulHWH37r3XJP1D37r3Wb37r3WF/1H37r3XH37r3XB/p/sffu&#10;vdYvfuvde9+691737pR1737r3XvfuvdfYu/ljf8Abtj+Xr/4o71N/wC8FgPcSbl/uRL/AM1H/wCP&#10;Hqd9n/3Eg/5ox/8AHF6PF7RdGP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fHeJA+vvI8mnWF/R2fhVs6im3Pujt&#10;jcGmn291thJpYqua+laqaGRpZvoQwpKBJiw4KtLEwPHsuvZSQEHmejLb48lz5YH+X9g/w9Kzszsz&#10;cO0eoM5uHIeWg378mc7UZeKmYny4za9PDFTUlPqBADtRuiRmw1R1MrcSRm1IYRI9PJP5t/q/wdPz&#10;zmKOuauTT5CgH7aU/M9M+4d1SdBfHfZezIYzQ9q79w1dkqlzxUYrFZWpDTyg2EkNRW09LTQBeCjw&#10;yuCkkQ1WSMXEpb8IP7SOqSTfRwhfxEH7RU1/lWn258ukZ0Jtnac3U3YW7+w5mptjYne2Gr8rTgHX&#10;k/4XSZKVMTAeLyVdXkaZXAIvHe7R8SB24Y6wF40NPlX/AIrpuyCmJmfhXP2LQj+Z/Ph0A+8N9Zrt&#10;vseHP5kU8RyWTpsXisSn/AWiollWOmooUC6VgiQ2ayjWxeQjU5u+kYgSg9Kk+pp0kMhupQW4VAA+&#10;Vf8AVXo09RgMB1pubsP5F9l44Vk+U7AzcvT2xshp8mQqjX1LRZGpjY3WipAVKGx40zJyabyo9ZlC&#10;xJ6DUfy6XlBblpZM9x0jz44/2PQZ9OhK7E3Dlt3/AB3663Rnaj7vMZ3bu58nkahVCqZJcJmSQqLZ&#10;URbhVUcKoCjge2Y1CSkDyI/wjpYzeJAWPmhP7Y2PVWvs56CvVoPQ+BxG+viXX7f3Hm48Htmg3TWT&#10;bkyhsrU9BTSw5Cp0Ow0rIyNw5DhQ19LadPsnuSUmqOOKfbw6EVoA1uAeFGr9mo/5Oicd49yw79lx&#10;uzdl0bbd6m2Wv2G0tvwl184jLL/EKtWOp6iYElQ92jDtctK8ruut7fw+5sseJ6Jr288fsTCDh86f&#10;5PQft+RkKKCTcvxu+Ns8C/cVtH2VU7KkhkR5PTkHzVKo4JYqUEIsFYDUPoEIKR+yR/8AS1/wHo4t&#10;mLRRE+Rp+QV0/wAvSex1PtT4g4Okyudp6DdPf+4qMSUeHDLLT7do5hZ3dlOk1LoSpYG8hvHERAJZ&#10;ZrktenGFH8z0mGja1BbLnyHkP83+E/nQPvmtilo+76nKQeun3XtbGZ6nlX6SKImoQwsATcUQ+vP+&#10;wt7dsW1JnyJ/z9Jd3Wkop5qK/bUj/AB0YjoDr2v2H0bv2t7S2zTZXGZCD/SXh+v646ayWPCxrVGW&#10;eBwPGJpYacaGDemyTRkSeJmJ5BI40n+jXy/1Z6MLKE28J1jz1aeJwB5euOH+XoAOuPkBund3yR2V&#10;uvd1ZH9jlMgdoQ4SAslDR0mSVqSOKKNmYBVnkjkkdrtIUu5sAFUS2oSI08s1Py/2OkFtuLS3A1Gg&#10;NVA8hXh+ZIFT/kpQPsBWv0V8k4vIzQ0G0d/z4mqa+m+MmlkpXfmwOqgn8gB4vbkfX2+wE8PzI/mP&#10;9kdJ1JtLunlqpTyCtw/YCD+XRnutdjbjx3cXdfRcmCra7rLOUmRhnyTIPHiIsnB93jp0kJVHMyiK&#10;PxoQ5liWVdAilBQSygokgwwp+dOjaBHWSSIgmM1PoBqGQPlkjHAivr0Zvb27tsY+jn2Bicxktx1e&#10;wpqDrfsndFSHpMnTQz09VBR1ySokbvFT5BxG0w4gV5anyv43kdGQfiOK1IHl0YI4PaDUrQGvHIHH&#10;Ga/s4+nVO/aexc11vv3ce0M68s9ZjK9mhr5NX+V08v7tPVAty3niYM3J0vqQnUp9ncMglUEf8V0D&#10;r2BoZSpqc1BPmDmv+f516D7270wEp0YDpb4/7h7XkmzdbUxbU68xBeXP7yyelIlSEa5o6YyFEklR&#10;OXdiIoRdpGuFR081wIsDJ9OjOzsGue44X18zT0/z8B8+HQm9k9/7d2lt6TqX470r7e2pCGgzu9o7&#10;rX5WUgLJJFMVWZVkAs07aZGFo4UghRQ7UVuXOuTj6f6v8HSm5v1hHhQYHmw/yf8AQX7PI9EyJJJJ&#10;JJJuSfa3om64FwPpyfdwlePVC9OHQk9X9Sb07ezwwu08f5I4SrZXM1d0o6KNjYPUSgHk2OmNA0j2&#10;OlCAxFJp1thn8h5np+1s3vD28PNjwH+z8v8Ai+jXZrfnWXxbxlbs/qhaPe3bE8JpNyb/AK5I5IaG&#10;T6SQQqNSFo2B/wAnRiiNb7mWWRDH7Lgr3p1PhfID/V/Po6eaLa1KR5bzJ/y0/kBw888SLZ7cOZ3N&#10;lq3OZ/JVeXzGRmM9bkK5y8jt9Bcn6KoACqLKqgKoCgD2ZxxBBQYHp0HZ7sykkmp9emQkn6+3gKdJ&#10;cv1737pwKF6xl/6f7f37qpf06x/Xk+/dN8eve/de6xl/6f7f37psv6dY/fuqhS3XRIH197Ar05hO&#10;uBf+n+393CevTDzenWP3p+qpXrokD6+6dKFoBXrGXv8ATj37qpevDrBpJJJ+l/fuvBa9Y2b8k+/d&#10;OE06xFyfpx7902Xrw660m1zx70RXrwSvXH3vp3r3uj8Orpx66P0P+t7bHHqnWD2/17r3v3Xuve/d&#10;e697afj06nDrHJ+PdOr9Y/fuvde9+691737r3XvfulHXvbL8evde91691737r3Xvdk49WTj1jk/H&#10;u0nT3WP2317rJH+ffuvdcX/Uffunk4dcffurde9+691737r3XvbB49e6xP8AX/Ye3E4de64e79e6&#10;97917ro/Q/63v3XusHv3Xuve/de697o/Dq6ceve2uneve/de697917r3v3Xuve/de697bk691hf9&#10;R92Th08nDrj7t1br3v3Xuve/dKOve9Hh17r3tjr3XvfuvdcH+n+x9+691i9+691737r3Xvfuvde9&#10;+691if6/7D37r3XD37r3XvfuvddH6H/W9+6fHDrB791vr3v3Xuve6Pw69172117r3v3Xuve3n4dK&#10;Ove2evde9+691jk/Hv3Xusfv3Xuve/de697917r3v3Sjr3tg8evdR/b/AFV+HXvfumhx697904/D&#10;r3v3TY49e9+6f64typ9+691wT6/7D3R+HXusvtrr3WOT8e3I+nI+sftzpzr3tg8evde966910fof&#10;9b37r3WD37r3Xvfuvde9+691xf8ASffulHWH37r3XJP1D37r3Wb37r3WF/1H37r3XH37r3XB/p/s&#10;ffuvdYvfuvde9+691737pR1737r3XvfuvdfYu/ljf9u2P5ev/ijvU3/vBYD3Em5f7kS/81H/AOPH&#10;qd9n/wBxIP8AmjH/AMcXo8XtF0Y9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8df68n3kUAW6wv6uW2N1xjevvjr&#10;iNq7nkTF4+vpf74dp1EmoOtKQlfX0joNLM8tPFBjZEHrMbuyB2WxKJG8R6jj5f5P8/QjhiESaT5D&#10;P+X8uP5dA/v6nxW5+3892x2NRtS9d9F7YxlDLiH0FazOyQrkYsND6USZ6eqrlSYW/sRJIPG5Ieiq&#10;qaF4uT+Q4f5D0zKo8Qu3woB+bcf8o+00HQEdvbf3P3l8mK7a9L46espMfjsbmq19X2uNipKCmkys&#10;76j6Kemq5Z9IYguxVbhnt7UQOIItXzNPnnHSO6gN1caBwAGflxr/ADp1i+QW6NpP1f1ts7rpGg2N&#10;h92Zykx8+r1ZM42DGwfxeoGkapKyrrKxozx+3b0JcIm7ZW1szcaD8q/8UOrXzKsaqnw1NP8Aa4/y&#10;n/D00/GTp+Ddeex3YW8nXG7C2/uSix1B9zwcxmZqmGKhxtODw6Gpkj8zfpAYISFMjxbu59I0LxIN&#10;fkPPpqxg1nxGwoOK+ZrT/D+049egl7r7MznaW/8AM57LylKOkqZMTt7Fx8RUdDDK4hhRRxqI9cjf&#10;2pGY8LpVXreIRKAPPJ+3pJezGaQ14AkAfIf5/Po9uv7j4V7KqZUjM0W385SpIF5CJjdxpYHkjUIl&#10;LfgkA24Fi7hOf9MP8I6Oga2//Ns/yTohnT/U2e7g3QmExjrjMPQx/f7n3NVqftsfSKCXlkYlVMrh&#10;SIoyy62BJZI1kdDKeYQivn5DohtbdrtqDAHE/wCT7erExnOuNx/GPuna/WFHUUm0dh0NbhcfkJLl&#10;8iaekpq+TIOWVWvVVTSglhcoquFjDLFGXFWWRS3EkH9pp0eakeFwnwgMo9Phr/l4+fHqpekpaqvq&#10;qahoqeesraydKWkpKZGkklkdgqRxooLO7sQAACSTYezYmmT0HESpoOJ/aerfes8RmugPj7AdyUmN&#10;ym5sXuajy0uHjKSSYv8AjddR40amGoGpp6eqkkYjSpu8Qcpd2JJiLiQ0wKH86D/Y6E9uhto1U5yB&#10;j+k3+SueqldzVmbze6c1VZmsr8znq3MSrW1dZqeonn8hT1La+okBQgAC8IoAAHs5jAVRTAp0GLjU&#10;8rA1J1EfM0NOH+T8h1Z72bU7F642f1D2z2ft+syvZWF66x+3dqbLr10w/wAUgp4pp56tQGVPsppb&#10;+s+i/pjM2kxlUKtMzIhwTUn5dCG5lSBVllHcOA/pEcPTy4+XlmnRePjv2puDsT5FVU++ck1b/pI2&#10;vlNpVdOTpgip2gNZHS00bFlhjX7TQgFyxY6i7yMWV3dsIou3yIP+T/L0XbffNcTnV5qQB5ClD/gB&#10;6J3kqOv2puWvoC7QZTbWclozIvBSejqGTUB+Cskd/a7xBIv2j/COilozbSmhyjGh+an/AGOrBuxO&#10;hpO7ew8L2z/EqDavWe6uvMTvTd+56h40Wnk8HimpYtZ0/cinhjLPJZIvUZCWCpIUx3PgKU4sCQB0&#10;IbixF5IJK0UqCT5n/UKZPDrN8ku5cpH1X17kem9w1dNsXNZKs27l87ArxV8tRiPBT0sc87WkWOqh&#10;geQghXmiVRIBGWjPrWAayHGQOHlnqu43jLGrxHBYjV54OKV+YNfX7Olfjd3YrMdjbA38PtMfT93d&#10;efw3INJGppqwxqtLk6CRZVMc9bg6+OOeJn/z9HJU0lyEpo3aZCFK8dJ/Z6H7D/hp0uikWRlcYLr6&#10;8aZofmtcfLV6dJn5Q7Ei7M61pux8RTyNvPq559sb5o7vLP4KKQLWRyuC/kNBI4qY5WK+elmlqbBd&#10;Chy0k8JtJ4Nw+3/VjpNukAnTUvFa/s8/T7fs4cegH6q+POKocAnbXfVa+0eu6NVrMdgqgmOvy5tq&#10;hRYh+9HBUW9CKPPOt2TxxFZiomuiTojyfX06L7axCjxJsAeR/wAv+bif5FGd0/ITK9kRQbT2xQjZ&#10;fV+IRabEbTx+mMTJEf25K3xWRiCAUhX9qM2PrkBkLkFsI8nLevTd5uBn7Ewv7Cf8w+X+oFvLAf6/&#10;9PawLXorLU6xlif9b+ntwKF6bLFujN9NfHHJb7oX3zvrIDYnVeNQ1dduPIlIZKuNCNQo/NZViJ9J&#10;qHBjDHTGszhkVHPeBO1cno1stsMvfJ2px9Cf8w+f7OlL2l8j8ZQYJ+q+hKFtm9fUoamrM3Sq8Nfk&#10;yfTLLrY+eGKcKNTufuZVsJPGt4vbUNoXOuTJ+fTt5uqxDw4cAYqMfs9Pt4/4STYsT9f9t7MgtOg8&#10;zmTrr3vrYT164lgP8T791YsB1iJJ+vv3TRNeuvfutdcC4H05Pv3VC9OsZJP19+6pluuvfurhKdcC&#10;4H0593CV6o8wXhnrGST9T7vhek5Jfrr3QtXq4WnXAvb6c+6kU6sDXrEST9feut9e9+691jL/AIH+&#10;39+6uGoOooDN/wAVPv3WgC3WQKB/r/19+6cC068/6T791brD7917r3uj8Orpx66P0P8Are2xx6p1&#10;g9v9e697917r3v3Xuve2n49Opw6xyfj3Tq/WP37r3Xvfuvde9+691737pR172y/Hr3Xvdevde9+6&#10;9173ZOPVk49Y5Px7tJ091j9t9e6yR/n37r3XF/1H37p5OHXH37q3Xvfuvde9+69172wePXusT/X/&#10;AGHtxOHXuuHu/Xuve/de66P0P+t7917rB7917r3v3Xuve6Pw6unHr3trp3r3v3Xuve/de697917r&#10;3v3Xuve25OvdYX/Ufdk4dPJw64+7dW697917r3v3Sjr3vxz17r3tP17r3v3XuuD/AE/2Pv3XusXv&#10;3Xuve/de697917r3v3XusT/X/Ye/de64e/de697917ro/Q/63v3T44dYPfut9e9+69173R+HXuve&#10;2uvde9+691728/DpR172z17r3v3Xuscn49+691j9+691737r3Xvfuvde9+6Ude9sNx691H9v9Vfh&#10;1737poceve/dOvw697900OPXvfun+uj9D/re/de6xp9f9h7o/Dr3WX2117rg/wBB/r+7p1dOsXt3&#10;p3r3tg8evde966910fof9b37r3WD37r3Xvfuvde9+691xf8ASffulHWH37r3XJP1D37r3Wb37r3W&#10;F/1H37r3XH37r3XB/p/sffuvdYvfuvde9+691737pR1737r3XvfuvdfYu/ljf9u2P5ev/ijvU3/v&#10;BYD3Em5f7kS/81H/AOPHqd9n/wBxIP8AmjH/AMcXo8XtF0Y9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8kz45bG&#10;pd9dp4aPL6U2vtSGTe27aiUAxpQ43TMVlB/VHPUeKJwPVod2H6feQ91J4afM4H59Yc2UfiyD5ZP+&#10;T+f8q9H37f3hkN5b96n6Dp1kSu3TuGj3r2hRRGPyQUEUv8RjxE7xehnp6SC7seWWGmflX0kvhWit&#10;IeAqB9px/l6NZ5Kusa+oY/6Vc/zI/wBVei/9yb5o+ye69k9NbUmRtnY3smH+OVdMw05HM12RDZOt&#10;Ym4aOl8ssUI9QAEnjLRmJVUQx+HGXPEqafZT/L0nnm8WVYxwDAn7Rn+X+H8umvvvddL1bBvfZWEq&#10;IZOye2c5Vbn7WzFIxJoMfWVEtTRbege5K/sTKamxOpSVLSJIoj9bJ41GPwqAFHqfM9UvZxbBkXLO&#10;asfQZoP2f5T5jpNbf6lreycR0ngqmsOE2ngOvcjvzfm5qjUIKCiqtw5kFw0lolnnp8eqxj+qNK14&#10;0J92abwi54kkAD5gD/P1Rbfx1jVjQKpZj8mNQP5flx6mDtbH7/7x6X2jtOmbAdS7B33iqbZ2FX9s&#10;SeCtid8lVj6NUVLqWJb1Ijtc+SSV394RijZmyxBr+fl143AuZkRcIpwB5kDj/m+X29ExqKh55pZ5&#10;CGlmlaWRgLAsxJPA4+p9rgKdEjy6iT5k16ti6w2xl+wfiFsHbONERyGZjz2IgqZxaKASS7jo0mlK&#10;glY49ahiAWN7AFmAJTOwjlJ9CD/IHoS2X61vQ+aMtf2r0UvuHsPbOxNrt0F09ViXb1JJ/wAZE3rD&#10;oE2drlI8kayxMQaGJhpIBKsFESlokZ51UEZlPiP+Q9P9X+z0X3Uy26+DHgfiPr/s+v7OGOhD+LZl&#10;ynQPycwdPFPWVCbWqailooNTu8tRh8kkQjiS7GR5KZQLAlyAtja3ul0dMiE/L+R6csjqgkC5Pdgf&#10;NeoGBwm3/ibs+Hem8qWhy3fe5qFn2ZtWoKzJhaeQaPu6tVIEcv6gzAlmYfbwkAVEi+Lm7ai/COJ/&#10;1fy/b15EXbE1vmQ8B6fL/OfyHzm9D57cnZnVHyepspV1u4t01NNR7xijlLST1VTHHVTqkMS6iTrx&#10;0UaJHGAt4o1sNAWlygidPIcP9X7erWFy0ySE1Zga/bUYA/3nqXncVsT4rZbO713BHjt59w7iy1fk&#10;NibWv5KXC0stTOabIVbH1NMyFbH0uTqjhItJONx6ryijCgCp9evTGPbi0p7nYsVHoCT+z5n8h59J&#10;bsfcuZ7Z+I+2967hrpctuXava1XQZbIyAXMVZ91NpIACxon3dNHGqAIkaIgXgEOxKLecgDBXH8v8&#10;x6T3DNeWgcnIap/3orT9jDop3WW4xtDsTY+53bTDg91UOQqubXgSojM63/AaHUP9j7VTjxFI9Qei&#10;2ybwZVPDIBPyOD/I9Hx3z8aMIO3+y+z+0MzTbY6cosym4HmLlanJz1cMNVUU0Kxq0ixfdyyRsyAz&#10;St+3ApctJEXJdHQETLcPs6O5bBTK0shATBp64Fa/n+Z6TvdvYmO7Z+N5y3X9LW7T2psTsWHalTtS&#10;nk0JJixSKKCeqiislvuGiMcd3RHJuzugc7gi8GWjZJBNfn/qr03eTC6ti0dQAwB8qgYpjy7gadAv&#10;1MDvzo3ufq8l5cntyODt7atPcH1UIFPlQqn1Fmoyiqq8lpP68M/P+nIr+R7T/k6S2Y8aB4vMdw8y&#10;fs/MU/23XLrSPKdi9J7u2LhY66p3x1fuCm7P2FHi1kaseCWSOlycFL4R5AYJDHUKFu7Ssun6camp&#10;FIGPBhpPVrZjPAUHxIQyevrj+f5kdWMbSopNnwY7sLstqnF7p7Hx+D2tu3b6Rxz0H8cVZqCHJTvD&#10;HIlJJWQSRU8jArCl1iYyEx6S1+/C8ASQfOnHo7jU8WwSFr6V+X5kCtfJR5dV6/MtuwI+05E3blKq&#10;u21U038Q2JAAqUtPSSELNTrHE8kX3lPOhiqJNTSS6Y5CRG0SKZ2IUr28fPoi3bWj9x7fw+nz/P8A&#10;yEfZ0UIuT9OB7MQlOPRMXrw6509PPVzw0tLBNU1NRKsNPT06s7u7EBURFBZmYmwABJPA9+aQL1tI&#10;y5oAfs8z0eLZnROyunNvUvaPyRqI4pZF8+1+r4dMtVVSgakFXEGHkflS0OoRRXX7uQEtCCt7lrlt&#10;Ef5nh0fQ2cdiviz0+Q45/wAp+XAcT8gG7n7+3d3BWpTVGnb+zcdIBgtn41iKeFEGmJ5yoQVNQqcB&#10;iqoguIkjUkFbb2iw54n16Kb7dXu8DtX08z9v+rHQEe1XRcEr10SB9ffur4XrEXJ/wHv3TZevXH37&#10;qvXRYD6/7b37rRanWIsT/gP6e/dNFieuPv3Vgnr1xLAf8U92Ck9eZwnWMsT/AK39PbgUL0naQv1x&#10;91L+nXgnr1xLAf6/9PdQpbqxYL1jLE/639PbgAXpskt1x90Zq9XVadcSwH+J/p7p1frEWJ+v+29+&#10;691iZiDYcf4+/de6ye/dKOve/de64v8ApPv3XusPv3Xuve6Pw6unHro/Q/63tsceqnj1g9v9a697&#10;917r3v3Xuve2n49Opw6xyfj3Tq/WP37r3Xvfuvde9+691737p8cOve2X49b697r17r3v3Xuve7Jx&#10;6snHrHJ+PdpOnusftvr3WSP8+/de64v+o+/dPJw64+/dW697917r3v3Xuve2W49e6xP9f9h7unDr&#10;3XD3fr3XvfuvddH6H/W9+691g9+691737r3XvdH4dXTj1721071737r3Xvfuvde9+691737r3Xvb&#10;cnXusL/qPuycOnk4dcfdurde9+691737pR1737r3Xvafr3XvfuvdcX/SffuvdYffuvde9+691737&#10;r3XvfuvdYn+v+w9+691w9+691737r3XR+h/1vfunxw6we/db697917r3uj8Ovde9tde697917r3t&#10;5+HSjr3tnr3XvfuvdY5Px7917rH7917r3v3Xuve/de69790o697Zfj17qP7e6q/Dr3v3TQ697906&#10;/Dr3v3TQ49e9+6f66P0P+t7917rGn1/2Huj8OvdZfbXXuuD/AE/2Pu6cerpx6xe3eneve2Dx6917&#10;3rr3XR+h/wBb37r3WD37r3Xvfuvde9+691xf9J9+6UdYffuvdck/UPfuvdZvfuvdYX/V/r+/de64&#10;+/de64P9P9j7917rF7917r3v3Xuve/dKOve/de697917r7F38sb/ALdsfy9f/FHepv8A3gsB7iTc&#10;v9yJf+aj/wDHj1O+z/7iQf8ANGP/AI4vR4vaLox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5oHw46ypdqdUT70&#10;z6rSz78rkzFQ05YacTjS70iHldKzzCSokHqSWlKq4t9J2vZdb6RwGPzPWJe3QeElTxbP+b+Wfz6R&#10;WNml2nsTuz5HZ+aSj7F7LwNbktkwTE/cYrC1lVBjsVKupg8clQ1RTtCSDeCnj0H/ADqi572SIcFO&#10;fmeJ69Tw1eY4JGOGBwX9uP5dBV8Zdh0Wy8PkO9t4+OGvp9vZvIdX4SrHNQ2Mx1RU12WkjJDtTQhR&#10;TxML3ll1WBMLM9dymQ+GvqNR+08Ok9hD4YMr4wSB/R8z+f8Ag+0dFM23t3ePcG/KfEY77jObs3bl&#10;ZKmrratibvIzS1NZVSWOiKMFpJGsbKCFBNlK12WBa8AOipEe7enEnJPp8/8AV9g6ND8nd7HYmB2z&#10;8cto1RbB7e21jajeGdg9D5ioaBKinX0s4+yAdagLrdTJIoH+ZDOjtI/EJlPEk0Hp0v3G4MCrCP4R&#10;U+dBin8s/wDF9Fv6UkK9o7TmIZo6WpqK2YJyRHBR1E0rAcX0xoTb/Dj2pufgP5f4R0i2xq3Cfn/x&#10;09IfbO2s3vDPYvbO3KCbJ5rM1a0dBRQ2BZ25JLMQqIigs7sQqKCzEAE+3XcRip4dJobcysFHE9W5&#10;TbdHU3xW3bs/BbkiymU21gczj9wZbHFgI8hNS1NZVwQOrXjamedY7g6hpOoJLqCFGvxZASOLDH7O&#10;hP4f00JAPwoxB4ZoT/xXVNiJLPJHDEjyyyuI4oogWZmY2VVUXJYk2AHJPHs5Jp0EsuafsA6t4+KH&#10;VmZ6b2zuqo3BXUcG/d64CHckOx5iDLR0eOFSlLJWaT5EknnrSrp6QltF2kWQRkt3MJyKcBivrX/i&#10;uhPt1mbVSW4tSvypXH88/wCqtWGUyu8O0N4yVta+S3VvHdORVFSJTJNPNIQscMUaCyIgsqRoAkaA&#10;KoVV4OEjWFfQDoOPI92/8THAA/1YA/2T1aR8but8D0tksrser3NDW937s2Y24srh6VhJRYqCmeNa&#10;alkKkrJVPJWiQsQ2pI3KBYtL1BRdymcagOwGgPmSf+K6EVjbrZ9hNXYamHyBpj5Zpnj/AIKye26v&#10;IZHsPcmTyk1XPX5aany9RLXDTKfu6SnqVDKCQoVJQFA9IUAKALAGtuaIAPn/AIT0R7mtZ2P+l/46&#10;OjDdIk7p+NHyR2SAJ5MLDQ76ooCSSGiBnnkjAuQwjxKKxH1DBWNj7SXHZKjeuP8AV+3pXZES28qc&#10;aVb86VH816y9Z9IbU6621T9z/IotQYVdNRtHrp1BrcrNYSRGanZ0YoeCKdtII9dU0cIKyeluDIdE&#10;fHzPp/q9evWtituvjT/kp9fKvz+X7fOjl8wt1VvYG1ukOwqGWspNrbr27VOu3vMZKelyFPJGJyQF&#10;SN5gJmhEmkErCbBRcGtkvhs6niDx+XV91YypGwrQ5+VSAR+fH+fSI+Ml92YPuvqByXffHX8mXwVN&#10;a5fKYl/NSInB9TvKGYcXWL63A9uXfYVf0OfsPTW2nxFeL1FRXgPKv8x+zpKfFSozdP3hs8YfEVWa&#10;p6ySbFbhpIELxrjauJqaqnqOQqwUwkWUljYsiqAzMqte8AMZr+X29NbYWEo014GtPIcf8IHRt8TU&#10;9IfEDddLg46ifd/Ye48zDQ53KORGuCw1XURyAOC0gR1pmSQpcyz6RI7RRGNWRkSXgqcAD9pA6NV8&#10;Db20j4mNPsBOK+gH7Tx+xCbdze8KHuvujpveWVlz2Y3jPPVbXrNxH9qbIUSSVeKiZR4lpabLYuRq&#10;Z/t9BjEka0+lkjZbvGGiWRcUpWn8/wBh61b3Dx3DxMa1ytTj1pw9ONPToWt+4zDfJTqPFwY/WN0m&#10;KprNnzZJoBVQZ7GxE5XAVrLHAEqK+kTzqLKsjxyVGlIKeJWbhc2j54edM1B8x0/dRLuEWMHyrijD&#10;FD/MH9vl1WPtDYO7t97kh2ltjB1uRzskrRTUgUoKcI2mSSqd9KU0UR4dpCoBsv6iATaScIKk4/w9&#10;BmC0aVtAGfOuKfb6f6vPo7Rbqz4d4/Uf4b2b37VUtgASaHDF1+v0DwqL/nTVzgcfaxSEgvCvfH+F&#10;R/P/AFfs6N3ki2df4pD+3/YH8z9nAje999bq7F3BV7m3fl6jL5arNvJMbRxR3JWGniWyQwJf0ogA&#10;HJN2JJNYolhFFFOg7cXEl42pz9noB6D/AFfb0kfbnTYUL1jL/wBP9v791Uv6dY/fum+vfTk+/de4&#10;dYy/9P8Ab+/dNl/TrH791UKT10SB9fewK9OYTrGXv9OPbgSnHpO81eHXD34tTqgUnrokD6n3TLdX&#10;wvWMuT9OPdwlOqF69cPfi9OvBK9dEgfX3TLdXwvWMuT9OB78y6eqF69cPderrgde9+6t1hf9R9+6&#10;91m9+6Ude9+691xf9J9+691h9+69173V+HVk49dH6H/W9tDj1o8esHt/rXXvfuvde9+691720/Hp&#10;1OHXB/oD/j7p1frF7917r3v3Xuve/de69790+OHXvbL8et9e91691737r3Xvdk49WTj1jk/Hu0nT&#10;3WP2317rJH+ffuvdcX/Uffunk4dcffurde9+691737r3XvbL8evdYn+v+w93Th17rh7v17r3v3Xu&#10;uj9D/re/de6we/de697917r3uj8Orpx697a6d697917r3v3Xuve/de697917r3tuTr3WF/1H3ZOH&#10;TycOuPu3Vuve/de69790o697917r3tP17r3v3XuuL/pPv3XusPv3Xuve/de697917r3v3XusT/X/&#10;AGHv3XuuHv3Xuve/de66P0P+t790+OHWD37rfXvfuvde90fh17r3trr3Xvfuvde9vPw6Ude9s9e6&#10;97917rHJ+PfuvdY/fuvde9+691737r3XvfulHXvbL8evdR/b3VX4de9+6Z697908/Dr3v3TQ49e9&#10;+6f66P0P+t7917rGn1/2Huj8OvdZfbXXuuD/AE/2Pu6cerpx6xe3eneve2Dx69173rr3XR+h/wBb&#10;37r3WD37r3Xvfuvde9+691xb9J9+6UdYffuvdck/UPfuvdZvfuvdYn+v+w9+691w9+691wf6f7H3&#10;7r3WL37r3Xvfuvde9+6Ude9+691737r3X2Lv5Y3/AG7Y/l6/+KO9Tf8AvBYD3Em5f7kS/wDNR/8A&#10;jx6nfZ/9xIP+aMf/ABxejxe0XRj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zqMtuDbE+Q3rtWaekxfWnUOxocf&#10;uhh6olkrYG10cbB/IGpMHA8PpOsNXgAGWNbTcFOD5scf6vt/wdYr6wK18uPp6/yFD9hHRSsM7997&#10;T31v3eNU+2eu8z2LTNnWZ9C47ae06GWogoINKlfPV1mUjQLGCWn88yRkqFKxv8XYKuSF/azf7A6R&#10;I31aMzYUt547Fz/hBr+dDw6BqbsSu7MfvDdlFjpKHC4jrej62642lRKSKOlyecxdFS0tPDH6WqZa&#10;aOVpApJYswUMqIqv+EItAPHVqY/YCekonM/iMK0ChFA/pmn7SQP8Hl1J3BWQfFzr6bZmHqIj3r2N&#10;iEbe2XpmBk29ipgJExtPIp/arKgWZ2HqH+dH6aWQeUfVtqPwLw+Z6blcbdHpX+0bifQf6uHzz8ug&#10;H74kv2dmaUGMriMRhcAohLlB/D8HjqIhTJ6j6oDcn6m5/PtRbfAPzP7Sekm5J+uw8hp/46OsfRlJ&#10;V1vZWLp6CnerrP4DnqinpIrl5TDt/KTeOMAMWkcJpUAG7ED8+/XJoh/L/COt7d2yr/tv+OnoxFdU&#10;Y/4kbJfE0UlJW/IjfOLtlq2FllXbGNnUMsKMrOhrpLBgQLM37hJhjh86cVu2r+Efz6Vu42xKDMjD&#10;9n+wP5n5CnQjdL1L5X4UdwvUSGtqqSr3BeWb1yCR6Ckndmdrs0jioYliSSHtfn21N2zKP9L/AKv5&#10;dO2r67Vs1OmSvrU1P+XoM9g7J2z8c9m0fdHbWPir+wsmpl6t63r/AEujgKUyNZHZmjePUH9aj7ca&#10;frVSRrE5I7XbeGnD8R6YhiXbk8WX4j8K+f2fb6nyH7CoPh92RuDf3yG3hm941zZPKbq2LVxMWA8a&#10;eGsx8kdPFGWtFTRQK6qig/gtclm9+voFhiAXyb/Ieq7ZdvczMW81r9lCAAPl3H/i+mavyW0fh/iM&#10;hgtuz0G7vkDnKJocluAKstJt2ml5WCIMPVVtGQxUi7tZ5gIRHDL46r81OEHl69WPh7SpC90h8z5D&#10;y+wf4eJoKUDj4jborT8kNt12WyFVWVu6FylJkq+rd5JZ5ZqKpqA0rklnaSohW5N/UQT9Lhy8QeFQ&#10;eVP9X8+k22zEz5yWB/z/APPvSH+RO35aHujPbfxNK9Q0a47CY2ix8UpeVqSipsaFjjsXkeWWlJAQ&#10;WLNZFAsBe1esdft/w16b3aM+PRc6gpAAzwpT+XR8Pir0/F0xWQvvzPUtF2F2biJIMZsAMjtHQ0yi&#10;qleoUAl6hQpD2IjjBMep3Zghfdz+P8Iwp49Gm3Wps1Oo9zUJFeFPT1Irk8P8Jre7Z7H3r2ZvDI5j&#10;e9cZq+kqJKCmxkGpaWhjjcqaelhYnxoGX1E3eRvXIzMSfZnBEsS0X/i+ie8neZyH/CSAPIZ/1Z6H&#10;aJf76/DCoS5kr+oezBOo5LJj8lZSB9bRyVeRZiB9DFc2F7p/7Of/AEy/4P8Aiulv9tZ+fY37c/5A&#10;/wDLpj+Ie0d85fuDbW59rY52w+1q4ybnzFSSlLDSVEMsE8RksQ9TLBK/iiF2LAOdKKzre8dVQg8T&#10;wHTW1ws0gcDtFQT5ZBx8/wDVXocO7+1dvfHaq3H1R0rgTgt15OU5LeO96tA1Sn36irigopHW7aIJ&#10;wqOAI6dT+0pn1yq1bQG6o7HAwB9nSy9vVsqpGKMe4mmM19eJ/kOHyAFfIzVvLbvTvc8X7r712Wu3&#10;tzzg6iczhXNLUyyn6h6lSNAPOiK/P1KizPhs8Z8jUfYekW5j6hI5h+IUNOAPH/DUfl1k7Hy+Q3Bs&#10;PpXvzCzvDubbckXXm6q+Lh0yuFIqcVVSMCC0tVRDWzcfoC3Nh7biGhni8jkfYePTlwxkSK5HxLRW&#10;+0ZzT51r9o6NZ1ltfcG6985Td+0IXoer+39tUnZEmXpnj07f3bSTsWMMbFTNPFkoZ0nhQ6J6acxz&#10;uYxpKKVgi6W+JSV+1f8AVw6NYBqcunwOobjwevoD5/i9SM9O/wAmN35Tp7Z+UznUG3cPiJt+bnqa&#10;Pf8AvmgjIraau0gqTG6akkqwZGjnZiiajLEmupjmO7JBO1HJwMDyPTW5TPZx6o1FScn0r50pn0qe&#10;Bpxr1UZU1NRWVE9XVzzVVVUytPU1NS7PJJI5LO7uxLO7MSSSSSeT7PwKYHQPILGrGpPEnPUYuB/i&#10;fe+tFqdYySfr7902TXrr37rXXAuB9OffuqF6dYySfqffuqZbrr37q4SnXAuB9OT7uErx6o8wHDrG&#10;ST9fd6hek+X669tlienAoHWMv+B/t/dgnr1Uv6dYySfr7sSF6qAW697bLFunAoXrGX/p/t/dgnr1&#10;Uv6dY/ryfbnDpvj1723J04nXvbfTnXvfuvdYX/UffuvdZvfulHXvfuvdcX/SffuvdYffuvde91fh&#10;1ZOPXR+h/wBb20OPWjx6we3+tde9+691737r3XvbT8enU4dcH+n+x906v1i9+691737r3Xvfuvde&#10;9+6fHDr3tl+PW+ve69e697917r3uycerJx64P9P9j7u/Dp7rF7a691kj/Pv3XuuL/q/1/funk4dc&#10;ffurde9+691737r3XvbL8evdYn+v+w93Th17rh7v17r3v3Xuuj9D/re/de6we/de697917r3uj8O&#10;rpx697a6d697917r3v3Xuve/de697917r3tuTr3WF/1H3ZOHTycOuPu3Vuve/de69790o697917r&#10;3tP17r3v3XuuL/pPv3XusPv3Xuve/de697917r3v3XusT/X/AGHv3XuuHv3Xuve/de66PII/w9+6&#10;fHDrB791vr3v3Xuve6Pw69172117r3v3Xuve3n4dKOve2evde9+691jk/Hv3Xusfv3Xuve/de697&#10;917r3v3Sjr3tl+PXuo/t7qr8Ove/dM9e9+6efh1737poceve/dP9dH6H/W9+691jT6/7D3R+HXus&#10;vtrr3XB/p/sfd049XTj1i9u9O9e9sHj17r3vXXuuj9D/AK3v3XusHv3Xuve/de697917ro/Q/wCt&#10;790o6we/de65J+oe/de6ze/de6xP9f8AYe/de64e/de64P8Ap/1j7917rF7917r3v3Xuve/dKOve&#10;/de697917r7F38sb/t2x/L1/8Ud6m/8AeCwHuJNy/wByJf8Amo//AB49Tvs/+4kH/NGP/ji9Hi9o&#10;ujH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lqd8Y7de09n9f8AQWKllzPYvbmfm7C7Onoz667J1tSqRQBlPj+1&#10;WqRwTZVC0UUh0gye59tyHJkPBRRfs/1f4esQ7sMqrEuS5JYjz9fLhn8gKdIb5JVlT1HsTrz434Sv&#10;8lJSYUby35X050ivyFXUztHCeFY01O8bOitcOn2zNdogS5ajxmaU+tB8sdJtwk+mRYV9Kk+uf8pr&#10;/Lp+6glHx86H3B23uvDQVec35nqBOscNXIWJno6fIGlyM6k2SnU1M06XAJ8MTqQ0kLrScfUyBF4A&#10;Gp/ZXpy0/wARhLvxYig9cYr6eZ+z546JPUV+V3puo1+brarJ5jcuaV8hWzMDLLLUzAM1yNKklrKL&#10;aVFgAFAHtfQRrjyHRYv68gLGpZhU/aaf8V0su+a/77urtecFmC9gZalDMb8QVs0Asf8AU2jGn/Cw&#10;90txSNfsHW76XVK1PWn7Mf5OjddJbCxXQuBk7K3rGrdwZvZOe3F15tGoW8mMosdhK6umyFdEzRvH&#10;JVLB9vp/UqS6ACzT+BFPKbg6F+GoBPqSadGlpbCzUyPl9JNPQAVP5+p8uHrWv3OZzK7ky+Rz+dr6&#10;jJ5fLVb12Qr6ti0kkrm7MxP4/AA4UAKoAAHsyVQooPLohllMrFmOTx6th+L2H3D1T8ad87p3dgS1&#10;IzZLsrE7frbRy1FLS4qnkRpdSuYRVmgHjDoSE0yaSHA9lFywmlAU+i18qk/7PQjsVNpAWcU+J6ed&#10;KD+eP8+cdVuZ7Odi/Ijsz7qSCfPbs3NVLR4zFUIIhpoUB8cEKsxWnpKaO7O7NYDXNK5ZncmyhLNK&#10;ft9SeiB2k3KT7eA8gP8AVx6sD6Qx/WPQfZm0upKKam3Z21u+Gop9+7piYfbYlYqGorYsZSEgENNP&#10;BGrLw78STaSYooy2dmuFLnCjgPz/ANX+To+tY4rJhEMu3E+lBX8vkPzPl1XV3XSPje3+0aFnkk8H&#10;YGXVJZm1OyGvnaNmawuxQgnj6+18Bqi/YOiC/qkzg/xE/kcj+R6l9C1FbS909XVFBS1NbOm+McJK&#10;ekQvIYWqY0qGC/0SBnYk2CgEsVAJFbmhjavoet7bqEykCuafkRQn8ga9WO967n6r6A3dkOwjjYd2&#10;dz7kx7f3WxdcdUOMheSqJr3W5MSSSyOhYMJZQhih8SeZ/ZZbxvcDTwUHPQjvJ47Y6yKvpoB50z+w&#10;Z/PojXUPaW5ct8ktib73ZmpshlsxuuLE11bVmyJDkQ+PMSINMcFNElVZEUBIwLgC3swmhCxFVHAV&#10;/ZnomtrgyTqz+dR+0EAfZU/5ekj8htvnbHd3ZmJ8bRJ/euoykMRFtMWQ05CID/aRHUrp/qtj7vbN&#10;rjU/L/Bjpm/TRMw+dfzYAn/D0az4Zda5zde0e18VubFZCl6039hafFjJgiKSWrpZJdL0QdXLeFJ2&#10;LShTH5FRDrKkKkvJAGUg5H+x0abVC2h9QOlqAfOoINP2jPQTdy/IugqcEOpOkccdldW45TSVNTTK&#10;0VbliOJHmY/uxwSsLvrJnnI1TuAxhVTbWefEkyx4D06R325UHhQ9qjBIx+Q9PmeJ/bWP8mh/e7b3&#10;SXccV5X3vsJcHn6i5YtlMQ/hqXkY8lpHkZB/UQ8839+tG8Isnoaj/B/m6tui+Oscw81ofl50/mf2&#10;dQetf9//APHvtzrl/wB7LbDqYO3trRWu3ihX7XLqv50JSkEKPrJLf6+6ynw5Vf8Ai7T/AKv9XDr1&#10;t+vbvH5r3L5/PA/Ij/bdDr8XOj81muvt243tPFmg627AnxuQwWLq5Xp8jU1lDK1THUUaACSKGqpl&#10;ZGI0yzRAGP8AbGsp7y4COCh7lrU+WelG32rvEyyjtYghakHHGtKUrQfsz82/O9xUncuy+yup+tMP&#10;U9d0GycHFuXYeLxzmknyNJiZZGy1JVxRMqo8kEgqI4FLO0kRMjyNe1hB9OyyOdVTQ1zSvD/i+vG5&#10;+rWSKKqFQNNME0OQAANP8IHzyBkdCXsLsfCdqbNxGJ3tH99trt6ik2TnVQxL9ju6jjEjxR+QLDTN&#10;nodFfREEacgG1azINDEkLQOdPFe4f6U/5uB6WRXC3ka6uD9p+TUNRg49R50p5kdVo9lbEzHWu8cx&#10;tDMjXJj5hJQ16KRFWUco10tZCbkGOohIa1yUbVG1nRgDuGUTKGH5/I9BK9ga1kKH8j6j/Vx+dR5d&#10;IP270j66LAfX/be/daLU6xFif9b+nv3TRYt1x9+6sE9euJYD/X/p7sFr15pAn+brGWJ/1v6e3AAv&#10;SdnL/wCbrj7qX9OvBPXriWA/xP8AT3UKW6sWC9YixP1/23twAL02SW6691L+nVgnr1xLAf4n3UKT&#10;1YsB1iJJ+vt0CnTRNeuve+tde9+691723J05H1723051737r3WF/1H37r3Wb37pR1737r3XF/wBJ&#10;9+691h9+69173V+HVk49dH6H/W9tDj1o8esHt/rXXvfuvde9+691720/Hp1OHXB/p/sfdOr9Yvfu&#10;vde9+691737r3Xvfunxw697Zfj1vr3uvXuve/de697svHqy8euD/AE/2Pu78OnusXtrr3WSP8+/d&#10;e66f6/7D37p1OHXD37q/Xvfuvde9+69172y/Hr3WJ/r/ALD3dOHXuuHu/Xuve/de66P0P+t7917r&#10;B7917r3v3Xuve6Pw6unHr3trp3r3v3Xuve/de697917r3v3Xuve25OvdYX/V/r+7Jw6eTh1x926t&#10;1737r3XvfulHXvfuvde9p+vde9+691xf9J9+691h9+691737r3Xvfuvde9+691if6j/W9+691w9+&#10;691737r3Xvfunxw6j+/db697917r3ur8Ovde9s9e697917r3t9uHSjr3tjr3XvfuvdY5Px7917rH&#10;7917r3v3Xuve/de69790+OHXvbL8et9R/b3VW4de9+6Z697908/Dr3v3TQx1737p/ro/Q/63v3Xu&#10;safX/Ye6Pw691l9tde64P9P9j7unHq6cesXt3p3r3tluPXuve69e66P0P+t7917rB7917r3v3Xuv&#10;e/de66P0P+t790o6we/de65J+oe/de6ze/de6xP9f9h7917rh7917ri/6T7917rD7917r3v3Xuve&#10;/dKOve/de697917r7F38sb/t2x/L1/8AFHepv/eCwHuJNy/3Il/5qP8A8ePU77P/ALiQf80Y/wDj&#10;i9Hi9oujH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mHdwZifq/cm5OzKyeTI9n7igj6l6Vp6zSZ6WlpIUo8vuG&#10;WKxKy1FfJP4OOfKD+5HOxWeIR4oC/hHc3+Qfs6xLuW8FteNTUSMfbnP2E5+VBivQY5nr7Bbq7q7E&#10;312BUTwdM9IJj9s5mpqLl8lU4ehpaGPE012BllrKqFmlCtqCyqhZHmRw6spSMKvxNU/ZU8ek8sAn&#10;maR/gSnHzxWnzoT+eBTPQa/ILtHK9kdc9d5zIwxUNPn967kymGwVPbxY/GUUeHxuPpIiAF0p4py+&#10;kRhpS7+JQ6+3baIROw9AB9pNT0mv7nxIkNPiLEf7U0/y9F76woTluzOu8WVR/wCJb6xFBokJCnzZ&#10;CnjsxHIB1ckc29qpjRG+w/4Oi21asqV/jX/COjXbP2dtvZdTu35Ldu0kU2HfdmQq+sNlyWEmbyL1&#10;c8kNSFckihgf1KzKysAZiGRESdE8hkAiT0Go+gp/q/wdG6wLbs9xL/ExUefE0P2ny/b6HoIttdhZ&#10;/sfsrsLeW7MgKnJ5TqjeKi50wwR/3ZycdPS06k2SKMEIijlmJZi0jszKGhESqB/Gv+HpDFcm5eRj&#10;/vp6D0Hp0uOluq9sbL2v/swHeEJg2tQFKjr7Z89lmztaAzwP4j6mpdSgxqRplF5pbU0f71LmYufC&#10;j4/iPp05Y2qwr483DBUf4DT19P29GS6K7E3p8jds/KKDKSoMnndrxYPbWJRgKWijyGPzdLTU0LOy&#10;8CRdUjtp1uTISNRCpLiNbUoR5Gp9SQQel1rcG/SRTjiB6AMKfnwz/qAArd+59qfFTb9d1z1lX0+e&#10;7qzNEKLsLsaCzLiVbl8diyReKYH9R/UhAkk/fEcdM8iteHU2FHAevSSedNsXw48ueJ9P9XkPzPzL&#10;v0Hmqml746wylTVTy1NZv6ipqqrmd2kdq6oWmlaRy2pmk+4OoknVc6rgn2quFrGw+X+Dou26U/UK&#10;zVNSRX5sCP8ACehO+QfWu5d0/KbfGz9oYipy+VzeSpMnTQwA6VSqoKOomnmkYlYYIpJW8kjkItvw&#10;NI9s20oSIFjwr/hPSu9tmnuSAOIU/IAACv8ALoWMnndh/DjBVW29ovjd6fIDLUQhz+5pEMlJiIpR&#10;q8MSMfSyWUpCQHlOmaqtGIqcshWvTU4QcB69KmdNsWi5c8f9n0Hy8/59NHzvSDJ5nqje1KpWm3bs&#10;p5Yl1ahaN4KhbGwv+3XKL8A2vb3bb8Bh6Ef6v5dV3j8H+2H5DT/n6IjQ1k+OraPIUzBKmgqo6ynZ&#10;uQHicOhP04DKPZgV1CnrjomRzGwYcQQf2Z6ti7f6m6xy29IvkR2tnIcb1/PtLF1Z2r60rMjkhE5S&#10;kYeiSRTTLCBHFaSQiTX4YomdiaCZwvhoMknPoOhPc20ZfxZD2qAKHgTUnP7cDz/kQF298rs9u/vn&#10;rGOkii2d1hjNwRbexO0KLTHAsFbE+NSetEemJ5IVqQUVQIadVAjW4eR1clkIomrlqVr9hrjpDFuZ&#10;nnUDCVpTzJIoK/nTA4dFY7v2oNkdt9hbZSMw02P3PUy4+Nv7NJUt91SA/QG1NPHzxf62H09q7eQy&#10;ov2f4MdFt9EIZn+2v+9Z/wAvQ3bBoqztL4u762LjaSbK7n613zQbv25QUqNJUS0+TvRzU8CKGdgG&#10;M8jBRYsU1c6T7TSjwJlY4DAg/l/qHSuAm9tmjTLKar/h/n3AdDl0n1ftL41VOC3l3NuiLH753vo2&#10;xhNkUbrKsNPkJYoZXr1W4mSO4aZiRTwhSAZ5igDNzO13VYx2rmv2dKdvtF2+jSN3vReOMkYHr5VP&#10;AfzJe++u4O0aD5AVNXuDIsj9Xbz8+1cHTaoqOOnhmWank8V21vX0hQyyPqd0fRxGFRVdrbo0WPxD&#10;J/1eh6R317JFPngjAgDAII8/mQafKpp1G7PyK9R9/YDtjZUd9s7tFH2ltyJQqrLRZRS2RomVfRGG&#10;d6iExj/Nxuo4NveoB9REY24r2n7Rw6reSfR3CzL8L0bHmDhvzPEfaOlSuHwu1+zt2dVxZAUXW/eu&#10;Lo909Y57UyR0NdUE1u3K6KUAvEtPWs9BKyENoa7uAhPtvUZED07kNGHqOB/l/l6fAEMzRV7JhqQj&#10;8LcQRw8+FMns6Erfu15/kd08u4Ux32/dPV89Xhdy4aGEJPNU0jF8lRskZ1E1YDVtKpU/5T93BHcy&#10;MUpFJ9I9PwtQg/I8D/n6furf95Q1p+olQR8xgj8/L/a5Geq0mYglbFSDY3+v/GvZx0DmY8Osfv3V&#10;QpPXRIH197Ar05hOsZcn6cD24Epx6TvMTw64e/F6dUCV66JA+vumW6vhesZcn6cD3cJTqhevXD34&#10;vTh14JXj10SB9fdMt1fC9Yi5P+A9uBKdNl69cfduq9e9+691737r3Xvfuvde9tydOR9e9t9Ode9+&#10;691hf9R9+691m9+6Ude9+691xf8ASffuvdYffuvde91fh1ZOPXR+h/1vbQ49aPHrB7f611737r3X&#10;vfuvde9tydOR9cH+n+x9t9OdYvfuvde9+691737r3Xvfunxw697Zfj1vr3uvXuve/de6972OPWxx&#10;64P9P9j7cfh0/wBYvbXXuskf5Hv3Xuun+v8AsPfunU4dcPfur9e9+691737r3XvbL8evdYn+v+w9&#10;3Th17rh7v17r3v3Xuve/de6j+/de697917r3uj8Orpx697a6d697917r3v3Xuve/de697917r3tu&#10;Tr3WJ/r/ALD3tOHTqcOuHu/V+ve/de69790+M9e9+63172n691737r3XF/0n37r3WH37r3Xvfuvd&#10;e9+691737r3WOT8e/de6x+/de697917r3v3T68Oo/v3W+ve/de697q/Dr3XvbPXuve/de697fPDp&#10;R172x17r3v3XuuD/AEH+v7917rF7917r3v3Xuve/de69790+OHXvbL8et9R/b3Wjw69790x1737p&#10;5+HXvfumeve/dKOuj9D/AK3v3XusSfq/1/dX4de6ze2evdcH+n+x93Tj1dOPWL2707172y/Hr3Xv&#10;devde9+691H9+691737r3XvfuvddH6H/AFvfunxw6we/db65L+oe/de6ze/de6xP9f8AYe/de64e&#10;/de64v8ApPv3XusPv3Xuve/de69790+Ove/db697917r7F38sb/t2x/L1/8AFHepv/eCwHuJNy/3&#10;Il/5qP8A8ePU77P/ALiQf80Y/wDji9Hi9oujH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lBbSz24/kx8pdr52q&#10;opmxNDuGmy0eLX/M43B4qYVKQOyjSiuFCu3pElRMQpUuoGQTqLWIjzIp9pPWHcchvZw2aLkfIDI9&#10;eJ6Yvk33Ljt55g7B2HKY+udtZipyMlVGec1mamWWSvzFQ3+7fLPLL4Sb3V3kGlZFjjtaQaBqbif5&#10;D06Z3K88Q+GnwgmtPM/5v8Jqc46QPbZFFtPojALe1B1UczKv+pky2czFb9TcnVE8bfUr6gAFNx7c&#10;gyzn+lT9gA6ZvaIkSD+DV/vWf8nQrfEXp2r3TvPF9nZ+dMJsXYmcp66LJVtkWuykUqPSUdO0npPj&#10;m0SSuLlfRGLPIGRm8nCjQOJ/kOn9rszIwkIwOHzP+x6+v50BTuzuLNdybsbMVcQxW3sXD/C9obYp&#10;rCDH0KG0caqgVDM4AMrgDUQqLaKONFW21sLdfU+Z6Lr69N43oo4D/Kfmeh++LPU9NTYzdPd3ZVGI&#10;escJtjJUqUFTGWmy48DmqSmjYoJIFgjkjYhgJHJjBssrIjvrjVSNONRn06MtptTEGlf4SpFCK44k&#10;/ZQfn/hCjfe9uwvlH2XjcRg8VM0BmbGbH2ZQECmxtELXaQgLEhESK9TUMFUBQBpiSNFvHGtmlT+Z&#10;9T0nnnfcpNK8PIeg9T/q+Qr52E/HLb3XnW+S3j01s/LLuDsqn2scx2Fu+jcrTx1qSCmgx1I1jZaB&#10;6lix4ZXa73kLRU5bcs8lHbArgdHdlHHBWNTVhQsftr/qp1TPLLJNJJNNI8s0rmWWWUlmZmN2ZmNy&#10;zMTck8k+zwCnQR0ljU9Cv0lsXeG/Oxts0OzcbLW1uLzFJmqysN0p6OCnqI5GqambSyxRqV44Znay&#10;IjuQpZuJFjU6jxBHS+whaSRSowpBPoADXqxj5Zd0xdL5Wsxew8FHj+zOw8JT12Z37JFGzQY+FpaO&#10;CGmdtTNUBqZrAqI4QRIA8rgxllpB4+WPaDw+fR1f3n0ooo7iONOAFf20rgfP9tSVRUT1c81VVTTV&#10;NTUzNUVFRUMXkkkclnd3Ylnd2JJJJJJJJv7OQKdBoksanJPE9Hs7zpK3fHxm+L+6KGGqyVdRGTYF&#10;PT0imV5p2iFGsYVFLPMz4MqoALE3Bu1z7QW3ZK4OB8X8/wDZ6Ob1fGgiZe49qimakrn+a9S9n9V7&#10;B+Nm3sf2l30lPmt+VSCs2R1VEUkZJQLpLVqweMzRsQWdwYaYrx5qgpGupJmujoiwvm3+r/B59Wgt&#10;k29fFmy3kOND8vU/PgPL16j/ACW3VWdyfH/p3t+ppqakrId05fbuZoaDV4qeWpkkMSWZmYqIcWpD&#10;En9YuQz6ferUeBIyD0H+r+fWtwYXUCS0Izw404g/zHRBoamWknhqaeRoqinlWeCVPqroQysD/VWF&#10;/Zno1ceiAz+EarxHD5EdHx+QnWG6u6OxesN27Aw0mTk7Y62x2drZ4xppqeeBI46mWpm5WCKngnpl&#10;fVdww0AM5C+y+0nW2Vlf8LEfM/6qdHe52b37o8XBl88ADiCftDelcdD105jumvjrvXA9U0+4H3N2&#10;7vpjit0Z6ksaXHskEtRBSFSxWLzVKJFHFZpnZhLP4k8ae007SXal6UVeA/l0ttoYrEiEGrtkn1oC&#10;c5wONB/h49VhdnZbeOR37umTfmTrMru2izdRi8vVVZ5WWlleExxoLLDDGUtHGgVEWwUAezmBVCDS&#10;MEf4eg1eyv4rajUgkV4DB8vl5jobvkaf77bX6d7thPln3ltEbX3bKG1H+MYVvt5pZj+pXqkuUB58&#10;cQP5DMls/wBJni9DUfYf9Q/b0s3X/GEjnHmNJpwB4/4dQ/LqFDfsv40TwcTbl6E3B91CPSZJNvZt&#10;7SgD/OP9pkEDMeVihsCBquN/2E/ycf8AGh/q/n1of45aU/FEftOn/Jj+SdQaOVuyugaimhLSbx6E&#10;yH8WoZI/89NtrJS/5QqkWdv4XkLS6iSI4ZLKALn3s/ozf0XFP9sP8/VVc3lrj44TUeun9o4AfkFH&#10;r0Nu0uyzSV+y+54sicXiOxvF1z3BVQ3KY3dGPUNjc/LGhUFKqArUSpe00X8Qha4lYFLJDWsfmvcv&#10;zU8R/q8+jK3u6lJ/wyUSQeSuOB4/lxoFKk56C/5PdXx4zIN2htzFDF4fPZifD742/TnyLhNxwnVV&#10;0+oKoNFXhhU0klgskcgkVY45YFKixn1DQeIFVPqP9j/Vw6Q7zYhGMyjBNH+Tevlx+zjnzHRQy/8A&#10;Tn/H2ZhPXoOPNTh1iJJ+vu5IXpjL9e9tlienAoHWMv8A0/2/uwT16qX9Osf15PuxIXqoBbr3tssW&#10;6cChesZf+n+392CevVS/p1j9udN9e9+691737r3Xvfuvde9+691737r3XvbcnTkfXvbfTnXvfuvd&#10;YX/UffuvdZR9B/re/dPjh13791vri36T7917rD7917r3ur8OrJx66PII/wAPbQx1o8esHt/rXXvf&#10;uvde9+691723J05H1wf6f7H23051i9+691737r3Xvfuvde9+6fHDr3tp+PW+ve6de697917r3vY4&#10;9bHHrg/0/wBj7cfh0/1i9tde65p9f9h7917rz/X/AGHv3TqcOuHv3V+ve/de697917r3tl+PXusc&#10;n4Pu0fXusftzr3Xvfuvde9+691H9+691737r3XvdX4dWTj172z091737r3Xvfuvde9+691737r3X&#10;vbcnXusT/X/Ye9pw6dTh1w936v1737r3Xvfunxw69791vr3tP17r3v3XuuL/AKT7917rD7917r3v&#10;3Xuve/de697917rHJ+PfuvdY/fuvde9+691737p5OHUf37q3Xvfuvde91fh17r3tnr3Xvfuvde9v&#10;HI/Lp8Z697Z631737r3XB/p/sffuvdYvfuvde9+691737r3Xvfunxw697Zfj1vqP7e60eHXvfumO&#10;ve/dPPw69790z1737pR10fof9b37r3WJP1D3V+HXus3tnr3XB/p/sfd049XTj1i9u9O9e9svx691&#10;73Xr3XvfuvdR/fuvde9+691737r3XR+h/wBb37p8cOsHv3W+ux9R/r+/de6z+/de6xP9f9h7917r&#10;h7917ri/6T7917rD7917r3v3Xuve/dPjh1737rfXvfuvdfYu/ljf9u2P5ev/AIo71N/7wWA9xJuX&#10;+5Ev/NR/+PHqd9n/ANxIP+aMf/HF6PF7RdGP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fLv2rRYX49bB7C2HT/a&#10;1faMvUGR3t2bmUKyLjnqIY8fhcJFIlz5Vq8kk8lmAIQvdkmjMc9SVuWDH4dQAHr6n+XWI0KrZIyj&#10;LhC7HyqBgH+dPzOK9VjEgfX2bgV6C5NOjrZHp/JdsdxYraSTrhdo9ddWbUh3vumfSIMfRwbdoKmc&#10;mRiI/uJWkkChtPqEkjqEjkb2gWYQR6uJZmIH506PJrU3M4TIWNVVj/MAfaD+XH7Xj/TDRb07a2Vs&#10;TrihjxHUXWeLzFRtbDN6ErZcfg8nUyZasBKtJK/iZ01sZLFpCRNNL7qYPDjLPl2pX5VIx05DeeJc&#10;JHHhF1D/AE3af5en7fsCX4/9H0e+f4n2J2HVHb3TmyL1m5cvOXjNa8YDfY0rKNbEkqJWS7gOscY8&#10;0iaX7m5K9q5Y8Pl0hsLEP+o+EGc+dP8AIPP9g86CtD2buP5G9i5zZOysUcXs/HdZ5vbXXG0INMEU&#10;SSUqUsFRVAN4Y5ZAUUknx08do1P63kTtELZQzZOoEn+fS6G8N87omF8Jwvlk0FT+3HoPz6a94bv2&#10;z8YdtZLqvqvI02Z7azFP9n2d2dR8/Y/6vFYpz6o2ibh3FmjYam/yjStLaNDdHW/w/hX/AC9MSyLt&#10;q+HHlz8Tf6v5Dy49YvgNlWpu8MnSyyM5zexa+lIkY+qRKqgqtZHOtwsD/X8Mxv8Ag+3Adg+0f4D1&#10;XZ6+I3+lJPzNR/n6B3ZPRO7+1e1Nw7M25TPTUOH3HV0uf3DVIXpsfBFVSxl5WTSks7BCIolIaVgb&#10;aUDujz3CwoCfMCg9cdNCza5mcDADNU+mT/P5dDf2b3JtDpnbFV0l8eZwsvNLv7s6HQamvnCGOWOk&#10;qE5JBZl8yEJCLpS/UylPDA058ST8h0qubtbNfCh4+beh/wA/z8uA+Tl840GVxfQ2+AvG5NjyRO31&#10;I0x0FYgY6F+v3zW+n0b0r+fbeMsvof8AOOrb1wQ+VW/nSn+A9Ea2xtjcO9c7j9s7VxVXmc3lJvBR&#10;UFGLsx+rMzEhI40UFndiqIoLMwUE+zNisI1MeiKKN7htKCp6t9xtJW/GP4y5AVR2/v3eXWtSMwKA&#10;FWhxddmKhYY7HS06imhyTyE2ikmieQK0ccoYETsLuXzAbH5Af7HQqRTt8AHxFQflWpJ/lX9nVRG9&#10;N7bm3/uGv3Tu/L1WZzWRk1S1NQeES5KQwxiyQU8dyEjQKij6D6+zmKIRiijHQYuLkytqc5/wD0HR&#10;qustW9fiB3jtPR5qvYO4qLfdARy0cU3i83H4QQUFUb/UF2JJAt7SyjwrhD6in55H+UdGFsxurORa&#10;5Wpp6AUb+ZB6CHpD4+bu7pyMk9LbAbLxkv8Av4N5ZFSKeBVGuSOn1FFqalY/UUDBYwVaZ41ZSyq4&#10;ulgxxPp/n6QWG2NeGpwvmfM/If6sfy6Pl2L2Tj9mfGTJU3x23RU1OK6+3NT9f5fcrky1KU80Yeep&#10;pKg6ADJVVsMaVCIEBMgpgumN1LIofFlHiD4qtThXj/m6EFzcCC3JhI7KLXjSmkY9Tkeo6qnwe48n&#10;gNyYjdVHPI2Ww2agz1PPIzFmngnWdWd76iWdfUb3Nzf2dOgdSvkRToJx3DJIJOJDBuPHNcn5+fRh&#10;vl3gqKl7Ui3nh0IwHae18fv/ABLi1j93AqTXt9HeSLysOf8AOg35sEm3tVNJ4qSP8vRhvUQWUOMh&#10;gM+VRjH5UP59S+pj/pC6I7k6slH3OW2lDF3Bs2G6llNHaDLKgb1eqkZVVVNy8pIFzZq3H6MqyeR7&#10;W/yf6vl1ayP1VvJDxK9yjifWgHlkUr/S6Qfxx3jQbZ7NoMbuAq20N/UFR15u6nkYKjUWVUU4dywZ&#10;VWGoMUjMRwiuLgEn27eRl0qOK9w/LpHtNxomCt8LjSQcg14Y+3H2E9ZtmV0/QnedZhd1RfcYTH5a&#10;s2JvqicEx1mGrC1LVMUUgyRvTutTGtxqZY/fpB9VFVeOCPkR/qp07bD92XRVvhqVNaZQ0IJ4/I/y&#10;6W+A2/SbC7N7E+PG7q6OPaPYgXC4bOVFjDFWFhV7WzauutRG7SJHMyG3inlVmsps0xM0azLxXJ+z&#10;8Q6VxqtpO9o/wyfD8icqf8nzYD06FvrfdVNkNvZvbPaVJN9vh/t+oe9sZVG0sdFHMaXbm51JX0VG&#10;GqV+wq5vURF9nUNrdF0p549DBo/PvQ/PzX/KB+Xn0utJvGjaOYZX9OUZ4HCt/kLcfxEgKOiWdsdZ&#10;5vqbe2V2fmQ0q0z/AHWHyYUrHW0MjN9vVRg/TWFKyKCfHKskRJKH2awXQuFDD8/kegrfbebGQo3D&#10;ip9V8vz9fn8ug1LAf4n26FJ6RlgOsRJP19uUC9N1Ldde6F68OrhKceuBcD/E+/Ba9eLU6xkk/X24&#10;BTpsmvXXvfWuve/de697917r3v3Xuve/de697917r3v3Xuve6Pw6unHr3trp3r3v3XusL/qPv3Xu&#10;so+g/wBb37p8cOu/fut9dH6H/W9+691g9+69173V+HVk49e9s9aPHqP7Uda697917r3v3Xuve25O&#10;nI+uD/T/AGPtvpzrF7917r3v3Xuve/de69790+OHXvbT8et9e90691737r3Xvexx62OPXB/p/sfb&#10;j8On+sXtrr3XNPr/ALD37r3Xn+v+w9+6dTh1w9+6v1737r3Xvfuvde9svx691jk/Hu0fXusftzr3&#10;Xvfuvde9+691H9+691737r3XvdX4dWTj172z091737r3Xvfuvde9+691737r3XvdH4de6xP9f9h7&#10;8nDp1OHXD3fq/Xvfuvde9+6fHDr3v3W+ve0/Xuve/de64v8ApPv3XusPv3Xuve/de697917r3v3X&#10;uscn49+691j9+691737r3Xvfunk4dR/furde9+69173V+HXuve2evde9+6917295fl0+OHXvbPW+&#10;ve/de64P9P8AY+/de6xe/de697917r3v3Xuve/dPjh172y/HrfWA/U/6/t0cOtHh11730x1737p5&#10;uHXvfumeve/dKOvHnj37r3WFP1D3V+HXus3tnr3XB/p/sfd049XTj1i9u9O9e9svx69173Xr3Xvf&#10;uvdR/fuvde9+691737r3XR+h/wBb37p8cOsHv3W+ux9R/r+/de6z+/de6xP9f9h7917rh7917ri/&#10;6T7917rD7917r3v3Xuve/dPjh1737rfXvfuvdfYu/ljf9u2P5ev/AIo71N/7wWA9xJuX+5Ev/NR/&#10;+PHqd9n/ANxIP+aMf/HF6PF7RdGP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fJDwWbyVV038gN75usmr83vfc23&#10;trS5Odj5JZZ6yszVcSQALv8Aw6IWBtpLLYC3vIcp+oijAAJ/lQdYZJIzQSyE5YqK/MHI+yjcPy6C&#10;Dr7Ye4uzd34bZu2aV6rKZepEeuxMdPCLGapnYfoggS7Of8AouzKCrllW3XUf+L6LLaBrtwo/M+g9&#10;f9X2dHG+W/cuIoK7cXS/WSrQYk5tqrszNU7Hy5HIQhIBjml/U1Pj0gjhkvcs8Kxk2iczFlnATR2/&#10;2o9B6/5v29Hm6XozGlM/GR54Ap/LP7PUdBx8QuuKrd++8tuTJpJjtg7Z2jm6XdW55nEEFMuRxFZj&#10;2VZpAYjMkFW8xB9McaGRyPSGdvJdC6RxJFB9hr0n2mLW5enaoOeAqfL9hP2fs6l9o9gZXvnce2Oj&#10;ejMFUUnW235lx+0tvUatF948YIkylezsSkKAvIGmIKKzzTHyyNasUYtwZJD3H/VTr11O24MIYR2D&#10;8gaeZ+Q8v8ppQYqSp2b8esNvjqbYNbFme2D1rmMz2J2RQtY0M9PRO8WLxrg+SIwSkO59LIyq0gMx&#10;VKVg6rgh2+HUAB9p6MIo0sleNDVxGzlvmBj/AA1A/wA+a2GZnZndmd3YszMbkk8kknkkn2a9Bwmu&#10;T0dP4L7T3XkO5Mdu3G4qok2tt6iraTceYYhIYzVUM6U8KlreeZ5zGTGtyqfuNYAXQ37qE0niaUHR&#10;rtMb6ywGKEEn8j+fD/VjpafKbvhNs5HePSnVmMXamMnztVkew89Sho6rJZCvkaqroke+tad3lCyO&#10;TqkVRBHopVCyUtLcyUd84wPQDp/cL3wKxJg8WP25x+3j1XkX/p/t/ZqE9eg8X9OrWOwerNxd5fG7&#10;4zUOy6Wnq8tj6fE4eumZwIaOlOGaGpq6qS5KRwvRxa1AZ2Z1VFZioJNFOLaWQt/Sp8zq6E01q11b&#10;xIv9AknyGg/5+g03Rv7YHxIwOQ676gmo90dw5CmFJvXsWdYpo6CQfrpoFIeMyQyD003qjiYK1U00&#10;yGMOKj3zanwvkP8AV/h6Zlmj2pNEeWPEn/Cf8i/mfmnfjNlKzf8A158pNnZisq8vm9ybMO6qaoq3&#10;aWeesgirg0sjyai5NU1Lckg/XnkFd3aCBo28gfL0BH+z1XbZmvElSuTwJ9WBH8qDohHs46C4Bbqz&#10;r4SdN7rhxu989vPG/wAO6/7G2jJtaHF17PDU5FZSdU8UYs6UwpWnVXJVn8muMFAW9ku4zq5AXJU1&#10;r6dCraLRoFYuKBqYPEgV4+nH7f8AKXvv75I5HdME/VXXuJ/0fdV7ekfDJgaJVgnrRBIQ33gjNoof&#10;IpbwKTqYl53lcjQqtLQL+ox1Mc/ZX/D0g3Lc2JMMY0qKqfImmKY4Dyp6fs6mfFVG3ltrvjpxv3Zt&#10;59etncFA35yOLc/bqg/LPLUxMwHJWLi1j79ffplJPQ0P+H/P17aD4ySQ14io9BUFSf5r0TQkD6+z&#10;DohJp0bvdTf6Q/iRsXckZWXL9MbxqdlZU/2xjskI5qaVvqdCSNTQJewuHtyDdAn6M5HkwqPt4/5+&#10;jqdvq7JXHGM6T8hhaD8inQQ/H/fcfXPbuzNyVbAYj+JfwfPo4DI1DXK1JUl1PDrEkvlsfq0Y9vXc&#10;XixkefEfaOkW0ym3nUnAPafz4fsND+XTT3NsWXrHtHeezGDxwYbNyHFO17tRT6amhe/5Y0sseq3A&#10;a4vx7vbSeOgb5Z+3z6ruEIs5mXgK1H2HIp9ladCj3239/wDZnVvetOxlrdyYgbE3/JdmYZ3DRiJZ&#10;5mItryNAElUBjZI+eb+2rIeE7xHyNV+w9Kd3b6mGO5XGoaW8u4V/zN+QHUTdxbs7ovanYMBMu7Oo&#10;KmHrnejx6jLJiZy8m38hI1vSsDrJRlixZm0ngD36M/TSsn4X7l9K+Y61cVv7VJvxxdrnz0+R419P&#10;zLHpZV+9o5odifId6IZmkzdK/UnyAwK/8psi0ywvNKLj1ZnFKkyOdKpW0xYHUvtOIidUPmO+M+n/&#10;ABX+fpa1yKJeUqGHhTinHyrw+z/jI8+hO3PtGHtrZlV1bVZGLK7966oqfLdTbwmkUfxzbdeIxiGk&#10;d2IMdYrxUU1ntT1womI0y10ntqKT6ZxJTDVDD0Ycf2cR8q9LLm2G4xmGo1oA0bVrqQjBr51ppJ9Q&#10;G4EDquGop6ijqJ6SrgmpaqlmanqaaoVkkjkRirxyIwDI6MCGUgEEEEX9nniA8M9AkxFSQ1QRgg8Q&#10;esBYD6/7b3UAt1skL1iLE/4D+ntwLTpstXrj7t1Xr3v3Xuve/de697917r3v3Xuve/de697917r3&#10;v3Xuve/de697o/Dq6ceve2uneve/de6xP9f9h7917rIPoP8AW9+6fHDrv37rfXR+h/1vfuvdYPfu&#10;vde91fh1ZOPXvbPWm49R/ajrXXvfuvde9+691723J05H1wf6f7H23051i9+691737r3Xvfuvde9+&#10;6fHDr3tp+PW+ve6de697917r3vY49bHHrg/0/wBj7cfh0/1i9tde65p9f9h7917rz/X/AGHv3Tqc&#10;OuHv3V+ve/de697917r3tl+PXuscn492j691j9ude697917r3v3Xuo/v3Xuve/de697q/Dqyceve&#10;2enuve/de697917r3v3Xuve/de697o/Dr3WJ/r/sPfk4dOpw64e79X697917r3v3T44de9+63172&#10;wevde96691xf9J9+691h9+691737r3Xvfuvde9+691jk/Hv3Xusfv3Xuve/de697908nDqP791br&#10;3v3Xuve6vw69172z17r3v3Xuve3vL8unxw697Z631737r3XB/p/sffuvdYvfuvde9+691737r3Xv&#10;funxw697Zfj1vrAfqf8AX9ujh1o8Ouve+mOve/dPnh1737pjr3v3Sjr3v3XusKfqHur8OvdZvbPX&#10;uuL/AKT7snHqycesPt7p7r3tl+PXuve69e697917qP7917r3v3Xuve/de66P0P8Are/dPjh1g9+6&#10;312PqP8AX9+691n9+691if6/7D37r3XD37r3XF/0n37r3WH37r3Xvfuvde9+6fHDr3v3W+ve/de6&#10;+xd/LG/7dsfy9f8AxR3qb/3gsB7iTcv9yJf+aj/8ePU77P8A7iQf80Y/+OL0eL2i6Me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RxU4+u/2XrrnbeMo6qty3YncWWy9DQ0iSPJUnHUONxdNHHGos7eetmVLAks7gHh&#10;gMidf6zN5KoH7TXrC/wq2yIKkvIWA+yqn/J0Z/atPivjjVdf9OYSWjyHeHbW5cPQdm5ylIn/AIHi&#10;qytp1bGQNG1kleJyXZTq066glVNGyIpK3VXOFUHT8z/q/wA3r0YwlduKRL3OzDVTyFc/yrT8yacO&#10;ivba6x3J8g+8N40OHk+3x9Zu/I5/c+45rSQ0NHNXzSSVDtdFmlfUREgIMj83VA7qqaYW8YrxoAB6&#10;46LPpWvbhwMKHap9BqP8z5dGsh31RbmrNwfGr47UEL7IwXWeeoJ8hEYjLuDKVVIMc9TJUOArQeSr&#10;IMpKo5JlXRDDBpSGMpSWTiWH5Dj0bpIkuq3iAoI2FfKuB/lyfM/zDrdW79tfFLadb1h1pWUeX7rz&#10;lGKfsrsSkOtcVcAtjMa5UFJYz+bAxsPJIPuNCUziIbxtb4UcB69JpZV21PDjy54n0/1eQ/M/Ms3U&#10;8sk1f2JNNI8s0vVG45ZZZSWZmajJZmY3LMxNyTyT7VTigX/TL0ksSWMpP++n/wAnSt6F+Pua7hr6&#10;jL5GpXbHWm3pDNu3eVcyQxRxxJ5ZYKd5iI2n8Yu7n9unQiSU8oklLi5EOBljwHWrKxNydTYUcT6/&#10;Z/n6M3QfI/A0nbPVHTnSNBBgeo8bv3HYWrqoFcTZmaqq0ppJ5HZhL9qZZQ6lz5ZmUSS+jTCqY2jM&#10;jSP8VK/ZTPRgNxRJVijpprQkcKmox+ZqTxJ+XEu3zOxZxnyK33pVliyMeNykQa/+7MZRrIQT9QZk&#10;f6cD6fj2t29h4Q+VR/Pos3dCJj8wD/LT/k6RfSHRG7e7c81HiVGK21jWEu5d3Vyt9pRxCzMitws1&#10;WyG8cIYE/qkaOINIu7m7EA+fkPPqllt7XR/ojif8g+f+D9lbOuxMlitn/Enc9P0luWraj2tiIcRQ&#10;7ipX1zVEEOVTFZKoinVQAZDBVKJolVbxs8JWPxyeyiIa5h4g4nI+0VH+ToQ3LGO3JiPwrQH004Pl&#10;xAB/Pqk93eR2eRmd3YszMbkk8kknkkn2IwAvDoDsxlNTno5PwTzcWN71iw9RZ4t37SyWB8DjUjtG&#10;seSswN1/zdA4uR9CV/te0G5rWOvoR/m6OtjPhykE8VNB6kEH/BXoTcJ0N1t8c6es7N+QFXR5eqgy&#10;tRHsDrajaOpar8Mh8E06M2mqYroYo1qaBWU1DvJIsSJzcvd0SPGBqb/D9nS5bSHbyZZDWhOgemcc&#10;eLfyHHyqAww/yh3pv75DdZ7q3DXfwbbGM3bBjcdtuhdhR0NJXk0FRK4Gnzz/AG9SxklYaiLqiqgW&#10;MPNZLFEwGTStfsz/AJOkUe6Nc3CVqFrQLXzYFQTwrk/l5fMJfk3tj+6Xe/ZWMWJYYKrcL5+lWMWT&#10;x5NEyACD6BVNSVsOFKlRYD2osn1xKflT9mOkO6R+HO1OBo321FT/ADr1h+NW8hsnvHrvMPOsFHUZ&#10;5MDkZHNkEGRVqF2k/wBojM4kv+CgP49+vY/Eib5Z/Znqu1ziOdR5NVT864H86dMHfG0P7idw9h7X&#10;SJ4aWg3LPUY2J/qKSrIrKQfQA2pqhOQLH3a1fxI1Py/wY6a3OHw7hx6nV/vQ1fyrToZPihJHusds&#10;9J1b3h7R2BO+EiciwzGLD1NCwLcJpV5JGNwD4lDfQFU9/VNMg/C2fsP+r+fRlsgEniQngy1+zyNB&#10;65B/LooM6S08stPLG8U8EjQzRyAhlZSVZSDyGUixB+h9maLqFeg9LIUJXzBINfIjo1/fJPYfVXS3&#10;dsVpsg+Hbq3fU6qwb+JYrU1JNM3IaatpfJISSDpVAOBpRBZn6eR4vKupfsP+ofz6Ot2H1sEVyOJG&#10;hz88+XClQ37R1A+P1t/7U7Q6GqWV6rdmEO9NgxyXJXP4ZDOIoebI2QoleORrE+OKw/oa3p8Nll9D&#10;Rv8ASnr20UnjktifiGpa4GoU/wAy/kD0i/j9unF4be9RtDdTiLZfZ2Ll6+3WJ+FgFYQtHW2bhJaC&#10;uEcgkNjGus6l5Pt68hLJrXivcPy6T7RciOYxOO2QaGBqMnA4fs8qVr5dPnXdKdmdhb36F7FmNDt/&#10;etS+w89O9tFJk6ecnC5iPUdOmCs0EPfSaaeQklT7rO3iosycV7gPl5jp2xT6aaS0m+F+2vz/AAsK&#10;144p86E8OlZsrJ7mxVFk9n1lKp7P6Cq8lV4vEVJcjL7dZpI9zbdeykzQxoz1UAFyYJKpogNKEMTB&#10;XIYfDJSvybyP+Q9L7OSSIGI5kgqQM98eNS8M+RXH8NBjrn31snHb1wkXcuyCa1psZBlN0It/NW0E&#10;rmngzrJaxrKSpjbH5kJ9KyJa3QsVYX97spPDbwnxmg+R9Pz4j9nVN5tBcp9VDmoBag4r6/aODDy4&#10;kChqTD2cdBLr3v3Xuve/de697917r3v3Xuve/de697917r3v3Xuve/de697917r3v3Xuve6Pw6un&#10;Hr3trp3r3v3XusT/AF/2Hv3Xusg+g/1vfunxw679+6310fof9b37r3WD37r3XvdW4dWXj172z15+&#10;PUf2o6r1737r3Xvfuvde9tydOR9cH+n+x9t9OdYvfuvde9+691737r3Xvfunl4de9tPx6t173Tr3&#10;Xvfuvde97HHrY49cH+n+x9uPw6f6xe2uvdc0+v8AsPfuvdef6/7D37p1OHXD37q/Xvfuvde9+691&#10;720/Hr3WOT8e9x9e6x+3Ovde9+691737r3Uf37r3Xvfuvde91fh1ZOPXvbPT3Xvfuvde9+691737&#10;r3Xvfuvde90fh17rE/1/2HvycOnU4dcPd+r9e9+691737p8cOve/db697YPHr3XveuvddN9D/re/&#10;de6we/de697917r3v3Xuve/de6xyfj37r3WP37r3Xvfuvde9+6eTh1H9+6t1737r3XvdX4de697Z&#10;691737r3Xvb3l+XT44de9s9b697917rg/wBP9j7917rF7917r3v3Xuve/de69790+OHXvbT8et9Y&#10;D9T/AK/twcOtHh11730x1737p85HXvfumOve/dKOve/de6wp+oe6vw691m9s9e64v+k+7Jx6snHr&#10;D7e6e697Zfj17r3uvXuve/de6j+/de697917r3v3Xuuj9D/re/dPjh1g9+6312PqP9f37r3Wf37r&#10;3WJ/qD/h7917rh7917ri/wCk+/de6w+/de697917r3v3T44de9+631737r3X2Lv5Y3/btj+Xr/4o&#10;71N/7wWA9xJuX+5Ev/NR/wDjx6nfZ/8AcSD/AJox/wDHF6PF7RdGP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fL&#10;njye1/jx0d1Bv3O0UNd2ouxayk612xXoB9rU5iuqsjWZiqjuWIipammjGrSy28IsZSYZ7obmRlHw&#10;17j60wOsQ2lSwhRmHcF7QeNWoTjyzx9OGK5Kr8cIdx9g/JLZGXrWrM9l33Q+787kKlmLH7YPVy1E&#10;0ij0Dyqqreyl2SMCzAe1dzSOIjgKUHRTt2qe4DtUnuJP5EfkKkD06G/sjcsOz8dT/FX49LU7g3Hn&#10;63wdnbvxgH3WWyMir9zSQyRyFYKddLCpGoRwQqYC9hVPIniTX+rJgDgPQf6uHr0YzyeH/i8OWJ7j&#10;51PH8/U8AMfYtsFS7S+NWx+zNnbZylNXd+UHV0+6d57wpFEkWL8lbjKOlxVI720SBslHMPSS7xrL&#10;Mo1QRxNsTdMGPwaqAevH/N07EqWSsimrhGYmnCgxx+3A/M8c1kSyyzyyTzySTTTSGWaaUlmdmJLM&#10;zEkszE3JPJPJ9mwFOg4SWNT0cb4mdQVW76zeO8N0+TBdV0Wz8ng9x7lndYFZZ4QKiOmlkUrqgptb&#10;yyWKQjTquzKpQ3k2mijLVBp0cbVAe52HaVK5xWpFfyxx/wBmjH338iKXdmLpup+qaAbS6a24wpKK&#10;ipA0UuV8RBWerudfgMoMqxuS8jnz1JabSInbS00HxJMsf5f7PSe/3ESDwosKMVHn8h8v8PQEdUVa&#10;4/tLrWveVYVot/4araZiFCCPI0zlix4AXTe/49qbhqowH8J/wdIbNP1U/wBOv+EdWffIT41S9o96&#10;wbyzmVpNqdX4vYtFW703RVyRQnyU9VXJJSwNJZFk+0SNnml/bhQgtqPjjYmt7nwk0jLE4H7OhHdW&#10;X1MgdjRQufU0JP5DPHoo3eXyOxVVg16c6Kom2j1PiozQ1lbSBoarNEAxyvK1/KKSf6t5P3qj9c5U&#10;HwqYW1ma+JJljmnp/q/l0T7hugp4MGFGCR5/IfL1PE/ZxHH47kbs+N3Y+ypmaSWXqjIxYmFiGIkp&#10;8juOpLqhI9KVFfTkf1bVcr6CUl2fDmDf0h/gX/N0bbfEZLQJ/Err+1mHVc20dobk33uDH7W2niar&#10;NZzJyeOloqUfQDl5JHNkihjX1PI5VEUEsQPZzJIIhqbh0F4IWnbQgqf5Aep9B/q49WZ9X7S6i+LO&#10;5tmYXdFdBvPvfeeQpcU0WO0vFg4K4+ORo9ZAgDRyaPI/+UVINoo4oHk9ks8sl4CQKIP5/wCf/J0J&#10;LWCKyZUJBd/P/VwHlXiT+wFJ+aEGXpvkJvGPJ19ZX0709BU4U1bMwhpJaKCTwQqSVjiiqGlAC8E3&#10;Y+pm9r9uIMQp6mv216Jd51eNnhpGkeg4H+YJ6KukzwSRyxO0c0TiSN0NirKbqQfwQRf2uIr0UCTw&#10;zUcRkfb0dP5oxJuGt6e7ZpYlWm7J6xpKiqkiFlaspgs0wbk2dIq6KMj8CMD6hvZbtx0aoz+Fv9j/&#10;ACdHW+r4nhyrWjLQfZhh+3V5+nRJopZIZI5onaOWJxLFIhsVZTdWB/BBFx7MiK9EkYKEMOINR8iO&#10;jkfMJYtzS9QdyUiIYOzut6Z8i0VtIyVCEFWjWFlaJaqOK30vE1uAfZftw064z+Fv8P8AxXR7vxBE&#10;cwBoy0p6fiFfn3fy6Lb1XvWbrzsfZe9Y3kWPb24aeurVivqel1iOsiFrn96keRPz+r6H2YXEIkjZ&#10;fUY+3iP59EdjdmCdJDwBzitFODj7CehE+U2y4tkd4b0pKJYf4PuCrXeODkpyDE9Pk1+5PisSvjjq&#10;WljW3psg08WHtNYzmSIeo7T+X+x0s3q1EFwx8mo4/Pj/AMaB6WHx+Zd/9c90dGzkS1+WwI7G2JE4&#10;uRl8PpaeGEX/AM9X0wSMkfSON/8AW9s3Y8J0l8q6T9h/1HpVtJF1FLbeZGpftwMn7Qv8+i1bL3Zk&#10;tkbu25vDFPpyG28xBl6Zb2D+GQM0TW+scyAo4/KsR+fZjNEJEKnzHRJaXDW8qyD8J/aOBH5io6Fr&#10;5KbVxuA7Km3HtoD+5/ZeMp+yNqTR2CiHJgzTwgKSqNBWeVfGP82mgWH09pLOYumk8V7T+XRnvFqI&#10;ZvEXKyDWCOFTx/nn8x08dxsexevNgd6Up82ZMadadmyBgZDl8dAP4fXy2JYnI4xF1MQoDxaBcm5p&#10;bDwpGiPD4l+w8R/q+fTu5H6qFLpePwSU8mHA4H+oFR1O3NufMZjD9ffJjbUyR7z2rk6XZnZAtq15&#10;KjhtjslUJe8kGaxieCovZGkikj51n35Iwpa3bgw1L9h8vyOerz3DSJHfR/Gh0SDyqMV4DiDQ+gIA&#10;4dCntHN0u3dzYmm2pHSvsjtSKo3j1LR5fS9HT5WpQUme2XXhiYvs8kVNBJr9CSrjayw0l/aaVNan&#10;V8SdrfMfhb8v5ivRpbTCJwF/s5avFU0Af8UZpXj+wNwDEdFn7m65oNo5Kh3LtL7io693iJK3br1A&#10;cTUEySMlXhq1XJeOsx0ytEQxbWqGzu6S6TGzuDKNLfEOPzHkfz/1ceg7u23i1YSR18Nyaf0WBNVP&#10;oRTgc8Qcg9Ap7WdFHXvfuvde9+691737r3Xvfuvde9+691737r3Xvfuvde9+691737r3XvdH4dXT&#10;j1721071737r3WJ/r/sPfuvdZB9B/re/dPjh13791vro/Q/63v3XusHv3Xuve9Hh1sceve2Otvx6&#10;j+1HVeve/de697917r3tuTpyPri/6f8AW9t9OdYffuvde9+691737r3Xvfunk4de9tPx6t173Tr3&#10;Xvfuvde97HHrY49cH+n+x9uPw6f6xe2uvdc0+v8AsPfuvdef6/7D37p1OHXD37q/Xvfuvde9+691&#10;720/Hr3WOT8e9x9e6x+3Ovde9+691737r3Uf37r3Xvfuvde91fh1ZOPXvbPT3Xvfuvde9+691737&#10;r3Xvfuvde90fh17rE/1/2HvycOnU4dcPd+r9e9+691737p8cOve/db697YPHr3XveuvddH6H/W9+&#10;691g9+691737r3Xvfuvde9+691jk/Hv3Xusfv3Xuve/de697908nDqP791br3v3Xuve6vw69172z&#10;17r3v3Xuve3vL8unxw697Z631737r3XB/p/sffuvdYvfuvde9+691737r3Xvfunxw697afj1vrAf&#10;qf8AX9uDh1o8Ouve+mOve/dPeX5de9+6Z69790o697917rCn6h7q/Dr3Wb2z17ri/wCk+7Jx6snH&#10;rD7e6e697Zfj17r3uvXuve/de6j+/de697917r3v3Xuuj9D/AK3v3T44dYPfut9dj6j/AF/fuvdZ&#10;/fuvdY5Px7917rH7917ri/6T7917rD7917r3v3Xuve/dPjh1737rfXvfuvdfYu/ljf8Abtj+Xr/4&#10;o71N/wC8FgPcSbl/uRL/AM1H/wCPHqd9n/3Eg/5ox/8AHF6PF7RdGP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f&#10;Ji+UVTuntT5FHb+PoJsluB8Rg9u47DURZglRNjaatqKeLyNaOOKrrJtRYqq2Z3IGpveQdpSKLUeF&#10;Sa/nT/J1hruSm4uNCipAAH/Hv8B/l0a7r3Gbf6BM/SeyoF3V3juXYuX3Dv3P40M7UMtNh62pxuMp&#10;PE4lWX7wwBEHqcMZnCtNAsSOVjcd7YUEAD889GttGlofCXLU1Mfspx/bgfn9oL5Wtwfw52pU4XDV&#10;9BuH5Jbyx6ruHMR2ng23RTL5PDCWuGq5CVZdQvIbTyAQrBHM+oN6anCDgPX/AFf7A9ekLsu2LQd0&#10;jcT6f7H+E5Pp0W/rionr9t/ITN5Ovmqa2frBPu6utcvJNNVbq26zSSSuxZ5XkT6kkszfW/1VSihQ&#10;Afi/wA9I7U6lldjnQRnzLf8AFdLX4+/Hl+xRVb+3/UvtLpzbKNX5vcNcTT/fLAT5KejkYD9sFSs0&#10;630H9uO8xslbm48LtXLHyGaf7Py69Y2Xj974QZzjVT/APU/kPMgVN0/IRey6zeew9h0I2v0/tLqX&#10;cFNt7A0qeH7sw0LJHV1MY/SoBJhhN9AJeS8rHSytt4Glmyxda/LPS4Xv1XiIgogiemOJFBX5CnAf&#10;t9BX4SB9fZkSW6D2E6Od8dvjzHlKel7k7YyA2X1dt+qiyVBJXsYJ8vKjhoFpww1ileYKoZQZKliI&#10;aZSzF40F1cU7Eyx408v9n/B0cbdZlqTPhQQVrgnIofkK8PX7OJgf5hudz8O2uraHGZOuotqbiOQm&#10;y2HiJiSaWnXHSUf3Kq15BEs0hWM+lHGo3YKVZ2tVLMTxFKH9tent9LhFANFJIb58Kflx+X8uqqCQ&#10;Pr7O+gyAF6s6+CAyFQmNkhx8tbh3/vdgc9II7wQBk2ZV0TVDtdS1UzVUaR/VlR2CkI5BLuQAJ9e0&#10;j/jQP+AdCbaJmeMAYVS4r86oR/hbpN747R65+K2FyvVnRMMGb7Kn10O9+yK9EkelmRij08fBWSog&#10;YMFgU/b0zAGTzzmUC8cD3p1yYXyH+r/D59M3F1Hti+HCBqPHzp82PmfQcB5+hI9tDctcvZ20925e&#10;unyORj3xj89X1+RfyyTSpXQzvJM8ofWWK3YuGB/II49mMiARlRw0kfy6JbeUyXCM5qTItT/th0bX&#10;540ElbnOpewPGif3x68SnqHi+jT0ki1L3I9NwmSReD9FA+gHtDtbYZfQ1/b/AMV0Y8xJpKMPPUPy&#10;BBH/AB49EG9mnQdCV6O7uG2+/hBs/MAeXI9QdiT7frJR6itFXMzKH/Keuuo0U3C2S1iTwWxjw7kj&#10;+IV/y/5D0JJm8awDV/syK/kdIH7GHRHS5P04Hs3CAdBVpS3Do6NN/wAZD+FNbTAmfMdH9iLWIv8A&#10;bXFZQkEA/lGqq6RiPqBTjkKLeytm8C6qODr/AD/1D+fQjVfrNuoa1ib9tM/sCuf2dEqJA+vsxoW6&#10;DtQvRwe5C3Yvx16O7Vj1T5TaCz9Qbvn4LD7UGXFlyLEj7ZGZnty9QAx1H1F9qPAneM8D3D/V+f8A&#10;Lo/3Im8tIpvNe1vX+Gp/Nf8AjXRfOpN9T9adlbN3vC0gTA5uKeuSMkF6SS8FbENPJ8tJLIv5+v0P&#10;09rLpBOhT1/wjPRVt030syueAND9hwf2A1+3pV/I/Y9P1/3BuzF4/S2Ay9Su69sTRcxyY/Jr91D4&#10;jYXjhZ3hB/rEeT9SzZOZ4wfTB/LpVvMH0tw3o3eOH4uPD51/Lpa0bDtP4x5DHEefdvx/zv8AGKK/&#10;Mku2sxJpqY14Lv8AY16iVjq0xQ2AHI90I+mnB8pBT/bD/V/PpQp/eFkR+KE1+eg18z8q4/oj5dMP&#10;x2ydFmsjujpbP1MdPgO5MUuDoaib9NLn6ZjPgqocEi9X+wwWxcTAFgB7cvlKgSrxQ/tU8f8AV9vT&#10;GzSq5e2f4ZRQfJxwOTT/ADkL039QZSDam8tz9WdgpJjNsb/hk683nDUixx1dHPagyTKbDy4nJIrk&#10;k2EZl+t/e7pfFQSJxXuHzHmP9Xp1rbG+nla3l+GT9Nh6NkA8D54B4Zr5dP8As/BZU1e9PjVu8fw/&#10;ckWclyHX9RJIFWk3RRKY1p45bcU2fpkEAdTZphRyL/X23K4otwuRSjj1U/5j0otI2BexkNGB1RNW&#10;lHGRTGAwz8s0FT0L23ty4rsfalfR731RYvdGVh2x2ZTzaUkwm7iggxm6EDiNKSHPpTCGsclETIQM&#10;07fbzvFKkkjMDApxHch/iTiR86f4Py6NoJ1voys1aMRHKPNJRhW4YDUpwoGoKGrHomG+NmZjYG5s&#10;ntfORFavHzERzhXVJ4iT454w4VwrgcqwDxuHilVJUdFOIZhOoYf8UfToJXtm1jIY28uB8mHkR/qw&#10;ajy6SXt3pJ1737r3Xvfuvde9+691737r3Xvfuvde9+691737r3Xvfuvde90fh1dOPXvbXTvXvfuv&#10;dYn+v+w9+691kH0H+t790+OHXfv3W+uj9D/re/de6we/de6970eHWxx697Y62/HqP7UdV697917r&#10;3v3Xuve25OnI+uL/AKT7b6c6w+/de697917r3v3Xuve/dPJw697afj1br3unXuve/de6972OPWxx&#10;64v+k+3X4dP9YfbPXuuafX/Ye/de68/1B/w9+6dTrh791fr3v3Xuve/de697afj17rHJ+Pe4+vdY&#10;/bnXuve/de697917qP7917r3v3Xuve6vw6snHr3tnp7r3v3Xuve/de697917r3v3Xuve6Pw691if&#10;6/7D35OHTqcOuHu/V+ve/de69790+OHXvfut9e9sHj17r3vXXuuj9D/re/de6we/de697917r3v3&#10;Xuve/de6xyfj37r3WP37r3Xvfuvde9+6eTh1HPHHv3Vuve/de697q/Dr3XvbPXuve/de697e8vy6&#10;fHDr3tnrfXvfuvdcH+n+x9+691i9+691737r3Xvfuvde9+6fXh1720/HrfWA/U/6/twcOtHh1173&#10;0x1737p7y/Lr3v3TPXvfulHXvfuvdYU/UPdX4de6ze2evdcX/Sfdk49WTj1h9vdPde9svx69173X&#10;r3XvfuvdR/fuvde9+691737r3Xvfunxw6j+/db67H1H+v7917rP7917rHJ+PfuvdY/fuvddN+k/6&#10;3v3XusHv3Xuve/de69790+OHXvfut9e9+6919i7+WN/27Y/l6/8AijvU3/vBYD3Em5f7kS/81H/4&#10;8ep32f8A3Eg/5ox/8cXo8XtF0Y9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8w/s7IYn457m3zvaggg3Z8ie5NxV&#10;kGwsbDGan+D4maoenpJ1h0EvUTxpGNJUtLNpp0UwxVBkniJTcgLwRePzPWJM8i2hLqNUj0Cj5AAf&#10;sxn1OPmGPZm36X467Y7D3duDNx7h+TOX61r99V6VZWrbCUss1NAhqGkLCWsnr62AzFyfLpdYw0Mb&#10;vPuR/qSoAomoD0r/AKh03DGLNWZjWQozGucD/JX9vlw6q+yuWr8zka7L5WsqMjlMnVyV+Qrqpi8k&#10;00rF5JHY8szsST7OUjoKcB0GZZi5LE1J49HZ+KnUlDnNodo7z7Tdtu9PVu36TG1+aqpDT/dGgzWN&#10;y0sdO2ku8BbHCnkdPWzyiKDVMDoL72bSyqnxCv8AMU/b0cbZba43Mg7G08cVCkn9nQZfIf5D1Pa9&#10;TR7S2lRHavUe1StLtfa9KqwiYQjxx1dXHH6A4TiKIXSBCQC0jPI17W28HuOWPn6dMX999R2JhB+V&#10;af5PQfmfKgbdQmeXK71paZY3ao6m3S0pc2tHT4Wrq3Kn/Vaafj+v0+vt6dcLX+Nf8PTFlMF8QD/f&#10;T/4B0Y/pr4/7W2ZtaHvn5Hu2I2ZS+Kr2psudQarLzPd6cz0xs7xTBdUVN6TMoM05jpVbyp57oufD&#10;h4nif9X+HpTZWCxDxrg8MhT5faPX5ft9OgT7z+Q27O587TyyD+7uzsFKv91Nn0DWp6VYrrFNKFCp&#10;NV6OC+kKi+iJVW+pVbWiwD1J4npLe7i9y1RhQaqPmPM/P+Q/aSdn5rqu5OidtbshmWq/hXcGXxkc&#10;y3saZ67OUwIPHANHEv05/BFrEt246ZKeq/5j0c72C0FR5MpP7Cv+E9E16D+Nu4u5J5s/lKn+6fWm&#10;GYy57eOQ0xoyReqaGiaW0ckqICXlb9mAcyktpjcxurwW+BljwH+foisNta87mqF9fNvs/wA/+HPR&#10;4dm97bC29mOv+ueisdT43rmh7WxuxtwZeeMGXLy5alr1WeJ5laZlaqp0LVEmiaQoiRhYAASuSB2q&#10;0nxaSw+VCP8AJ5dH8VxEoVY6aQ/h/LKMRTOc0FTxzx49EB+U+DfbfyB7RoDHo+73I2eQ2ABGTiiy&#10;OoW4NzVG5+uq9/Vf2bWTaol+yn7DToM7uPCnYAUrQ/tUVP7a/n0X9JHjdJEd0kjYOkiEgqQbggjk&#10;EH6W+ntURXosUmtRxHA+h6ss+S6Rb2+NmC3XDG/3Wx+38tiZQ4f9qgyFXXTUqhpAHIFNJjwL/W/1&#10;Nh7JbE6Jaeq/zFP8x6Gm9xl4Cxp2vU/ZUqP8I6rML/0/2/s+CevQIeb0/b0eD4qMN59ZfJHqCTXN&#10;U5vYg3hgaZbH/KcdrUkIeWL1L0QuORp/qRYs3H9J45PQ0P2cf8/Qh2Im5imgJHcKrXjVgVJ/Ki9E&#10;b+nJ9mJJboOABejk/DStgz24uyOnq+VUx3bfXVdiIPLyq19LFJJTTFf6wU81S4IBYMqkf1BduKFF&#10;WTzVh/q/l0INglEjSQtwdM5pwwQPtDfy6JvWUlRQVdVQ1cbQ1VFUvSVML/VJI2KOp/xVgR7MxICA&#10;R556DzwtGxVsEEg/aDTo3nxwA391v3r0hOVlqsztYdg7Np2vq/imIZGeOG3+7KtRAjW9XjR+GXUP&#10;ZXenw3SX0Ok/Yf8AUehHs4FzDLbeZGpeIzgVJHkCF6JqX/A/2/s1CevQaL+nRtuxT/pM+NnV/YqH&#10;7jcHVeQk6l3bIWDSNQsPuMNO9wGEUMZEINzeSRv8dJdB/i87J5N3D7f9Vf2dCC9/x6yjm4tGdD/Z&#10;gVJOSfhP+2PQd/HPfNFsftHE/wAdcf3P3hTTbD3tBIxWN8ZlV+2laW1/26eRo524JtGQPr7UX8Pi&#10;xmnFe4fl0i2W6+nnAPwv2Efbw/nSvyr0i+w9oZfqnsfce05ZqmnyO0dwPFQV63SRo43E1FVoQFKm&#10;aAxzKRa2ofT27BILmMN6jI/kek13C23zlQTVWqp86cVP28Pz6Ff5A0lNu+i2P3ziIYYqXs3GGi3h&#10;T0+kCm3NjQtPkgyJYRLXII6qMWBYO7kc8prFvCLQnipqPmpz/l/n0Y7wguFS7QYkADD0cY8/sI4f&#10;hr59d7+qKjsbrraPdeMmmTeOx3o9gdmzwMVn81On+/ezhdTrvV00X20knBFRTLb9YJ1CBBI0J+Fq&#10;sv58R1a8c3sKXa4eMhZCONQRpby8z+00HDpR5HdGPkmwneBxwr9o9kRSbB772tQ+lRkiiPWTxpq0&#10;xSZGNY8pQsfTHXRSAEiIj20IzmH8S90Z+Xp/kP8AsdKWuB23QFUkHhzqOAalCeJ8sjz+dW6Vu7dr&#10;DsfbtRs7I5OkyG/Ni4+nyOzd1E6Vz2Aqwv8ADK8yNwIKqN4aeq1NamrTTzPoE2VnDEUv0zawO1sM&#10;P4WHEfl5fLHEDpfc2w3KMwsayINUbVrrQ8D9h4MRwYV4HJG54J6WeamqYZaepp5WgqKedSjxuhKu&#10;jowDK6sCCCAQRY8+zwGuR0CGUoSCKEYIPEHrF731rr3v3Xuve/de697917r3v3Xuve/de697917r&#10;3v3Xuve6Pw6unHr3trp3r3v3XusT/X/Ye/de6yD6D/W9+6fHDrv37rfXR+h/1vfuvdYPfuvde96P&#10;DrY49e9sdbfj1H9qOq9e9+691737r3XvbcnTkfXF/wBJ9t9OdYffuvde9+691737r3Xvfunk4de9&#10;tPx6t173Tr3Xvfuvde97HWx1xf8ASfbr8On+sPtnr3XNPr/sPfuvddyfj37pyPrH79051737r3Xv&#10;fuvde9tPx691jk/HvcfXusftzr3Xvfuvde9+691H9+691737r3XvdX4dWTj172z091737r3Xvfuv&#10;de9+691737r3XvdH4de6xP8AUH35OnE64e79Ode9+691737p8cOve/db697YPHr3XveuvddH6H/W&#10;9+691g9+691737r3Xvfuvde9+691jk/Hv3Xusfv3Xuve/de697908nDrAfqf9f37q3XXv3Xuve9N&#10;w69172x17r3v3Xuve3xw6fHDr3tjrfXvfuvdcH+n+x9+691i9+691737r3Xvfuvde9+6eTh1720/&#10;Hq3WA/U/6/twcOtHrr3vpjr3v3T3l+XXvfumeve/dPjPXvfut9YU/UPdX4de6ze2evdcX/Sfdk49&#10;WTj1h9vdPde9tPx69173Tr3XvfuvdR/fuvde9+691737r3Xvfun14dR/fut9dj6j/X9+691n9+69&#10;1jk/Hv3Xusfv3Xuuj9D/AK3v3XusHv3Xuve/de69790+OHXvfut9e9+6919i7+WN/wBu2P5ev/ij&#10;vU3/ALwWA9xJuX+5Ev8AzUf/AI8ep32f/cSD/mjH/wAcXo8XtF0Y9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8t&#10;TLZUdCJle+u3FXcHyN7KNTV9fbOyHrXBUcg8UVTWQhz9uaeEiJYwxKoopYiHFTJFPqKbmkaYRfiP&#10;r/q/2esQZZFsqzSZdq6R6D0/LzP5A5qStbO3Hm9zba+Te+Nx19Tlc3k9gUUGRyczfvPJX7owUduN&#10;KrDpjClFsqxqqKukABbJGEaNRwqT+wV6LYJzIk0j5JULXz7qj9nD8h0qugfjpR7txFZ252zkP7o9&#10;M7avV1VbVao5csYn0tT0pFpBTmT9tpUDSSSH7emVpizQ0urzSdCZY/y69Y7drHiS4UZp6/7H+Hpa&#10;dmfIOp7a6+7a2/tzFw7T6w2lhsJjto7Yo0WMmEZyjCz1axkp5GEKaIl/bgUaVLuZJZGIbbwnSuSd&#10;VT+XSy5vVuIZaDC6APXLfyGMdENUSSuscas7yMESNASWJNgAByST9B7NgoXPQYLtKaDz4AefVnfx&#10;96OoeiMPU90dvukW6H2dmcptLrTWoqpKSmxFXWZD7yGRbGolx8Mi+Jv2oA4E7ed1ijJ7q5+qIjTh&#10;UZ+dafs6E23WH0CmaTjpJoPIDPyqcdEZ7k7q3l3VuiTcW66vRTwF4cFgKQkUlBTlriOJT+qRuPJM&#10;w1ykC9lVEUyt7ZbcUHHzPmeiW9vmumqcAcFHAf7Pqf8AJjoICxP+t/T2o6QFq9XgY3aG2txdE7lX&#10;ummqMFsSl3md/F1fQJqG1JkC6GEPUpDVVU08RVbVDAsI2UshAZVyjjRxpT8+HUgXCpKrLJ8PE58g&#10;dXl9meq6e/vk7kOy6ePYmxaFtj9Q4dUpMVtehCQPVxwn9qSuWA+NYwQGSmUtGjAMxkkAcHFrZiHu&#10;bLevp/q9egpuW7+P+nHhBj0J8vyHoP2+gDHYOcmw2ydz18Ory7f7F2hvWMRhb3xxzsCn1+kjVkAN&#10;P1LFT+lW9uTjUwHqrj9tP83TG3kCN5Gr+nJC9B8mYH+R6MB8/sPBTdx4XcdGyy0e7tiUWRWoQGzy&#10;QzVNNcH6MPt44SD/AI2twCU+1tVCPQ/4elvMEX6qseBWn5gkn/jw6IuXA/xPs0CV6DrShcdWZ7MZ&#10;N9fHj5EbEjKSGh2DtXs6giHju0421i6iuMWgsRauwTpp4IL8gGQ3JX/RlRh/Eyn8nP8AkboYAm8t&#10;5VYVJjRwPLuiUin+3Q4/z9VjezsvXh0CQlOPRnPh3u4bT+QmxWeTTSbinn2nWLe2r7+F46db/n/L&#10;RAbfm1uDYhDuEWuIn0of8n+A9HGx3HhXAH8QZT+zV/hUDoI+4NptsXtLf+0tJSDB7rrKWhBGm9KZ&#10;mkpG0/RddK8bWHAvwSOfaq2kDxq3qB+0YP8APpDuUJiuHX+kSKcAG7h/Ijrh1HvJuvuzti7z1FYM&#10;BuWlrK8KSC1IZBHWICL2L0ryLextfkEcGt0PGRl9R/PiOrbdJ9NMjmmDQk8AD2n+RPQk/LfaC7L7&#10;63zBToox+4qxN5YyRLaXjya/cTFbcaVrDMgtxZb/AOHtnbm8WIfLH7P9jpVvsX09w39IBh+eDX51&#10;B6RHQm/P9G3cGwt3zTyQUFBno6XMuhH/AABqwaSsJBsrBaeZ3ANhqUG4IBD95D4sTKPSo+0Z6TbV&#10;c/T3CMeBOk5oKNjPyFa/l1M+RWw/9G/dG/trxQCnx8ecfK4WNf0iirgKylRDYXEUUwjP9GQj6j3q&#10;xl8aJT5gUP2jHVt5t/p7hx5MdQ/22T+QNR+XQkfFWrpdy1vYfRuXnSPGdw7NnocUZ3CxxZvHK9bi&#10;5rN6bqyPwPU7iNeeB7Y3FSmmUcUP8j/q/n0s2F1m8S2fhIuPkR6D1oa1/ojoqtZSVOPq6qgrYXp6&#10;yiqXpKunk/VHLGxSRG/xVlIP+I9mKsGFRwOeiKRDExVsEEgj0IwejS9zgdldTdWd3wHz5qipv9E/&#10;ZUii7nIY2PXjayYgnVJXY83diFAYIgvwAXWn+LyPF5HuX7D/AKv5Ho93P/HbeO5GSP05PWo8zTAz&#10;U/7YdNvQssO+9v796CyMsSvvai/vT19LUtZYNy4qNpYY47kIhylEJKZ2NyQEVQWIHvd6PBZZh+HD&#10;f6U9V2gi6SS0b8Y1IfRxT5H0FfkD69I/pPdmN2tu3I7W3mJYdj9g4yXYe+IZRpamjqHH2+Q0uPRP&#10;ia5I6gG2oKkiCxY+3buPxVDrxXuU+v8AxfTG1XAtpTFKOyTscHFDwr5UpUj5VJ6UO1KX/Rp2Bvbp&#10;Ps2SOi2xumX+5256wgNHR1CP5cNuCAsCdFJM6Thv7dHNMtjrHtuU+OizR/EvcPn6jp61AspntZvg&#10;fsJxg8VbzpxB+Vanh0qNqvufGVFd1rXwRp2r05XV9bsimqgJIspjf3Gz22JVtqq6WtpWlq6SMemR&#10;Xq4k5qk9tShW/U/A4o39FvJvyOD0stWkjJgP9rCSY6nDpgsmeNRlfP7AOmPtjbON3hh6TtHaQkmj&#10;rsea7I08jeSeWCFo4ql52ABkymGmlSnryQHqaZ6LLFT9zVvHa0lMDeE3rj5H/MeI+dR6dV3W2W9Q&#10;XUXoCw4kqMEnzqpw3EUoa8eizezPoMde9+691737r3Xvfuvde9+691737r3Xvfuvde9+69173R+H&#10;V049e9tdO9e9+691if6/7D37r3WRfoP9b37p9eHXfv3W+uj9D/re/de6we/de6970eHWxx697Y62&#10;/HqP7UdV697917r3v3Xuve6P1dOuL/pPtrp3rD7917r3v3Xuve/de697908nDr3tp+PVuve6de69&#10;7917r3v3XuuL/pPt5+HSjrD7Z691zT9X+uPfuvddyfj37pyPrH79051737r3Xvfuvde9tPx691jk&#10;/HvcfXusftzr3Xvfuvde9+691gP1P+v7917rr37r3XvdW4dWXj172z091737r3Xvfuvde9+69173&#10;7r3XvdH4de6xyfj3qPpyPrH7c6c697917r3v3Ty8Ove/dW697YPHr3XveuvddH6H/W9+691g9+69&#10;1737r3Xvfuvde9+691wf6f7H37r3WL37r3Xvfuvde9+6eTh1gP1P+v791brr37r3Xvejw69172x1&#10;7r3v3Xuve3xw6fHDr3tjrfXvfuvdcX/SffuvdYffuvde9+691737r3Xvfunk4de9tPx6t1gP1P8A&#10;r+3Bw6911730n6979095fl1737pnr3v3T44de9+631gX9Q/1/em4de6z+2OvdcX/AEn3ZOPVk49Y&#10;fb3T3XvbT8evde90691737r3WA/U/wCv7917rr37r3Xvfuvde9+6eTh1H9+6t12OCD/j7917rP79&#10;17rHJ+PfuvdY/fuvddH6H/W9+691g9+691737r3Xvfunl4de9+6t1737r3X2Lv5Y3/btj+Xr/wCK&#10;O9Tf+8FgPcSbl/uRL/zUf/jx6nfZ/wDcSD/mjH/xxejxe0XRj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xy98b&#10;33J2LujLbw3ZkZMlm8zUmeoma4SNfpHBAhJEVPAlkjQcKoA5NyckkVYF0r5dYPzSvdNrf/YA9B8v&#10;9XHo6PxU6swOQ6z7S3v2474DqWqfFCpydRIYPv0xVa9bUUsZX956eSqSnibxjXNJ+zTnzqTGXXkx&#10;LqF+LP5VFOjvbIAsTmT4TpOfRan9n+z0CnyI+RWS7jyVJgsDSHa/Vm1yKXaO0qVViTREvijqqqOL&#10;9rz+L0xxreOmjPjjuTJJIptLMQCrZY8fl0V7juZuTpTCD+f+ry6TPXGLnyfVXdsVDS1NdlJ22vja&#10;CkpFaSSV6nNECKONAWkkkkjQKACSeAOfdp2CyR1/p/4OvWUZkt5gMk+FT1PeejWbN2BsX4gbZx/a&#10;nclPT5/uPJQyTbA66ikjkWicCyVM5XWomjYjyVB1JBfTAslQAwSSStftojwo4n1/1eQ/1Azht49o&#10;TxJcueA/yD/n5uArQf0i97W7M3b3D3Rktz74yByNZX9b7zokpY7pT09L/c7P6aWmiDEQwLqJsCWZ&#10;i0js0jMxUyQrbxUX1U1866h0X29219cDXwIYU8qFTjor0UUk0kcMMbzTTOIooogWZmY2VVUXLMxN&#10;gByT7XE06JlUsaDJOAB59WDdb9C7I6N2xS90/JoRRzkefZvVU6LJU1U4VXj+7pnP70wLAtTOBFAL&#10;NWNyYlKprlrlvDi/Nv8AV5f4ehBbWSWC+NORXyHGh/yt6eQ4/MGcg7Dynd21fkptzJQfZ0EnS+3d&#10;07NwZ8Z+2TObTfLMokAjNQ0GSYBpCq8BFBUABUZjFuyN/SIP+1an+DoySY3qugFKqNJI/DKmPPJB&#10;r8sfb1Sl7EPQHCV49CXshFqdo9w0rMuuDY9FmadCNRd4Ny4KBgguLMtPVyuWFyERxazMQxKO5D/S&#10;I/ap/wA3RjbPSKZAPwK35K6/5+jX/Kcjdvx7+LvYsS63i2421MrUq19VQKOlUqb88T42pI/pdgSe&#10;D7S7f+nNInzJH5H/AGejHeyZ7aGWuTSoHDvSp/471X77Ni/p0FQnr1Y98RcvSL2NsbA5K89F2d0L&#10;ktu1cHrsZsdm8sipqdQrMuMx7EhdQVZByLEAjvU7WI8nr/vSj/L0NNruTqjBwDAAPmY5GXH5GpHV&#10;em48PV7c3Bndu1wKVuAzNVhaxfpaWlnkgkB/1nQ+zqIhlDeoB/b0ELlDFI0fHSzL9tCR1HwmWq8B&#10;mcRnaBzHXYXJ0+WopAbaZqaVJozccizoD71KQ6lfUEftHXrdjA6v/CwYD7DXo33znxNGe0sB2Dig&#10;WxHaOw8buemmtbVIkQpiOLgkUkdMxP8Atf8AsSXbYSyFT+E0/I/6j0fcxRCORXFKMtMeZX/YI6JQ&#10;WJ/1v6ezULToNlq9HY+Q/wDxkDoj479yxjy1tLhJeq91VH1P3OOL/ZlyRqDzfb1UxubfuArYHkss&#10;v0ZZIv8AbD7P9RHQk3c/V20NxxPwsaZJIz+QKn9vRJfZr0Gejl/IUr2F050H3VTr5a4YF+q96TLz&#10;prsUXNG0rW/ztXGtRN6jfQUtcfQrsv0JHi+eofZ/qI6Em7/43bxXPnTSx8yf8wIb9vRU9qbjyOz9&#10;zbf3XiJDFk9uZimzVEwJAMlNKsqq1vqj6dLD6FSQQQSPZjLGJVKnzFOiK2nNtIsg/CQeNK04j8+B&#10;6H75Ybcx1F2ZDvrbsdtp9vbfpOycFIliA9dGDWxMQAomWrDyOg5QSqDz7RbdIWTQ3FCQf9X+rh0a&#10;79AElEq/DIoYHyJ8/wCVD+fUn401VNuxd/8AQ+Xmijoe2dut/dqWqKhKbcWMV6vFTBmH7YmKvE+k&#10;qZLpGb8W1fr4emYfhOfmp/1fz6vsricSWrcJFJWuQGA9P5/7UdF1xuQzWzdyUOUo2mxe4dr5qOtp&#10;y4s8FXRzh11Kf7Uc0diD/Qg+1rKJlpxDD+R6J0Z7OQHgyNwPqp4Gn7D0N3yLwuNrM7t/tvbVOsW1&#10;e5cOd2JFCP26TMK/izuOv/q6evvIf9pmW1wL+0li5AMTcUNPtHkf9Xy6M95iVmW4j+GUavLDeYx5&#10;+v8AS1enUnel+1uosF2XERLu7rBaTrzsNFF5KjGsGXAZiQ/kgK1DM7XZ3SEkge9Q/wCKymP8L9y/&#10;I+Y/1f5er3Z/eNus/wCOOiSepX8Lcfn6ZNfIdcq7L5PeuxNvdr4Osqqfszpqagwm7K6mZvuJsbE6&#10;rt/N6r3aWjdBQ1D8my0rufWfegohcxH4JKkfI+Y/zdONK13CtwhPiw0D8alfJvn519ck4A6W9BuP&#10;Fw1OM3pjpaDAbC7VyhXLsyCSm2nvSCF0nd6cBr4auhqWaWAqUqMTV1FNpkko1sw0RIKGpZBjy1x1&#10;/wAI8vQ9LorpVImWgjlOa58Kehz9jDjkVBNaDBAftDY7bZyUmSoqF8fiqzITUFZiC5lbEZKIB6nF&#10;ySXYywqriWinJYVVG8cgZpUnWNdaz+KKHiOB/iHr/n9D0S7pY/TNqUUUkgj+B+JWtBjzXhVegr9q&#10;uirr3v3Xuve/de697917r3v3Xuve/de697917r3uj8Orpx697a6d697917rE/wBf9h7917rmn6R7&#10;908nDrl791bro/Q/63v3XusHv3Xuve9Hh1sceve2Otvx6jnjj2oGeq9e9+691737r3XvdH4dXTj1&#10;xf8ASfbXTvWH37r3Xvfuvde9+691737p5OHXvbcnVuve2+vde9+691737r3XF/0n28/DpR1h9s9e&#10;65J+oe/de65Sfj37pyPrH79051737r3Xvfuvde9tPx691wf6D/X9+Tr3WL2717r3v3Xuve/de6wH&#10;6n/X9+69117917r3vR4dbHHr3tjp/r3v3Xuve/de697917r3v3Xuve6Pw691jk/HvUfTkfWP2505&#10;1737r3Xvfunk4de9+6t172wePXuve9de66P0P+t7917rB7917r3v3Xuve/de697917rg/wBP9j79&#10;17rF7917r3v3Xuve/dOpw6wH6n/X9+6v117917r3vR4de697Y691737r3Xvby8Onl4de9s9W6979&#10;17ri/wCk+/de6w+/de697917r3v3Xuve/dPJw697afj1brA31P8Ar+3F4de66976T9e9+6e8vy69&#10;790z1737p8cOve/db6wD6j/X96PDr3Wf2x17ri/6T7snHqycesPt7p7r3tp+PXuve6de697917rA&#10;fqf9f37r3XXv3Xuve/de697908nDqP791br3v3XupHv3Xuscn49+691j9+6910fof9b37r3WD37r&#10;3Xvfuvde9+6eTh1737q3XvfuvdfYu/ljf9u2P5ev/ijvU3/vBYD3Em5f7kS/81H/AOPHqd9n/wBx&#10;IP8AmjH/AMcXo8XtF0Y9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8lX47fHel31S1vaPaFaNqdLbUDVmVy1YzQn&#10;JGFrPTUzD1+APZJZUBdnIp6fVOxMWQtzceH2rlj5enWGNjZib9R8IM5xWn+T59CJ3X3jT9rdL77p&#10;tsYyLbHXO1+wdsbS2Pgo4o4SaZaLPTySSKgskk5pon8KsVhjiQC7+R5KW9uYZV1ZYqSf8HT95drd&#10;Wz6MDUEXyrQqeH+T0H5dEOxGIymfylBhMJQVWUy2UqkocdjqFGklmlkYKkcaKCWZif8AiTx7NGYI&#10;KnAHQfihMjBVFSeHVpW0tu4n4UdT7s3ZnnxW8e38zFjKifascqNT4vySTx0HlK3ksjyTs8wt52jM&#10;NOQqPOxLI53CQKMLmh/w9CiKIbTC7nuOC1MedAPsqeP8vLqsfe299z9iblyW7d35aozGcysxlqKm&#10;c+lFudEMMY9ENPEDpjjQBUXgD2cxxrENKig6CtxcPdMXc1P8gPQfL/Vx6Xnx/oq/J9p4fFYyKaeu&#10;y+A3Bh4YadPJI/3e3crTOqJY3ZklIH9Prxa/ti8NIyfs/wCPDpXs41XCA/0v+Ot0cfA7L62+F23q&#10;HffZ6Y/e3euUpvudpbJpZFeLGH1ATF/WqaTw9YyGzhoqNXKySsgeR9wOlMJ5n/V/Ift6NVhi2VPE&#10;k7pDUADz+Q9B6t6fbQkL7M7R3n23ueq3XvXKyZCvm/bpKZLpTUkIPpp6SC5WGFf8Ls7XeRndmYmk&#10;MKwCi/t8z0HLq6kvm1Pw8gOA+zqwv4i5an/0x0OGqxM1LvH424mMw1RBEsuOWjo9CcAmM00M1rE2&#10;sR/gpReL2E+kjfzz0LrFtDovrbxNX/Skj/n7qsTcONkwWdzeDkv5cNl6nFSlvrqp5nha/A5un9B/&#10;rez6Ia1DeoB/aOgXdnwJGjH4WZa/YSP8nSx6zBqJ98Y7Uf8Acj1pmiVufV9jTjK2IHJ0/wAP1cfQ&#10;rc+kH21dGmn5Ov8Am/y9KdqNTLXzgkH5gA/5Ojd0zHe/8vetiZo5p+qOxtcSOAXVJatGJX6HiPPu&#10;QTf0BlHAsC49l16ah/k/zjo3UCbbqcSlePkQ1f5Kf2dV6F/wP9v7OQnr0FC/p0Z3p/c67Tzvxz3i&#10;8iomK7Qym165gyB1o2bDSVDWDa9Phzk2nUArEMAeGIL7lKiUeqqf2V/6B6ENjcU+lNPheVDX+npz&#10;+WvqP8wdsDavyG7DhRStLm66HdFMxFtX8Rp4qioIHN7VjTLf86b8fQe29/EiA9KjpnfIvCuGOBqC&#10;sP2U/wAKnosRcn6cD2YBKceiQvXh0eTs1m7C+GfS28wxnyXV+5qvrzKk8mOnmUin9X1CpBTUS2Nu&#10;X44A9lcH6Ny6+TCo+3j/AJ+hLeD6rb45KCqUB+QFU/mdJ6Ix7N+gv0drpC/Ynxn7/wCqXtNk9prT&#10;9tbXhPL3pgv8QEYvc3gpFjC2tqqCR6j7Krv9GeOTyPaf8H+X+XQn2z/HLOWDNV7h+fcAP9spr9vR&#10;JfZr0GOjmfH9P9I/SvfPSspE2RpMNH2zsqFibrWYwxpXJELG8lVCsEIH0s7k2/UCu8/QlSXyrpP5&#10;/wCwT+zoS7T/AI5by23nTUorkn8+A1AV+3omfs06DXRvac/6U/iZVUxH3G5/jxukVlP+kyHb2dc+&#10;VR6Q7iGuUs3JCRRLfjSAWH/F7n5SD8tQ/wBX8+hGv+P2JHF4T9p0f5BSuP6A6Kxgc3kttZvD7iw9&#10;Q1LlsFk4Mvjalfqk9NKs0Tfi9nQXH5+nsxdBICp4EU6IYZjbuHXipBH5f6s9GF+UODx1TuvAdtbc&#10;gMW1u7Nvx74p1UHTBlGtHmqIsQNU0FaDJJa41TWBIA9odvc6TG3FDT8vLo33yEa1nT4ZVDeWDQV4&#10;fIg/bXrL1J/xk7rDfvSM5M+4MasnaPVkX1eSvoYSMtjYvqzNX41S8cfC+WEuTf66uv8AF5Fl8j2t&#10;9h4Hq+3f4/A9sfiHfH9o4jiBmv8Axony6Dzpbe2P2fu9qPcgabYu9cbLsrflJ9b42u0o1SgNwtRQ&#10;TBKmJgNQaKwI1H2/eQmVar8S9y/aP8/SParoW8ul/gcaHHlQ4rxHD19K06fKT7/49dy5fBbipFzm&#10;FoaifbG6savEOZ2/Xousx3IBSsopI6mna/olEMl7p7of8eiBGDxHyYdPJXZroqwquVYfxRt/qBp6&#10;inT+uOxXWO+Ny9X7myZyHU3ZVBS1GP3KgJQUdTeo29ueBUvebHmU+dFuWjatpfq1w0SbhBIo70OR&#10;8xxX8+lCqthM1vIawygEGowDlWr8jg+R45AHSjgStlpNz7B3xRSVO6Nh0Awe78dSlJJsttujBaky&#10;uPYsEqMttaOQVFJIrWqsS7RswpYZvK01FKyJgMar6K3mD8m4H0PStCXDwTCrINLgcXiGQwwe5K1H&#10;mQaGpOCy7o25VbWy82LqJ4K2BokrcXlaO5p62jnUSU1ZTswBMU0ZBswDxtqikVJUdFM4pRKteHkR&#10;5gjiOg5d2xtH0nIwVYcGU8CPkf8AY6T3tzpN1737r3Xvfuvde9+691737r3Xvfuvde91fh1ZOPXv&#10;bPT3XvfuvdYn+v8AsPfuvdc0/SPfunk4dcvfurde9+691H9+69173o8Otjj172x1t+PWA/U/6/t8&#10;cOq9de99e697917r3uj8Orpx64v+k+2unesPv3Xuve/de697917r3v3TycOve25Orde9t9e69791&#10;7r3v3XuuL/pPt5+HSjrD7Z691yT9Q9+691yk/Hv3TkfWP37pzr3v3Xuve/de697afj17rg/0/wBj&#10;78nHr3WL2717r3v3Xuve/de6wH6n/X9+69117917r3vR4dbHHr3tjp/r3v3Xuve/de697917r3v3&#10;Xuve6vw691jk/HusfTkfWP25051737r3Xvfunk4de9+6t172wePXuve9de66P0P+t7917rB7917r&#10;3v3Xuve/de697917rg/0/wBj7917rF7917r3v3Xuve/dOpw6wH6n/X9+6v117917r3vR4de697Y6&#10;91737r3XvbycOnk4de9s9W697917ri/6T7917rD7917r3v3Xuve/de697908nDr3tp+PVusL/qPu&#10;6cOvdcfduk/Xvfunhkfl1737pnr3v3T44de9+631hHDW/wBq96PDr3Wb2x17ri/6T7snHqycesPt&#10;7p7r3tp+PXuve6de697917rAfqf9f37r3XXv3Xuve/de697908nDqP791br3v3XupHv3Xuscn49+&#10;691j9+6910fof9b37r3WD37r3Xvfuvde9+6eTh1737q3XvfuvdfYu/ljf9u2P5ev/ijvU3/vBYD3&#10;Em5f7kS/81H/AOPHqd9n/wBxIP8AmjH/AMcXo8XtF0Y9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8jr5F/Iqp7Z&#10;qqPaO0KI7U6h2oVpdq7WpVWETCFfHFV1ccfoD6OIYRdIENgWkaSRsi7S08HubLHifTrCrcb/AOp7&#10;Ewg/LVT/ACeg/M+QDXtPb2f3V0I+19tYqozWZ3T39jaXF0NFzI0tJt/KawwICrHprgzSMwWNUdn0&#10;qNXv0kixzVbAEf8Az8OtxRNNbBUFSZqU/wBp/g6M477G+De12Eb4XffyT3LQAG48lJgqeVASCAyy&#10;pEQeOY5qw2P7cAt7Sd24t5hB/P8A2f8AB/hVlk2dPJpGH+r7FH7WP/GSkU+5c7vHrzvTc25snVZj&#10;OZjP7Zq8jkaxtTyO1RkrfSyoiKAqIoCIgVEUKAAsZBG8ajAo3+AdIIpmnguGY1J8L/j56DLYmw91&#10;9lbmx+0dmYiozObyL2SGHiOKMfrnqJWskEEQ5Z3IA4AuxUFRLKsI1McdFtvA90+hBU+foB6k+X+o&#10;DPVnux8f1R8UsxgOvMTU0O+e/wDeX+SZ/cKKGp8NC0UspRFJJhQFAFhuk9SLTVBii8UXslmZ7sFz&#10;hB5dC2zih291hBrI/E+dACc+gxgcT8+Iqp3PujcG887kdzbpy1Zm85lqg1NdkK5izux+ij+ykaCy&#10;oigIigKiqoAB2iCMUUUHQOlka4YvIak/6v2dJ4uB9OT7eCV6TvKF4Z6Pn0Fm1wXdXxMy7moFLuPr&#10;et29UGY2Uyvmd3YqONGFwVWaGBtJubED03Fiu5QeHKPMOD+0L/n6EdjcM89uQDRoShr/AES9afmo&#10;/KnQAfKDBNt35Bds45oxH5t3z5tUAIGnJqmSUgEDgrVg/wBOeLix9qbOQtEv2U/Yaf5Oird4ljuX&#10;p6g/mVBP8z0keoJT/fumpFJvl9uZ/bxtaxGSwGTx5Uk3IVhU2JX1AElPUB7tdArGT6FT+xgevbSo&#10;muFQ8GDg/mjDo2fxAK7u6f8Ak71hM0rz5HZn8ew0Asy+cUlbEzhDzqFRHSfT9QFrqQpKPcR4Mkb+&#10;h/wEH/L0abDW6glh4fPj/aKV4Y4aeq+fZqWr0GAtOhEgaWfqaunjMg/u52RRhZV1gI+XxtcRZh6Q&#10;zfwK/wDqjo/oPacJ+rngUP8AIj/oLoyEwFpQHuWYHzxqQ/8AQHRq/m9Gu6qDoTuKIRv/AH/6zhp8&#10;hLBp0iopxFWsrBQAHVsm6fS/7ZX+wAEu1nQXjPkf9g/4B0Y8xKJVinUGjClfkaMv+E9EI9m/QX6P&#10;N8aP9/10X8len5D5alttxdi7dpTzepoLPNpH1VnlpKNLj8NY8fUpv/0ZY5PnQ/Z/qJ6FGyj6q3mg&#10;oCeI+bMKD9hUHojPs26C/Ro/hzu+LanfO1aSt0tiN7RT7Dy9NJYpMmRQLTxOpBDq1fHBcH6i/tBu&#10;UfiRE/w0P+r8j0d7BP4NwAeDAr+fEfzFPz6BTszZ83X/AGFvPZU4e+2tx1eKgkf6yQRyt9vNzzaa&#10;nKOP8GHtTbyeMit6gft8/wCfRff2/wBLM8fABjTz7TkfyI6XHxw7A/0Z907D3RNP4MYMyuHzjMbK&#10;KKvBpKh3/qsCzeYD/VRqfx7avovGiYeYyPtGf9jpTs1x9NcKfJjoP+2wPyBofy6bO+thP1n2/v3Z&#10;4iaKix+elqcOCLA0NXarorW9J000yKSONSsLAggWs5fGjVvOlD9ox1Tdbf6a4dfInUMUFGzj5Dh+&#10;XS5+KO6sdhO16Xa+4mvtHtPEVXWW54SVCtFlU8VObuCqkVgiXXwVR3PIJUs7jGWj1Dih1D8uP+f8&#10;ulOxTiObw2oVkBUg8K+WPOvw0+fQI732pkdi7v3Ls7LC2Q21m6jDVLAWDmCVkWVfr6JUAdT+VYH2&#10;rhlEyBh5ivRbd25tJWjP4TT7RxB/MUPRh+vR/pT+PvYPWTg1O6Oq6k9s7FS2qR8edMGeoo7HUERW&#10;WpVFVi8rc2sCEM/+LzLJ5N2t9vl/q+XRzZ/4/aPBxaM60HnTzAAyfMfaw6Lxsnd2W2Fu7bu8sFKY&#10;srtzKxZSk5sr+NrvE/8AWKePVG4/KMw/PtdNEJlKnzHRNaXBtJFkXipr9o4EfmMdCl8h9pYnB74i&#10;3VtONhsPtDFRdgbPfi0cVbdquiaxISWgrfLE0ZOpFEd/qLprGUumlviQ6T+XDow3q3EcolT4JRrU&#10;/M5PH7a/KtOnvcH/ABlfpHFbxX9/fHTBp9nbub6y1e3al2GEr35vI2NqNdFI1iRE1OXbge6R/wCK&#10;zFPwvlfk3mP9Xy6fn/3ZWol4yQ9r+pQ8D+X/AEET1B27btXqmv2XJ+9vnqemqd17IY8y12BY+bNY&#10;leNUkmPf/L6ZLk+M1iqtrW3J/i0uv8L0DfJvI/5+qQf7srcxf6JECycasnmv2jy/IDAPWbD5/J7r&#10;2nid2YWoMPafR9LFUNPZGfJbbhkVYZXjK/5RJg2cQzq2ryY6VdY8dNITV4xE5Qjsk/k/+z/h6dhu&#10;GuYhKp/Wt8/6eL+Xw8D8iakk9O2ZxOE3zgMJDiFpcfiNzTzz9euzHRg89cSZTZ1VPIfRQV8ki1ON&#10;eQ6YzNCSy+WvZaKzW7EnJHxf0l8nHzHA9PyxpfxqFoAxJi9I5PxRE04NxXh8hSg6LDNDNTTS09RF&#10;LT1FPK0M8EylHR0JVkdWAZWVgQQRcHg+zMGuR0GGUoSCKEYIPEHrF731rr3v3Xuve/de697917r3&#10;v3Xuve6vw6snHr3tnp7r3v3Xuscn49+691yT9I9+6eTh1y9+6t1737r3Uf37r3Xvejw62OPXvbHW&#10;349YD9T/AK/t8cOq9de99e697917r3uj8Orpx64v+k+2unesPv3Xuve/de697917r3v3TycOve25&#10;Orde9t9e697917r3v3XuuL/pPt5+HSjrD7Z691yT9Q9+691yk/Hv3TkfWP37pzr3v3Xuve/de697&#10;afj17rg/0/2PvycevdYvbvXuve/de697917rAfqf9f37r3XXv3Xuve9Hh1sceve2On+ve/de6979&#10;17r3v3Xuve/de697q/Dr3WOT8e6x9OR9Y/bnTnXvfuvde9+6eTh1737q3XvbLcevde916910fof9&#10;b37r3WD37r3Xvfuvde9+691737r3XB/p/sffuvdYvfuvde9+691737p1OHWA/U/6/v3V+uvfuvde&#10;96PDr3XvbHXuve/de697eTh08nDr3tnq3XvfuvdcX/SffuvdYffuvde9+691737r3Xvfunk4de9t&#10;P1brC/6j7unDr3XH3bpP1737p8cOve/dMde9+6fHDr3v3W+sP9v/AJC/4n3o8OvdZvbHXuum+h/1&#10;ve149bXj1g9v9P8AXvbT8evde90691737r3WA/U/6/v3Xuuvfuvde9+691737p5OHUf37q3Xvfuv&#10;dSPfuvdY5Px7917rH7917ro/Q/63v3XusHv3Xuve/de697908nDr3v3Vuve/de6+xd/LG/7dsfy9&#10;f/FHepv/AHgsB7iTcv8AciX/AJqP/wAePU77P/uJB/zRj/44vR4vaLox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43G0Nobn3/ALixu1NoYirzWdys3hpKGkFzYcvJI5skUMS3aSRyqIoLMwA95KySCIamwOsGIYnu&#10;m0IM/wCAep9B1aHmq6h+DvRUOH25Ljt4dp7m3JPR5LNsY5KXEZOTHUss+iEgyWp6J6cxRSBWnMon&#10;mtEVgJKF/eEtTgAftAPQkcjaIKL3Gv5FiOJ+VF4f569VR5jM5PPZSvzebyFVlMvlap67I5GudpJp&#10;ppGLPJI7ElmYn/iPp7PFUIKDAHQUlmMjFnNSePRlfj31bunuPaPZ2ytrRwR1VfmNsvU5GtJWmpYI&#10;5spJLNM6hiQiKdKKC7myqObhDdyiB0Y+Qb/J0bbVAbyGaMGmox5+QYk/yHQ+b/7Y68+Km2Mh0/0B&#10;LT5rsath+1392jII5HhmGsNFC6MyNWQFmCRLeGj+jeaqMpRPFA96dcmF8h6/7H+HpdcXUe1J4UHx&#10;eZwaH1PqR5DgPMeRKD0RUVeZ7664kyNbV1VZnd90sOSr538k8prZvHUSNJLrLSuJWJdrnUbm59rb&#10;taQtTgB0V7XKTdISakk1rxNVPQHFif8AAf09mAUDohaQv1x91L+nXgnr0YjFbifbUXxi3eXqIl2v&#10;nqn92Rv2tFDuU5GRU49K6a0+QcghuR6jcvKGQyj1A/47/sdCFJBClo1aDW4J4Y8QV/kc9Cv/ADCM&#10;C+K77XKWAj3RszH5XUt/1wtUY9la4HqCUaHi4sy/m4GtpYGMj0b/AAgdU5jU+MppgpT7SCf8hHRY&#10;emqiGm7b6xlqQ5pDv7Ew1gitrMEtdBHMEuQNZidtP9DY+1V2dUbD5H+Wei/ayYriMjjrUf70af5e&#10;jJ/A7OS7a+RUe35ZAG3LtzKbalRT6DJTKuRBF7XI/hzBTa9mIAsx9otxXxIg3zB/bj/L0a7E309y&#10;0ZOdLCg4FlI/yA9FO7F26+0N/wC9tqMpQbb3ZkMIikWulLVywoR9eGRAR/gePZjbkOit6gH+XRJf&#10;p4UzpSgDtQfKuP5U6cNt2qthdlUB0k0aYfdABCkj7aubGlgSCwt/Grekj9XNxx7rLUSIf9MP2iv+&#10;Tp610m3nBpX9Nh64fST/AMb/AJ9G3zH/ABkD4C7eyJTz5Dpzsd8XUVIN3WlqZXVUYfTRbMUqiw+k&#10;Sc/qugT9G7I8mH+Sv+EHo3kP1W2gk1MZHp5NpA/JWHRBfZx0FujU/C/dq7V+Qezoqh9NBuyOp2ZX&#10;ofo4roiaZGB4ZWr4oLg/7ybD2X7nHrhPyIP+T/L0d8vzeFcgfxKy/Z+L/n2nQMdtbQOwuzd+bO0F&#10;Idv7qrcfRAi16ZZnale3410zI3+x9qbaTxY1b1A/bwPSHcYPpp3TAAYkAeQPcP5EdInH19VishQ5&#10;OhlMFbjqyKvo5l+qSwuskbD/ABV1B9usocEHzFP29JYpDCwdeKkEfaDXo4fzTx9Jl927B7hxMSpi&#10;O4+vqHcBZAbCtpYIYaiLVYXeGmkpVYGzBrhgPyW7WxVWjPFW/wAP+yD0f8xIrOkycJE9KE0oan8m&#10;A/LomHs06DvRy/kd/wAZD6t6J71itNXZTbjdbb3nH6v4piGkEMsp+hlrI1nkF+fGsf1FtJXY/oyP&#10;D6HUPsP+odCTef8AG4YbnzI0txGcnA9AQ38uicwzTU00VRTyvDPBKs0E0RKsjqQyspHIZWAII+h9&#10;mZFcHoOqxQhgaEGoPoR0bf5SRQ72oerO/wDHxp4+0tox0G7DCF0x7gw6rRVwISwRZI0QRAgFliZu&#10;AbAu28+EWhP4TUf6U/6q/n0f72gnWO6UCjqA1PJh8/M8R/tegU6X7Bfq7s3ae8mUy4/H5EU+epLa&#10;hPjqlTT18JSzB9VNI5UEEawpsbe1V1D9RGV8+I+0dFu2Xf0UyuTQVo3H4Tx4cacafLqb3t17F1l2&#10;hubbVAyzbfeoTN7TrIyWSbFV6CqoXRz/AJwJDIImb6F4391s5vHjBPHgftH+qvV92tPo52UcD3L9&#10;h/zGo/LoRNkn/St0VuzriUvU7u6jefszr5Dy8uKlMabix0Vz9I/261EVWd3VwLAH2xMfppg/4X7W&#10;+3yP+r59LbUfvC1aHi8XenqV8wKAk+f2kqPLoMumd9Uewt9UNdm4DXbQzlLNtTfWLIJWpw+QXwVi&#10;FRyzwqRPH9D5YkNx7UXUJmQgfEMqfmOkO13YtJQW+Bu1weGk/wCbj9mPPqZn8fuPoDt7Vhq4SVu0&#10;8zFm9rZoDVDkMfKBPQ1ItZJqavopFEiglSHkiJ4Ye6xsL2LPmKH5H/i+HVpkfZ7nt/CaqT+JT+zi&#10;MGnnWnSp3qY+t99bU7d63gSLZW9oW3TtqgnHkgh1loM3turW5EkdJK8tLKhJ8lJLE1z5AfbcQ8dD&#10;FJ8S4P8AkPSq5b6GZLmH4H7gMf7ZDx/2PLI6m1sW2dpZjwh6t+iu66FMlj5kInqMRLFMyrIABdsp&#10;titd4pF9LVVG7gFUrEYNjVMv/DIzQ/0h/mYfz6fYx2r0/wCI9wKj1Q14/IoftxxqR0nuwtsZPJnN&#10;1eQSFt/7LWOPe8dGwdMtjmWMUW5qRxxUpNDJD91Iv+eSWnr/AFmaqkRy3kCUA+Fvh/onzU/5P2dM&#10;7hbNOGY/2sdBIB+NPKQflTV+RIGegJ9r+iHr3v3Xuve/de697917r3v3Xuve6vw6snHr3tnp7r3v&#10;3Xuscn49+691yT9I9+6eTh1y9+6t1737r3Uf37r3XvejnrYx172x1Z+PWA/U/wCv7fHDqnXXvfXu&#10;ve/de697o/Dq6ceuL/pPtrp3rD7917r3v3Xuve/de697906nDr3tuTq/XvbfXuve/de697917ri/&#10;6T7efh0o6w+2evdck/UPfuvdcpPx7905H1j9+6c697917r3v3Xuve25OvdcH+n+x96Tj17rF7d69&#10;1737r3XvfuvdYD9T/r+/de669+69173o8Otjj172x0/1737r3Xvfuvde9+691737r3XvdX4de6xy&#10;fj3WPpyPrH7c6c697917r3v3TycOve/dW697Zfj17r3uvXuve/de6j+/de697917r3v3Xuve/de6&#10;4P8AT/Y+/de6xe/de697917r3v3TqcOsB+p/1/fur9de/de6970eHXuve2Ovde9+691728nDp5OH&#10;XvbPVuve/de64v8ApPv3XusPv3Xuve/de697917r3v3TycOve25OrdYX/Ufdk4de64+7dJ+ve/dP&#10;rw69790x1737p8cOve/db6w/2/8AkL/ifejw691m9sde66P0P+t72OPWxx6we3+n+ve2n49e697p&#10;17r3v3XusB+p/wBf37r3XXv3Xuve/de697908nDqP791br3v3XupHv3Xusb/AEB/x9+691j9+691&#10;0fof9b37r3WD37r3Xvfuvde9+6eTh1737q3XvfuvdfYu/ljf9u2P5ev/AIo71N/7wWA9xJuX+5Ev&#10;/NR/+PHqd9n/ANxIP+aMf/HF6PF7RdGP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fK83NuvZ3wn2hUdfddVWO3L&#10;8gdxUSf313qY0lixCOA608KSqwGkkGGBx6zapq1t4YPeQCI24NqbCDgPX/V5n8h1hpNLHs8ehMue&#10;JP8AhP8Az6v5n5lU3jkq/J/HzYuVyNdWV+Rznc268rl62skeSSpqWx23FaeZnYl5SL+o88n+p9q4&#10;wBMQPJAB9lekN05ezVyalpCSfU94/wAAp1H6C+PO7e9s+0NDfC7PxMiybp3jWqfBTR/qaKG9lqKx&#10;o7lYwQqizysiWJvdXS2w9SeA/wA/STbtse/apqEHFvX5D5/yHn5Am/7F7f2DsLprsTrD42TSYvHb&#10;PnxOJ3D2Dj3QzZSoyMs8NXLT1cdnmcx0hRqpdKsHKUipCkbsXxwtLKjS51VwfKg/1Y/b0IZriO3t&#10;5FgNPDCCo/pNTj5mnn+w14VdNISSbkkm5Y/U+z4J69Al5yeH7ehS6ImNP3f07MJTCF7SwAkkDabI&#10;crSBwTcekoSG/BBIPHtq7I8Nh/RP+Dp/btQnjIr8a/nUj/D0G+Viip8nkoYlEcMNfNFEgvwqyMFA&#10;vc8Ae/IS4H2DrVyixSOBgBmA+wE9Nhe/049vBKcekpevDoWM5GJ+kOuK5Y2D0nY+7MPUSF7gj7Da&#10;dVD6bAqSaiUfm+m9x9PaZSElf5qp/ZqHRjLWW1ixhHkWteOrS3+f9nRu/m4/96+t/jR2cspnkz+y&#10;TSZKZiCfLLR42sRSR9XEr1Afnhh/r+y7bhod086/4CR0eb+fGiimGAf294DD/jvVfGFyP8MzWIyX&#10;0GOylPXE2v8A5mVJPoCL/p+n59m7x1UjzII/l0GbafwpUY8FZSfsBB6H3buTHW3y0gq55JIafbPe&#10;VRjchIjAsKYZiWjqvULBv8nZ7/QN9OAfaZ18W2p/QB/YAejKGXwtwJHnMy/70xX/AC9KD5vba/u5&#10;8jd6SRoUptx09DuWmBFv8/SRRTm4sCGq4Jjf/GxuQSdbW+uED0JH+X/L17mGLw7kn+JVb7KDT/z7&#10;XoD+vy08HYGJW5GY67rQ6DVyMdU0Wb/sulwpxernUPTcqbXD9waaD/TH8wR/l6S7cgkEqn/fLkfa&#10;pVh/x3o2vxBA3t1j8lOnZAZp89sYbnwECkXFXSpNEGtyWBqmojxbhSL3YEINy/Skjk9Dn7AQf8/R&#10;xsFbiGaCoFRj7XUqT+VB0Qb2cdBXp1wWYrNvZvD5/HSGLIYPK0+YoJVJBWammSaJgRyCHQG490kT&#10;xFK+oI/b07BL4Dq4zpYN+w16OH86MNSSdnbZ7IxKk4ftfYGN3RTy2teWOFacrcXDEUa0rE8cva3A&#10;JLtqeqFDxU/4f9mvR9zJCFlWQUo68fUr5/sI6JP7NOg50d0g9m/CUMNM+c6C39pYDmUYfKsLH6El&#10;DU1n/IKUpJ4X2U/7j3Xycfz/AOLH8+hOSb3bvMmJv2gf5Arfy6JF7Nugx0cvof8A4yP0Z3v0tJ+9&#10;lMZjY+39kwX9X3ON0R5COMHgvUQLDEo/5uueP1ArvP0JUl8vhb/V+Z/Z0Jdq/wActpbbzHcork8D&#10;TPAalFf9N0TT2adBro3/AE4T2b0P3F0zMTUZnasSdzbAhaxby0Kiny8EYI1FpaNwI0DcvK7gfq1F&#10;l1/i8yS+R7W/yf6vl0IttH11tJb8WXvTzP2D0ziv9PooHsz6DvRs926u1/jZtHe4ZqndfRmQTrnd&#10;b+p5HwNaxkwdTKx1aYqWfVSILi5ZifwPZZF/i05Tycah8iK1/wBX2dCG5/x+yWX8UR0t81NBXzJ/&#10;D8vi6Arq7ftf1lv7bO9qBWmOEySy11FxpqqOQGKtpHB9JWppXeM34GoH6ge1txCJ0K+vD5Hy6KrC&#10;7NlKsnkD3D1U8fMfl86dKfvjYNDsDsKup8ATPsrc9FBvXYFeAdE+HyafcUugkAn7cloGvzqiJP19&#10;tWcxmTu+IdrfaOn92tRbTHR8DdyEcKH0p5A8PlTpX1ZPbPRtJWoDPvnoaFcbkb2MlZtGrmP2koud&#10;TnB10hhKqLJTToxJCmzQ/wAVmp+GTI+T/wCz0qI/eNoCPjgwfnH5eXlT8gCeJ6beop4d+YHO9F5W&#10;WJajcdR/eLrCsqWVVpdywRFFo9bW8cGepl+1e50/cLSPpJW4tdDwWEw8sP8ANT/m6ptri7RrR/Or&#10;Rk+TjNOBwR/lpk9NvW08Ofo810nud1oF3DkPu9mVmQPjGL3PEPBCkpe3ipssi/Y1OohUY09Q/wDw&#10;Hsd3HZSZc0HdTzX/AGOPWrA+KGs5caj2E/glGKfnwP7Bk9Pm2MpnchSR4lVNF211GKoYClr4tb5T&#10;D04m/iu3quFwRUvQR+ZooJARNRvWUjBgtPF7bkRVNfwPSv8ARY8G+Vf8PSm1ldxo4TwV0g51oK6k&#10;xxpmgHlgUyegx3nt/Hww4/d22Ek/ujuV5BTU7sXfG10YVqvE1Dm5ZqfWr08hN56R4ZTaXzRxqYJC&#10;ao/xD/jQ8j/n+fRbe26gCaL+zfy46G80P2eVeI9ePSB9qOi/r3v3Xuve/de697917r3ur8OrJx69&#10;7Z6e697917rHJ+Pfuvdck/SPfunk4dcvfurde9+691H9+691737r3Xvafq78esB+p/1/b44dU669&#10;7691737r3XvdH4dXTj1030P+t7a6d6we/de697917r3v3Xuve/dOpw697bk6v172317r3v3Xuve/&#10;de64t+k+3m4dKOsPtnr3XJP1D37r3XKT8e/dOR9Y/funOve/de697917r3tuTr3XB/p/sfek49e6&#10;xe3evde9+691737r3WA/U/6/v3Xuuvfuvde96PDrY49e9sdP9e9+691737r3Xvfuvde9+69173V+&#10;HXuscn491j6cj6x+3OnOve/de697908nDr3v3Vuve2X49e697r17r3v3Xuo/v3Xuve/de697917r&#10;3v3XuuD/AE/2Pv3XusXv3Xuve/de697906nDrAfqf9f37q/XXv3Xuve9Hh17r3tjr3Xvfuvde9vJ&#10;w6eTh172z1br3v3XuuL/AKT7917rD7917r3v3Xuve/de697908nDr3tuTq3WF/1H3ZOHXuuPu3Sf&#10;r3v3TycOve/dM9e9+6fHDr3v3W+sP9v/AJC/4n3o8OvdZvbHXuuj9D/re9jj1scesHt/p/r3tp+P&#10;Xuve6de697917rAfqf8AX9+69117917r3v3Xuve/dPJw6j+/dW697917qR7917rg/wBP9j7917rF&#10;7917ro/Q/wCt7917rB7917r3v3Xuve/dPJw69791br3v3XuvsXfyxv8At2x/L1/8Ud6m/wDeCwHu&#10;JNy/3Il/5qP/AMePU77P/uJB/wA0Y/8Aji9Hi9oujH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jI11dW5Osqsh&#10;kaqorq+uqHq6ysq3aSWWWRi8kkkjks7uxJZiSSTcn3kuAFFB1gW7tMSzEknJPVhHT/x5Pc3THUtf&#10;m8xDtPrzaW6N4bj3znJ3WN3hc4KOJaczERKZI8fOrVDXip1idmDPpjcqnufp5HpliFA/Yf8AP0Kb&#10;TbxdwQ6j2rrLD1Jc0/wHP+eoQ3f/AMm8TXYNeluhaP8Auf1Bh4zQT1ePEsFRlx6vLqZm8y0MzMSw&#10;kJmqjd6hgGMQftLA18SXLHND5f7P+DpFue8KB4NvhRgkYB+Q+XqfP7K1BHYsEc/SnfUkgLPSTbUq&#10;IDcizHJ1URNh9fRIw5/rf6j2pnossf8At/8AB0hsyXtLmv8Awn/j56Az2pLV6KgtOll1tVxUnY2w&#10;KqW/ipt7YqolKi50pXwM1h+TYe2pk/Tb/Sn/AAHpXYP/AIxF/wA1E/48OoG/IJKbfG86aZPHLTbr&#10;yMEkfHpZKyZSvHHBFuOPd4SBGv8ApR/g6puAJuJf+aj/APHj0lPeyxPTAUDoUmbz9HqQsJGL7WYG&#10;QN+4v3+ITgrf9Dfw3g2+qkXPtOq/r580/wADf7PRoW/xHH+//wDDH/sdHC3cF3v/AC89i5UIZa3r&#10;fegpa2ZVv44/vq6hjXV/ZRoclTXvwXCj+ntFF+jdlRwav8xq/wAI6Mrg/U7crN+ELT/at4f+DquP&#10;2d9BPoT+4C69lbirkYpJk5KTcSOnpIOQoqavBW1itvuLgfVfoSSLlLZ5iA+0fsJHRtvR03bkf0SC&#10;Pmqno3nzsX+9WK+P3bsTRTpvfrhKWqnjABEka0+RVXsqhbtk5QF/ssjgqv5Q7UdBeM+R4ftB/wAn&#10;RpzGolWKZRgg93yIDKPX1PROeqTq3tRUWnWc3hcxtlFtc6srhshjVtaOU6g1ULEKSDYgg+oL7s6Y&#10;yfQqf2MD0T7TGJZ1Q8GDr/vSMP8AL0N3wk3aNqfInZ0csjR0e6qer2jWEG1/uoGkplIuAwaup4Bb&#10;8fUXIALG5prhJ9CD/k/y9KeXpfDuQP4lZfsxq/59p+fQL9y7T/uL2v2HtJEKU+D3fXUtAD9TSmd5&#10;KRiPwWpnjJH4v9T9fai0fxI1PyH7Rg9Itzi8C4kX+kSKejdw/keg09qOkPR7d+kdj/CXqvdt2qcv&#10;0/vKp2Jk5SdXjo6kDxi/1ULF/DUAP45FhYeyiH9C6ZfJxUfM8f8AP0KLql5t6PisZAPqADop+faT&#10;0RL2b9Bfo6Pwrr6PNbr7A6bzE/jw/cfXtdgER+VFfSwyzU02m4BeCmeqZCPUGClSPZXuilVWQcVb&#10;/D/sgdCLl6RWZ4H4SL65NMED7QxP5dE7yWPq8Tka/FZCFqevxlbLj62nf6pNC7RyIf8AFXUg/wCt&#10;7MlYOAR5iv7eiGWMwsUbipIP2g06GL447/HWvdGxNzTzCHFnMLhc6XPo+xyANHUPIPoywLN5rf6q&#10;NT+Paa+i8aJh5jI+0Z/2OjDZrj6a4U+THQf9tgfkDQ/l1A7869bq3t7fOzFiMVBj8y9XhRYAfYVY&#10;WrogCOCUp5lRiP7asLAggWs5vHjVvOlD9ox1Tdbb6SdlHAnUuKCjZoPkOH5dYei+w36t7Y2XvRnK&#10;0GOy602cQC4fH1QalrgVIYMRTSuyi361UixAI9eQ+PGy+dKj7RnrW1XX0k6seBOls0FDip+zj+XU&#10;z5Bdep1h25vLa1IijCrkf4vtqWMgxvja5RVUfjdQqusUUviJUadcbAfT3qym8eME8eB+0f6q9X3e&#10;1+knZQKA9y+QofT5A1H5dKr4wblxVFv6q2DuiQLszuHCTdcZ/X+mKWtsMdVryAstPXCMK5I8ayO1&#10;xa/tvcIyUDrxQ6h/l/z/AJdP7HOElMT/AASjQRwzmnzzUgfb0B+7NtZPZm58/tPMxeHK7cy9Rhq5&#10;ObGSnkaMst/qj6dSn6FSCOD7VRSCVQw8xXosuYDbSNGeKkj0r6H8xnowlAB2z8d6/FkNU74+P9S+&#10;cxtuZKjaeQkUVsfA1OMRXkTEs1o4JSqLa/tEf8Wnr+GTB/0w/wA/+Xo4T/djZkcXgyPmh48T5Afs&#10;UDz6CbqPf/8Ao23zi9w1NJ/FMFPFNgt24RjZK/EV0ZpshSOPofJA5ZL/AEkVG/HtTdQ+OhUceI+R&#10;HRftt59FKGPwntYeqnj+zj86U6zdp7JqequwazE4zIy1WNjan3LsjclKWQ1eLq1WrxdfC4sQ5hZd&#10;RX9MqOoPp96tpRcx1P2MPn59Wv7Y7fPRTjDoR6HI/YRSvyr0sO3oId74bA96YiGKKTdVQcH2RSUo&#10;0rSbnp4w81RpH+bhzdPasj/Hm+5QElOGrU+CxhPllfmp/wA3SrclF0i3afiosgH4ZB58Tg+X5E5P&#10;XPcWXyW68Jg+8tu1k9Dv3Z1fRYvsSqo20ziujP8AuH3GtgLffrCIKlrECshEj+qsQHUaiJjCw7Wq&#10;V+zzX8uI6vcSm5RbyM0kQhZKU48Fanz4EcPKlAepldW4GSk/vhT0UkPWHZdUmJ7D29jgGOBz8KvI&#10;KmijJAUIZZKzHA6Q9LJV4zyWSeT3QBq6PxplD/Evof8AAf29PNIhHjU/RmOmVfOOTjUcf9MPUVBA&#10;wOgO3Pt2t2tmanD1rw1HjVKmiyFIS0FXSzostLWUzkAvT1UDrJGbA6WswDAgLopBKtR+Y8wR5dEd&#10;1bG1coc+YYcGU8CPkf8AY6YPbnSfr3v3Xuve/de6970wqOtqaHr3tjp/r3v3Xuscn49+691yT9I9&#10;+6eTh1y9+6t1737r3Uf37r3Xvfuvde9p+rvx6wH6n/X9vjh1Trr3vr3Xvfuvde90fh1dOPXR+h/1&#10;vbXTvWD37r3Xvfuvde9+691737p1OHXvbcnV+ve2+vde9+691737r3XR+h/1vb54dKOsHtjr3XJP&#10;1D37r3XKT8H37pyPrH79051737r3Xvfuvde9tyde64P9P9j70nHr3WL2717r3v3Xuve/de6wH6n/&#10;AF/fuvdde/de6970eHWxx697Y6f697917r3v3Xuve/de697917r3ur8OvdY5Px7rH05H1j9udOde&#10;9+691737p5OHXvfurde9svx69173Xr3XvfuvdR/fuvde9+691737r3XvfuvdcH+n+x9+691i9+69&#10;1737r3XvfunU4dYG4Y/6/v3V+uvfuvde96PDr3XvbHXuve/de697eTh08nDr3tnq3XvfuvdcX/Sf&#10;fuvdYffuvde9+691737r3Xvfunk4de9tydW6wv8AqPuycOvdcfduk/Xvfunk4de9+6Z69790+OHX&#10;vfut9Yf7f/IX/E+9Hh17rN7Y6910fof9b3scetjj1g9v9P8AXvbT8evde90691737r3WA/U/6/v3&#10;Xuuvfuvde9+691737p5OHWA/U/6/v3VuuvfuvdSPfuvdcH+n+x9+691i9+691488e/de6j+/de69&#10;7917r3v3TycOve/dW697917r7F38sb/t2x/L1/8AFHepv/eCwHuJNy/3Il/5qP8A8ePU77P/ALiQ&#10;f80Y/wDji9Hi9oujH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krfHf4xU28MVUdudxV/8AcrpfARfxGWur2MEm&#10;WET2aKBuJEpCymNpUBklciGlDSFmiyIursofDjyxx9n+z1hVt21hx4s2EGQCaVHqfQf4ePDpXfLL&#10;uyDe3WXVWL65pp9odVZmozMdNtimjjplqI8PWU9JSPURQ+lYwxklWEEqrMrPrkRWXW323hyNryy6&#10;c+moE9b3y+8WGPwiQjl/KlQhCj8vOn2VHVfXs1L+nQXCevQz7FqZE6k73pgw8MuP27USJYXLx5uJ&#10;UN/qLCVv9e/+A9opV1Sx/a3/AB3o4tDptbj/AJtf8fPQJFif9b+nteAF6JSS3Tztmoek3Jt+qQKz&#10;02cpKhFb6EpPGwBtY2JHtmdqqR8j/g6WWA0zRn0dD/xodK3uilXG9w9r48SGb7HsrO0YlItq8WUq&#10;k1EXNr6b2ube27ZSY1/0q/4B1bcHpPJ/zUf/AI8egwLE/X/be1YWnSAtXoXMI8VR0Z2JSu0IqKDs&#10;vamUpgyEuY3x27aaoCyW9Kl3gJUkX03sbcJn7ZlPqrD9hU9GMIMlpIPJHjb7SwZf83RwvjSj74+I&#10;fyb6+4nlwEL7wpICfVqaiFXAii3GqowR082LE/Tk+y++/SuI38jSp+w5/kejraB9RZyRjJGsAefc&#10;vb/xqv8APquD2ddBPoT+1mFTl9q5EcDIdX7XWwAA/wAhwdFijYfUXOPubk6iS3AYAJrViQwPk7j+&#10;ZP8Al6MtyiEZjI/FDEx+3Tp/596N9uwf3+/l/bFzXiMuQ6p30cTW1S3OimeoqaVEP10oyZGiBv8A&#10;2kWxAbT7L4/0bsgfiB/mNX+To5uD9TtqsxymmlP6LGMfyNeiTdb5CLE9ibDyk4RoMbvPF106yW0l&#10;Iq6CRw1yo0lVINyBb6m3szuBWNh/RP8Ag6INvOm4jP8AwxP+PDrHiMjWdfb+xmVp2c1+yd3w18TJ&#10;YEy46sWQW5K3LQ/1I/1x78w8eOn8S/4R1tT9DcZyI5M+pCt/lp0a758YCmpO6KDeOOKzYvsbZOO3&#10;HT1aLZXeJGoj/Qk/b08Dn/CQe0O0vWMqfwk/sP8As16NuZYdEyuBhlpX1ZTn+RXokPs06DnR7viS&#10;P7+db/Iro+Q+Wo3Jsj+9+26b6k12POn0oT6i9SaM8cgIfrxYo3H9J45fQ0P+H/P0KNhP1MUtuSMi&#10;o/2w0k/kQvREfZv0F+lv1rvGo6+7A2bvWmBZ9s7ipctLEv8AuyGKVTPD/W00GtDbmzcG/tm4i8ZG&#10;X1H8/L+fSuxuPpZkk8gwr/pTg/yJ6HL5l7Pg2r3vuTI48pJhd+0lP2Bh6iKxSVMip+5kVhwweuin&#10;YfnSyk3JuUu2S+JEB5qaf5R/h6MOYLfwbgnycBuHA8D+eKn7eirezDok6Oh8jHPZPUfRPe8embJV&#10;OEfq/fU6LyMji2kallmYfWasiWeX1c+PxgEgAKVWP6Ejw+VdS/Z/qp0JN4/xyCK58yNLfbn+QIb9&#10;o6Jf7Neg30cDtMr2h8dep+1o7VG4uuZ36c3zICDIaeIGowtRIP1eNYGKF2/VLMQLkE+yy3P087R+&#10;Tdy/5f8AV8uhHf8A+P2kdxxZOxz5+lSftoaf0j0UKKWWCWOaGSSGaGQSxSxEqyspurKwsVZSLgjk&#10;H2ZkV6DqsUIINCMgjiD0a35Fxx7+231l8g6CJPJvrCLtTf8A4RxHuTDoKeaSSwCxnIUkaSxJyfHG&#10;WJN7+y6xPgs0J/Car/pT/q/aej/eFF1HHdr+MaXpjuFfz8iPsUdBH0t2CvWnYmC3HWRGr2/K74Pe&#10;GMtqWrw9cpp8hA0f+7LwOXRf+OiIeLX9qLuHx0KjjxH2jov2u8+imVz8J7W/0p/I8MH50p1i7j6/&#10;PWfYm4drQzfeYeOdcntfJqwdKzE1iipx1Ski3WTyU0ihipsJA6/VSPe7Wbx0DefA/aOPXtzs/opm&#10;QcOK/wClP+bh+XQjUgbtvo2qomPn3z0JTtkceALy1u0aucGqiP8Aac4Kuk8wJNkpqh1AsgsnI+mm&#10;r+GTB+T/AOz/AIelqn942hH44Mj5x+fn5U/YAOJ6SHTW5cRSZTLbC3fUCn2H2bRptzPVUgDDH1Sv&#10;rxWZQEGz4ysYM5H6qaSoTnWPbt3GSA6/EmR8x5j8x0n2qdVYwyfBKNJ4Yb8J4HIP5ZqeHUXCVeU6&#10;Y7GzOA3bi2q6Knlqdmb/ANuhgFrsdKwSpjjkIZQxCpU0kwBCTJBMt9Iv5wLyMFTn4lPoR/qoetQO&#10;dqnKSCoyjjyZD/qBHD08z0+fb0XVO9cvtHcEz7i6w3tjYGmyFEoJrMPV/wCUYrOUKk6UyOPLCVEJ&#10;GmZKiilIR51NM3SBxh1Jx6MOIPyPSig2yZon7oZAM8aofhYUHFfs9aeR6y1m162qlm6gzU9NV7mw&#10;ZNd1Tn6dr0+TpKxRWRY6GVrFqPMRSiqxpP6KuRoCqGskaLQkC/qrwOHHmCMV+0cD8s9Xe3MlbVzV&#10;1zA/k6nOmtaUbivo3bXy6ARlZGZHVkdGKujCxBHBBB5BB9rwa9EJBU0OCOI64+/da697917r3vRF&#10;etg0697aOf8AL06Mf5Ove69W6xyfj37r3XJP0j37p5OHXL37q3XvfuvdR/fuvde9+69172n6u/Hr&#10;Afqf9f2+OHVOuve+vde9+69173R+HV049dH6H/W9tdO9YPfuvde9+691737r3XvfunU4de9tydX6&#10;97b691737r3XvfuvddH6H/W9vnh0o6we2Ovdck/UPfuvdc3+n+x9+6unHrF79071737r3Xvfuvde&#10;9tyde64P9P8AY+9Jx691i9u9e697917r3v3XusB+p/1/fuvdde/de6970eHWxx697Y6f697917r3&#10;v3Xuve/de697917r3ur8OvdY3+gP+PuqdXTrH7c6d697917r3v3TycOve/dW697Zfj17r3uvXuve&#10;/de6j+/de697917r3v3Xuve/de64P9P9j7917rF7917r3v3Xuve/dOpw6wv+o+/dX64+/de6978c&#10;9e697T9e697917r3t5OHTycOve2j1br3vXXuuL/pPv3XusPv3Xuve/de697917r3v3TqcOve25Or&#10;9YX/AFH3ZOHXuuPu3Sc4697908nDr3v3TPXvfunlyOve/dW6w/2/+Qv+J96PDr3Wb2x17ro/Q/63&#10;vY49bHHrB7f6f697bk69172317r3v3XusB+p/wBf37r3XXv3Xuve/de697908nDrAfqf9f37q3XX&#10;v3XupHv3XuuD/T/Y+/de6xe/de697917qP7917r3v3Xuve/dPJw69791br3v3XuvsXfyxv8At2x/&#10;L1/8Ud6m/wDeCwHuJNy/3Il/5qP/AMePU77P/uJB/wA0Y/8Aji9Hi9oujH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kNfIr5Kbh7wycOIoIP7sdYbelEW0dl0YSKNI4k8MNRVrFaN6gRCyILxUyExwjl5JMj7S1FqK&#10;nLnifTrBvc90a/OlcRg4Hm3zP+b/AA9JfsCphPS/QFKGPmhg3RUSLY/plzKqhv8AQ3MTcfi3P1Hv&#10;UILTSH/Sf8d69eUW0t/+bv8Ax8dAOXJ+nHteEp0TF69DX17SS1PU3yBmjKBKDb+3quYOSCVbclBA&#10;AtgbtrnU82FgTe4AKS4b9WP7W/470a2Q/wAVuK/8K/4+egQJA+vtRlui3C9cRM6Orxs0bowdHQkM&#10;CDcEEcgg/S3u4QefVfEINRj/AA9DD8ifC3evbU9MoWnrd+5LIwEKV1pVVL1CSaSAR5VlD8gH1ci/&#10;tPYmsK/Z/gx0v3lNF1IKUyD+1Qf516Bn2r6LOha2UslR1p3RTqKkpSYrB5uURf5seLN01EGlH4sc&#10;jZT/AFa1+bFJN/ax/wC3H/Gf9jo3sz/itwP+aX8n/wBno2H8unLUj9lb92PkSrY/enXsySQNb916&#10;WoiUx83HNLVznkEWB/2KLeF7Vb0NP2j/AGOjHliXS7p6qG/3k0/5+6IVncTPgc5mcHVf8CcNlajE&#10;1F+PXTzPC/H49SH2axv4ihvUA/tHQduIvAkZOOlmX9hI6Xm/wk21umq5FYNL11UUNUTYAy0u5twx&#10;roA50/amC5PJfXawA9sQUDSL/SB/aq9LL7U8cDmlDGVFP6DsP8BHRvPikf77fHj5QdVvKWqFwA3h&#10;haNrkPUfaTEsoF7WqMZSK5+tmWwNrBBuH6U0cn5fsNf8vRxsn+MW8sIGc5PCrppH7CvVeiO8TpLE&#10;7xyRuHjkQkMrA3BBHIIPII+ns5Ir0FlYqajBGQR5dCD20qf6T9/TxJ44Mhuyuy9LHZhphrZ3q4R6&#10;izECKZeSTf63N7+09o2qNfsA/Zj/ACdL91j8K5kH9It/vXd/l6N33n/xkL4g/HbshSKjI7KqZuuM&#10;vJb9xY1jemiMzWGoWxELAm5vPf8AU73QWv6Nw6euQP5/4D0c7kPq7GKUVJWgJJ+Whjx82UfPogPs&#10;36C3RkPiRvP+4/yC66yEsipRZjLHadfrOlSmURqOMs30Cx1MsUhvx6ObDn2i3GLxYj8s/s/2K9G+&#10;xT+BcrXg1UP58P8AjQHSP7/2WOve5+x9pxwmCkx+6KioxcJFtNFWEVtEP6G1JURi4sDa4A+gcs5P&#10;FiU/Kn7Mf5Omd2h8C4kX1bV6fF3U/KtPy6B/2p6LujwdvAdlfFLo7s6MGozHXVfUdS7pmHLiJEDY&#10;8yH+0scFPCbmza6o31X1eym2/QuHj8m7h/h/yn9nQm3D/HbKKbJKdrZrj4ST8yVX9vRH/Zt0Gejo&#10;/HpD2V0x3t0a/wC/lI8TH2vsaBibiuxjRpWxxAAky1cKwQqACLNITb9QKr3/ABeVJfL4W/1fYT+z&#10;oS7R/jtvLbefxL9uP2AED9p6Jd7Neg10bn4pVtJueq7G6GzM6R4zuTZ81JhWqD+3DnsYklbi5/UQ&#10;q2KyXtzI6xJzx7LdxUpplXihz9h/1fzPQg2JxLrtn4SKaedGA8h60zX+iOin1lHU4+sqqCthemrK&#10;Gpejq6eTho5YmKSI3+1K6kH/ABHsxVgwqOBz0RSIYmKtggkEfMY6NP8AHor2JtDs/wCPtWyPVbsx&#10;Lb565WUt6Nx4eIyeGKzBEbJUCvFIzA2SPjmwJfejwXSYeRo3+lPR7s5F1FLamncNSVx3Cn5+QOPI&#10;HoqLKyMyOrI6MVdGFiCOCCDyCD7MQa9EBBU0OCOI6NFmm/0tfHrD7gDvVb36EqItqZ0E3kn2rXyO&#10;2LqOWLOuLri1MQq2SKRXdvp7Lk/xacr+GTI/0w4/t/zdH0v+7GzDjLw4b1KHgcDyoP2Megb6v37V&#10;9a74wm7KeBa6lpJmpM5iZQrR12NqUMGQoZFa6MtTSyOg1AhWKuOVHtVcQidCv7D6Hy6LdvvDYyrI&#10;OHBh6qePmPtHzA6du59hUnX2+azHYWd67aGbo4N2bEyrEkVWGyKeeik1EAu8SkwyGw/difj3W1mM&#10;yVPxDDD5jq+52gs5SFyjAMhGQVP7fs+Yz59LHdWrtbq3Hdgxkz716xgpNndgoLGSrxDfs4LMtdtT&#10;tTEfw+qex/5Q2YjWSWYv8WkKfhfuX5HzH+UdLbn/AHZW4mGXi7JPUr+FuP7fU1OAOmzaV+zdj1PX&#10;E95t4bOhqty9Zyk3eppQrVOYwA/Ls6I1dRLyROlTCgL1agWl/wAWfxB8LUD/ACPk3+Q9Utf92MJg&#10;PxpVovmPxJ/Ko/wgDqJtx27I2omy5HvvjZlJNkuuqrVaWtoVZ6quwIP1eaNmkrMeL38n3NMoZ6iF&#10;U9L/AIu2v8LYceh4A/5D162P7wi8L/RY+6I+bKMlPtHFf2YHTXuRE35gpt/UaE7mxPjh7IpUsTO0&#10;r+Onz8agAhKtykNd9QlayTFv8uWOO0Z+nbwzwPwf9A/5vl9nTdwPr4/HX41oJQMV8g4Hz/FTzzTN&#10;egq9q+inr3v3Xuve6tw6svHr3ts5z04MY697r1brHJ+Pfuvdck/SPfunk4dcvfurde9+691H9+69&#10;1737r3Xvafq78esB+p/1/b44dU6697691737r3XvdX4dWTj10fof9b2z091g9+691737r3Xvfuvd&#10;e9+6dTh1723J1fr3tvr3Xvfuvde9+6910fof9b295fl0+OHWD2z1vrkv6h7917rm/wBP9j791dOP&#10;WL37p3r3v3Xuve/de697bk691wf6f7H3pOPXusXt3r3Xvfuvde9+691hf9R9+691x9+69173o8Ot&#10;jj172x0/1737r3Xvfuvde9+691737r3XvdX4de64P9P9j7onHq6cesXt3p3r3v3Xuve/dOpw6979&#10;1fr3tl+PXuve69e697917qP7917r3v3Xuve/de697917ri/6T7917rD7917r3v3Xuve/dOp1hf8A&#10;Uffur9cffuvde9+69172n691737r3XvbycOnk4de9tHj1br3vXXuuj9D/re/de6we/de697917r3&#10;v3Xuve/dOpw697bk6v1hf9R92Th17rj7t0wePXvfunU4de9+6Z697908nDr3v3VusB4Yn/H34569&#10;1n9p+vddH6H/AFvexx62OPWD2/0/1723J17r3tvr3XvfuvdYX/Uffuvdcffuvde9+691737p1OHW&#10;A/U/6/v3V+uvfuvdSBzz7917rg/0/wBj7917rF7917r3v3Xuo/v3Xuve/de697906nDr3v3V+ve/&#10;de6+xd/LG/7dsfy9f/FHepv/AHgsB7iTcv8AciX/AJqP/wAePU77P/uJB/zRj/44vR4vaLox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4vZf8AA/2/vJwJ69YBl/TofO0eenPjKT/zxu4//ewzPtLCQssv+0/470aX&#10;YLWtv/ze/wCPjov/ALUFi3RaFC9Db1pUyDq/5HU6t+zJ1/hJnWw5ZN57cVDe1xYSt+bG/INh7Typ&#10;+pHX1b/jp6MrZ/8AFp6ekX/H+gK+vJ9ruHRPx697917oYu/tR7a3VO5UvXJj8m4UWAaqxdFUsoBJ&#10;NkMukc8gX9o7D+yX8x+xj0b79/uW/wDtf+OL0DvtZ0UdC11hIHwnc2OZYnGU6mlULI5Xmjz+38mG&#10;SxGp1+xJt+Rqvx7S3JoUP9MfzDD/AC9Ge2xiUTA/75ZvzVlI/wAHS9+Hu5m2t8jusasyaIcpmZNs&#10;1CHkOMnTTUUam3PFRNGw/wBqUXuLgt7imuFvlQ/z/wA3TuwyGO5UVoGDA/PBIH7QOofy12221/kX&#10;2tQFNKV+5TuSJrABhlYYskSLcH11TAn/AFQN+b+7be+uFflj9hp1XfIvCuXoKA0YfOoFT+2vSF3B&#10;GZ+o+tcjquIN17m27p44+3jwFeDa30b+KmzE82IsNNzeMUlf5hD/AMeH+TqlzL4lrCB+FpVP5lW/&#10;y9GQ/l+bmTDd+xYGpMb0e+NpZDb0kE9tDSRKmRS6t6WYrQugB+odh+faTdk1R19CP2HH+bpdy3Lo&#10;mKE/EuB6spBH7BXoqHYu2JNlb+3rtGRSh2zuqvwag83SmqpYo2B/IZFDA/kEH2vgk8VFb1A/b0U3&#10;0P08zoBQBjQf0a1H8qdOnaHjl3Diq+IWjymw9t1rNYDVOMBjoax7LHGo11sMx4B+vLMbsW7WgUge&#10;TOP+NE/4D09ugYyK7ZLxxt/xgD/CD0bnoO3YXxJ+R3WTlZq/aTRdj4eJj6wI41qpFhH1Nzh2Ugfm&#10;otxrHtBd/o3Eb+uD/gP8j0b7afqrOWI1JWtB9o1KPzZT0QD2cdBfrPS1VRRVNNWUsrQVVJOlVTTJ&#10;9UkjYOjD/FWAI96YBhQ+fVkcxsGXBBBB9CM9Hg+blLBuWv6h7qx8aCg7V62pZ6xoQdAr6NY2mRj9&#10;VZIayKLSebwta9jYq2s6NcZ4q3+x/k6EnMaCTw51rRlpw8viH5nUf2dEY9m3QZ6PF8Vz/pC61+QX&#10;Qs7eWo3Hs8b62hSkgf7lMU6NojB5Z6iVaMNp9Qjic2IvYq3D9F0l9DQ/Z/qr0Jtk/wAahltjTI1L&#10;X1IpU/YQvRHfZr0Gehl+PnYTdX9xbE3e87QY6kzcdBnWFiP4fWXpawkN6T44JWkW9vUim4IBCW9h&#10;8eNh50qPtH+qnRltFz9LcKfInS3kKNjP2Gh/LrN8ievv9GPc+/dpRQeDHQZt8nhEH6RQ1wFZSKp/&#10;PiimERP+qRh+PerGXxolPnSh+0Y63vFv9NcOPInUPsbP8jUfl0GW1tx5LaG5cBurDS+HK7czFNm8&#10;fIfp5aaVJkDD+0jMlmX6MpIPB9qJYxKpU+YI6RW85tpFkHFSD6V+X58D8ujDfLXbuOg7HouxtuIv&#10;90+6Nu0vZGHZCraJ6xB/EYJCvH3CVeqSQf2TMFPqDAItukJQo3FDpP2eX+b8ujbfoAsolT4ZFDA8&#10;ATQV/lQ/aegA2burKbH3Zt3eGFk8eU21mKfMUZvYM0Eiv434N45VBRwQQVYggg+1ksYmUqfMdFdr&#10;cG1kWQfhNacKjzH5jHQ0/J/amKxHYke89rx6dk9uYaDsrbDIoVIxkLvW0np9CSU1b5AYxbxI8a2A&#10;tdLt8hZNDfEh0n8uH+r5dGO+W4jl8RMrKNYPzPH9vH86dJvoPfeN2P2BTJuW8mxN40E+xt/0jGyP&#10;iskvgmlb+ho5ClQCBqHiIXk+73sJmTt+Je5ftHTW0XYtpaP8DjQ4PCh8zUgYPE+lekf2bsTJ9Z79&#10;3RsbKhjU7eyslJDUMLCopmtJSVSfT9uqpnjlX/Bx+fbtvMJ0DDz4/I+fSa+tTZytGfI4PqpyD+zj&#10;8+hcwC/6WOkcztiQtUb46Rim3dtYnmWq2zUSL/GaEcan/hVSy1kdz6InqFUW+iWT/Fpg34Xwfk3k&#10;fz6M4f8AdlamM5kh7l9SnmOPl/0CB0GHVe+k2Du6nyWQpXym2MtSTbb3tggSBX4euXxVtOeR+4EI&#10;lha40TxxOCCvtRcw+MlBxGVPoR0g267+jlBbKsCrj1U8f2cfnw4HqRvnbWU6g7FMGFy8sqYyppd0&#10;7F3XRen7ugnCVmJyULW03khKMw+iSh42F0I96hkF1H3D5MPQ+Y63dwNtk3YeFGRuNVPA+h9D5HPl&#10;0oOwYkafbndexycNR7myJqa+nxZ8Zwm5qQpPW00WhVEEEzstbQ2+kEviBLU7+24POF80GP6SHA/z&#10;HpTfcVvIcBjU5rolGSPz4ivHOAKdTs1kjHNjO7to0FKKHK1RwvYu2tAFHT5SphlFbRywxlQuJ3DS&#10;rNNAo0hD91TR6ftUc0RKgwP5ZRvOg4H7V6ell0lb2IYbtlTyDH4gRntfiK1z86DoOd6bcosVLQZz&#10;bzT1OzdzRvWbfqagh5YGQr91jKt1AX77HSOqScJ5YmgqlRYqmMe1MMhaqt8S4Pz+Y+R/2Oi6+tli&#10;IkjzG9SnqPVT814fPjXpEe3+kPXveiadbAr1720cdOjPXvderdY5Px7917rtPp/sffunU4dc/fur&#10;9e9+691H9+691737r3Xvafq78esDcMf9f2+uR1Trr3vr3Xvfuvde91fh1ZOPXR+h/wBb2z091g9+&#10;691737r3Xvfuvde9+6dTh173R+HV+ve2uvde9+691737r3XR+h/1vb3l+XT44dYPbPW+ux9R/r+/&#10;de6yP9P9j791dOPWL37p3r3v3Xuve/de697bk691xf8ASfdU49e6w+3uvde9+691737r3WF/1H37&#10;r3XH37r3Xvfuvde9p+lHXvfuvde9+691737r3Xvfuvde96bI691wf6f7H22nHq6cesXt3p3r3v3X&#10;uve/dOpw69791fr3tl+PXuve69e697917qP7917r3v3Xuve/de697917ri/6T7917rD7917r3v3X&#10;uve/dOR9YX/UffunOuPv3Xuve/de697T9e697917r3t1OHTqcOve2zx6v173rr3XR+h/1vfuvdYP&#10;fuvde9+691737r3XvfunU4de9tydX6wv+o+7Jw691x926YPHr3v3TqcOve/dM9e9+6eTh1737q3W&#10;A/U/6/v3Xus/tP17ro/Q/wCt72OPWxx6we3+n+ve25Ovde9t9e697917rC/6j7917rj7917r3v3X&#10;uve/dOpw6wH6n/X9+6v117917rOPoP8AW9+691xf6f7H37r3WL37r3XvfuvdR/fuvde9+691737p&#10;1OHXvfur9e9+6919i7+WN/27Y/l6/wDijvU3/vBYD3Em5f7kS/8ANR/+PHqd9n/3Eg/5ox/8cXo8&#10;XtF0Y9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8Xf3k4X9OsAwnr0P3aTBenPjL+Sdm7j/97DM+0UC6pZP9p/x3&#10;o3vG02tv/wA3f+PDovRJP19mAFOiUmvQ69RPA+x/kVRTIXeXqOmrYwR6R9vuzbRBJv8AqWSRCP8A&#10;WP8AT2jugQ8ZH8dP2g/5ujfbCpinQ+ceof7X/ZI6An2t6J+ve/de6GrvxVbfmOrooxFBlur9k5SB&#10;bANaXZ2D1FwtwJGkVi3JuTe5vf2kssJp9GYH/ej0abudc3ieTojD1oUAz+zoFfavor6F3piP7vP7&#10;sxmohsl1Lu8IgjEut6TbuRySIF4IZnoRpYchrEA/QpbsYU+jof8AjQH+Xoz2t9LSL5tDIoAzU6a/&#10;5Og+2xm59s7l29uSlZ1qtv5ykzdM0XDCSkqI50Kk8Bg0Yt/j7flTxFK+oI/aOkdtKIJEc5CsrEfY&#10;Qej0/wAxbC0sfa2zt5Y9jLj96bAp50qADpkkpZ511qTY2NLNT8EXH1P1sCvZ3qjL6Gv7R/sdCDme&#10;LTIj+qlaf6U1/wCf/wCXRSB/lPTMnquMJ2cl144/imKkseOTf+Efm1rDTe7aVvCf7U/wN/s9F1Qb&#10;H5if+Rj/ANjrvpTdf9yO3Ot91M+iDDbyoKiuN9P+TNUJFVDUbgaqZ3F/xf3a7TxImHyP7Rnpja5f&#10;BuI2/pAfk3af5HodfnbtQbY+Ru6KmOAwUu7cXQbrpltYN5YBSVDr/XXWUcxP+1Fvaba31xAehI/y&#10;/wCXpdzFEI7iv8Sqx+VKr/gXoAN7hJtv9VV6kvJUbClpKxuLCalz+bgRB+45OmjWnJJCfqsFsNTK&#10;IKBnH9Kv7VU/4a9I74tJHC54eHpH+0dx/gp0ZX4D7kp8b3kdp5ERy4rsbaWR2vVU0/8Am3eOL79N&#10;X05aOkliAJ58pUeor7SbtHqj1fwkfsOP8NOl/Lk2iYpWmpcCnFlyP2DV0U3e+2anZe892bQrAwqt&#10;sbjrcBMW/JpKmSDUD9Cr6NQI4III4I9mEMnioG9QD0T3cP08rpmisQK8aVx+0Z6S/tzpP0fBSOzP&#10;gi63SfN9Edh6rNzMMZXv+PreEyZM/W1lpP8AUoLlH+4918nH8/8Aix/PoT1+t26mSYz+3Sf8ARv5&#10;dEP9m/QY6HH4278PXHd3Xm5pJvDQDPR4fMOf0ijyANFUs4PBEUc/lH9GQEcge0l9F4sTD0FR+Wej&#10;TZrj6e4T0Y6D/tsD9hofy698kthnrfu7sLbEcJhoFz0mXwy/Vfs8gBW0yqfyIo5xET/qkIPIPv1j&#10;L4sSn0FD+WOvbzb/AE9w/ox1j/bZP7DUfl0B3tX0V9HU+QBXszo3oju+BBJlcfjn6h33MB6jWY0M&#10;9BLKQTd6iFJpWY/iWNfTwoKrP9CV4vL4l/1fmP2dCXdv8dtornz+FsZPHOOA1Kaf6YdEr9mvQa6O&#10;Hh/+MrfEzOYRiajdPx63L/eXFKTd22/mGK1sSKeStPVq07t/YSONRYEAlbf4vcg+Ugp+Y/1D9vQj&#10;j/x+wZfxQmo/0uTmvlTVj+iOieezToOdG022P9LHxm3LtIgVG7ug8m++ttp6jLLt3IvozMEY9Q0U&#10;VVpqpCdNlKBb83LZP8WnDeUnaf8ATDh/q+3oQwf7sLJk/FCdS/NTU0zX58PRR0Uv2ZdB7o03YK/6&#10;Vejtl9qwK9RurrJoerOypPq8lH6n27k5LKLhoy1HJIzM7yol+LH2XQf4tM0fk3cv2+Y/1enR/e/7&#10;sLVLj8Uf6b/Z5HPzI/Nj6dAh1vvrJ9bb1wG88Wkc8uHrddXQTgGKrpJVMNZRTqQQ0NXSu8TgjgNc&#10;WIBCu4hE6FT58PkfLorsbs2UqyDyOR6qeI/zfOh6U/duxMbsfehbbUstXsXd2Mg3psGvk5MmLr1M&#10;kUTkXHnopA9NKD6g8R1AX9t2cxlTu+Je1vtHSjdrQWstU+BxrQ+VD5fl5fKlePSpw3/GV+pKvbDh&#10;6jfvTtJPuDarC5krtsySGXK48cFpJMRUP95ALkinkq1UaYxZt/8AFZNX4XoD8m8j+fn+3pTD/uyt&#10;vD4yQ1ZeNWQ8R9o8vyA8+kd1duPE09Rl9jbuqvttj7/hjxuXrHuRja6Iu2LzSLY+rH1EhE1hqejl&#10;qolsZAQ5cxk0dPiXI+Y8x/q8+k+23CqWhl/s5BQn+FvJvyPHy9eHXPB1NV1dvPcWzt9Y2WfCVhl2&#10;jv3CwsGL0/kVkraNriN6mimWOsoZQdDsiAloJXDecfUoHQ5GVPz9D9vA9bgY7dM0Uwqp7JBmlK1D&#10;DHEcVNK+lK9OH8Pg2XnM31lu+vgrdm7iMFbit0Uau8ERlj14jctCCPI1NJTygVMQGuSlklhZRVQx&#10;GKhJmUSIKMOI8z6qf8nz6dVBaO1tKaxvQq/kCfhkFTw8mocioqadBbn8Fk9s5jIYLMU/22Rxs/gq&#10;EVg6MCAySxSKSk0E0bLJFIhKSRssiEqwJVRuJVDDgeiu4ga2cxvxBof8/wBh4j5dNHuzcOml49e9&#10;tVqOnaUPXvderdcGF7f1/Hv3XuvJ9P8AY+/dOpw65+/dX697917rAfqf9f37r3XXv3Xuve0/V349&#10;YX/UfbycOqdcfduvde9+69173V+HVk49dH6H/W9s9PdYPfuvde9+691737r3XvfunU4de90fh1fr&#10;3trr3Xvfuvde9+6910fof9b295fl0+OHWD2z1vrsfUf6/v3Xusj/AE/2Pv3V049Yvfuneve/de69&#10;7917r3tuTr3XF/0n3VOPXusPt7r3Xvfuvde9+691hf8AUffuvdcffuvde9+69172n6Ude9+69173&#10;7r3Xvfuvde9+69173o8OvdcH+n+x9tpx6unHrF7d6d697917r3v3TqcOve/dX697Zfj17r3uvXuv&#10;e/de6j+/de697917r3v3Xuve/de64v8ApPv3XusPv3Xuve/de697905H1hf9R9+6c64+/de69791&#10;7r3tP17r3v3Xuve3U4dOpw697bPHq/XveuvddH6H/W9+691g9+691737r3Xvfuvde9+6dTh1723J&#10;1frE/wBf9h72nDr3XD3fpg8eve/dOpw69790ycde9+6eTh1737q3WFv1H37r3Wb2n6910fof9b3s&#10;cetjj1g9v9P9e9tyde697b691737r3WF/wBR9+691x9+691737r3XvfunU4dYD9T/r+/dX669+69&#10;1nH0H+t7917ri/0/2Pv3XusXv3Xuve/de6j+/de697917r3v3TqcOve/dX697917r7F38sb/ALds&#10;fy9f/FHepv8A3gsB7iTcv9yJf+aj/wDHj1O+z/7iQf8ANGP/AI4vR4vaLox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4uJcn/Ae8nglOsAS9eh07PqGbqn42UpC6Idg52oVvyTLvPcKkH8WAiFv9c+0sA/VkPzT/jo&#10;6M7tq2tuPTxf5uOgJ9rOirodOmI4ZsD8gIJZ0haToupkgDEXd4dy7YqNCgkaiUhYkDkKC1rA+0d2&#10;aGP/AJqL/gPRttQ1eN/zQk/lpPQF+1nRT1737r3QydzsZ67rqtZmkNZ03thfMfowpMcmPAXgC0Qo&#10;xFx+UN7m5KOz/H/zUbo33cU8H/nnj/y9A37WdFHQtdGsx7P2/SrctlqPKYAKsniLfxHEV9Bp1/Qa&#10;vuLW/tX0/n2kvv7JvyP7COjbYxW6Qf6Yf8YboJfavop6sl+THk358QPjL2UHFRLgI12fXTAeou9G&#10;1HUSMfxeqwNmtYF2FgBYAlsv0bh04A1p+RqP5HoXbv8A4zZxS8SNJLY81o3/ABqnRK9uyefqfs7G&#10;X4g3Htrc2n/qF/jWO1cerj+M2/1Pq59Wi5jIaSp8w4/wH/J0SW0Ye2mJ4qYiP2sv/P3QXe1PRZ1Y&#10;p81T/ffrL409yI7VNRuLZP8ABM9VNcn7oU9LVBCxvdlqWrQbnkrcX5sTbZ+k8kfof8BI/wA3Qs5g&#10;/wAYhinGAfLz71DD9mk9EzzKio6r2HXctLR7u3DgnADnTElPga2HU2gIPJJXT6VDFvQ5IAIuYINM&#10;rfMKf+PD/IOiWdzJaxYwjyrX7dDf5T+zqF1fu6TYXY+xt5oSF21umiy9Qov64IahGqIzbm0kGtDb&#10;mzG3u9xH4sbL6g0+3y/n0zt8/wBNOj1oAwqf6Jwf5E9GO+d+0V2z8hs/kqeJI8fvfDUG7qJouUYy&#10;Q/Z1DqwJBMlVRySNz9XuLKR7R7VJrip/CSP8v+Xoy5ih8O41Z7lB+VR20/YB+3om3sy6Iej0fB6r&#10;g3HmO2elcjMseP7a63q6KnEgBUVtJHKsTjgsrR09XPICvN41NiQtindAUCSDirf7P+ToScvMJPEh&#10;atGWvHy+E/mQw/Z0SCspKjH1lXQVkTQ1dFUyUlVC31SSJijqf8VZSPZqrBgCOBz0HpIzExRuKkg/&#10;aDTqN731To8Pyn/4yH1p8f8AvuALLU7h2idh7wqEAv8AxPFPIA8jDkyVEgqyNXqEcaC7LYgqsD4L&#10;vF6Go+z/AFU6Eu90u4YrkUyNLU9SK0HyBDDoj3s16DXR0/jRo7G6x716CqCJa/N7dHY2xIDqv/Fs&#10;ToMkcQF/3KtEp0NvV4kk4YcArvv0ZEl9DpP2H/UehJs3+NwzWxpUjUvEZwKk+gIX+fHolns06DfR&#10;j/irvag2h2/iMdntD7R7Cop+tt3U0xCxvR5cCnUyFgVWOOq8LuxtaMOLgE+0O4xeJGSOK9w/Lo52&#10;K5EE4U8H7COIqeGPtx9hPQTdkbKr+uN+7t2NktTVW2M5PixM3HmiRyaeoFwp0VFOUlXgelxwPp7U&#10;wS+Ogf1H8/P+fSC9tvpJWj9DivGhyOHyI6WHQHYcHWfae29wZMJNtmtlfbm8qOZdcU+IyK/bVqyx&#10;kgSLEjiYKTYvEoPFwWr2Hx4yBxGR9o/1U6UbRdfSTqxNFPa3ClD618gaE/Z00dzdd1HVXZm7djyl&#10;5abEZNnw9W3/ACkY+oUVFDOCCyt5KWRNViQH1KTdT7tazfURhvPz+0dN7la/RzMg4VqvH4TkceNO&#10;FfUHpafHHdGIx+863Ym7JdGxe3cS3X25WcjRTyVTr/DMiAxVRJj8gI3DkgRo0jX9tX0ZZda/Eh1D&#10;/L/q+XSrZbgRyGJ/glGgj5nA4fbT5Vr5dA/u/a2W2RuncG0M9CIMvtvLT4ivjXlTJC5TWh/tRyAB&#10;0b6MjKw4PtTFIJlDDgR0XXNu1rI0bcVNPtHkfzGehz2lr7Z6azfXshWbePUMVVv/AGCW5lqcNKQ+&#10;4MSnN2ancJXwIoLEipUcHhHL/isof8L9rfI+R/z9G1t/uxtmh4vF3p6lfMcD/snSPLoEdlbuy2w9&#10;1YPd2DkVMlg69ayKOUXjmTlZqeZSCHgqYWaKRTwyOw/PtZNEJlKnz6K7S5azkWReIPD1HmPzGOlv&#10;3JtDEbfz+P3HtFH/ANHvYeMG79lMx1fbwyuyVmLkYcfcYiuWSlcXJKpHISRIpLNpKXXS3xLhv8h/&#10;PpVulssLiSP+zkGpPl6jHCleHkKDjXpzyZ/0n9dRZ8MZ999W4+DFbjViWlyO3AwgoMgb/rmw0rpR&#10;Tfk0r0bW0wSsKL/i0mn8Lmo+Ten59Pyf7soPE4yRCjerR+TfaK5+WSeHUbbJPZe0v9H85abeW1IK&#10;jKdazyMAaqk/cqslt4X5eR2L1mPW9/uPuadA0lZGF3J/izeJ+E4f5Hyb/Ieq23+7GLwD/aJVojXi&#10;MVT+VV/ZUDproD/pD21Hg5NL722fjnfbkhv5MpiYQ80+MJAvJWY5NU1Jf1SUwmpQxMVHCdt/i7av&#10;wsc/0W9fsPn889aj/wB2MXh/6JGOz1dBkr9q8V+VRTz6Cr2rOeigY697YIp0+DXr3vXW+uD/AEuP&#10;wb+/de67U3/H+v7904h8uuXv3TnXvfuvdYD9T/r+/de669+69172n6u/WF/1H28nDqnXH3br3Xvf&#10;uvde91fh1ZOPXR+h/wBb2z091g9+691737r3Xvfuvde9+6dTh173R+HV+ve2uvde9+691737r3XR&#10;+h/1vb3l+XT44dYPbPW+ux9R/r+/de6yP9P9j791dOPWL37p3r3v3Xuve/de697bk691xf8ASfdU&#10;49e6w+3uvde9+691737r3WF/1H37r3XH37r3Xvfuvde9p+lHXvfuvde9+691737r3Xvfuvde96PD&#10;r3XB/p/sfbacerpx6xe3eneve/de697906nDr3v3V+ve2n49e697p17r3v3Xuo/v3Xuve/de6979&#10;17r3v3XuuL/pPv3XusPv3Xuve/de697905H1hf8AUffunOuPv3Xuve/de697T9e697917r3t1OHT&#10;qcOve2zx6v173rr3XR+h/wBb37r3WD37r3Xvfuvde9+691737p1OHXvbcnV+sT/X/Ye9pw691w93&#10;6YPHr3v3TqcOve/dNHj1737p1OHXvfurdYX/AFH37r3Wb2n691737r3Uf2o6Ude9tyde697b6917&#10;37r3WF/1H37r3XH37r3Xvfuvde9+6dTh1gP1P+v791frr37r3WcfQf63v3XuuL/T/Y+/de6xe/de&#10;697917qP7917r3v3Xuve/dOpw69791fr3v3XuvsXfyxv+3bH8vX/AMUd6m/94LAe4k3L/ciX/mo/&#10;/Hj1O+z/AO4kH/NGP/ji9Hi9oujH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i3+8oOuf8A0N/Zv/Ms/jl/4jrM&#10;/wDva7m9pIP7WT7V/wCOjozuv9xoP+bn/H+gQ9q+izobulaVqyDuOFHRGXpHM1V3/IgqMdOwFgfU&#10;UjNv8frYc+0V5/of/NRf8vRvtBp4/wDzzyf8+9Aj7W9FHXvfuvdDR24gOD6NrPIrtX9L07uE+i/b&#10;7h3HQhRybnTSAt/tRbgCw9pLQUL/APNRv5gHo13RtXg/80EH7Cw6Bf2r6KuhU6MrIKDunqWqqlje&#10;jj7HwqVqSp5FMD5GnjnBSx1gxMwtY3/ofae7XVEw/on+Qr0u2xzHcRkfxqP96Ok/4eg2r6RqCurK&#10;FyWejq5KR2IK3MblCdJ5HI+n49vI2sA+oB/b0mmj8F2T+FiP2GnVjfWwHYP8vrtjbWoTZLrfdL5y&#10;hhIuYaaOahyjyD62DxyVy3Fvo34vcnm/Ru1b+Kn8xp6FFp/jW2unDRq/4yfF/wAtOiV9etHNtruP&#10;GycvWdbxVdGL2tNR7j2/VMwAsz2o46hdPIAYyEegEGNxhkb+nT9qsOiSwBkSZAaDwtR+eh1P+CvQ&#10;W+1PRb1Yrjwexv5eWTpdS1Ff012F91DE3MghkqVkZvoToSnzs1je2mIqD6dPsmb9G79Aw/win+Ed&#10;CxALvbSBkpXj5aW1Yr6Iafy6JdSqtT1NnHYoGwvYmKWIHRqIyeNzBk0j/OFR/CE1fVQSt7Ei5gRS&#10;YH1Q/wAmX/P0SCTVaFPSZT/vSMP+fOg79qei7qwX5OEdhfGz4zdwoolraLFy9ebhql9ReeCMxIZP&#10;rpPnxVS4Bt/nvyLeyew/Rmkj/Mfkf8x6Fe8n6u1inrU4Bpwqw7v2MtOq+vZx0FOhZ6I3v/o47i66&#10;3m8zU9Jh90U4ykqEAihqSaSv5JA5op5RyQDexIHPtNdx+LEy/L+Yz/k6X7XN9PcIxp8VDXAAbtr+&#10;Va9CJ8xNkf3F+Q3YFJFF46DcOQXeWOIGkMmUUVM+kWA0pWtPGLcej/YBrbpPEiHyx+z/AGKdKd9g&#10;8C5Y4owDj88H9pBPRYva7on6PJ01/wAZN+K3enVcn7+Z6+q4O3NpxMx1+ONCMgsQvYrHBTSDTwTJ&#10;VjTqJsCm6/QnSTybtP8Ag/yj9nQl2/8AxyzkhySuV/PuAH2spr9vRG/Zt0GuhY6M3+3WHbew97GV&#10;oqPEZ6JMuV/NBU3pa4W/J+0mkIv/AGgD+Paa7i8aNl86VH2jPRhtdz9LOjHhWjZoKNgk/ZWv5dKT&#10;5O9ep1p3dvnb9Kirh6zJf3k2+0f6PsskPu4kjP5SnaRoL/kxHk/U0sJvGiB8xg/l/sdO71bfTXDe&#10;jd4/21a8PnUfZ0AqO0bK6MyOjB0dCQQQbggjkEH2sIr0VglTUYI4Ho4PyXVOw9m9PfISkAkqt5bc&#10;XZO/5EudOfwq+FpZvQoR66nUtGt/81CpAI9TFlj+i7wnyOpfsP8AqHQh3oC6iiuh+IaW8gGFTjz4&#10;hh9gHRPPZn0Heja9l6e1Pj/1v2tAqzbn6zlXqDsNltrekQebb9dILatHhZqd5WJMkxCi2k+y23/x&#10;eZo/Ju5f8o/1enQhvv8AH7RLj8UfY/rTFCSePEHHmx9OilgkEEEgg3BHsy6DwNOjSd1Admdede99&#10;UoWTMSwJ1j2mEuz/AMZxkA+wyMxJZi2VxaoWY6VDw6VuST7LrQ/Tu0J4fEn2HiPy/wA/R/uY+thS&#10;6Xj8EgHkw4HA8/meBUdAZ17vbK9c7123vbDEGu29k0rRA5ISeLlKillt9Yaqnd4pB+UdvayeIToU&#10;PmOimzuTZyrIPI5HqOBH7Oln3lszEbU3p/Edpky7A31jo977CqAOBj60sTRta4WbG1Ky0roSWXxA&#10;t+oe2bOUyJRviU6W+0ef5/5+lW7Wot5dSfA41oRwoc04Dh6eQpXpRdWsvZGzs/0jWsJM2Zpt69SS&#10;ykArmIYP8vxCOzCyZyihCxpfSayCCw1SElu5HgOJhw+F/s8j+XSjbyL2JrVuPxxf6YDI48CPy4nj&#10;ToJdk7tyGw90Y/cNHBHUtRPJS5LE1l/BW0c8b09dj6pf7VPWU0kkMgtfSxI9QBCqaITrp9eB9D5H&#10;ovtLlrGQOBwwynzHAg/8Vg58ulFv7bybE3Ri83s/IVj7ZzcMG8uvM+jFZ1pzKWSN5F/RkMVVxPTV&#10;Gk+mogZl9LIS3BJ46lXGR2sP9Xken72D6KUSRHsajxt6ZrTNcqePnwrx6e96M2Shwvdm0S2Iqq7L&#10;pFuyDEBYBiNyxXqBNTLEQaekyqxmspbBVjlWqpoxoplLUh7awvnHbXzU/wCUcOn7vvC3kWCT3gfg&#10;kFM/Y3Ecfmc06Yd5UVHuHGw9i4KlhpYchVCh3nh6NAkWOyzqz+SJFASPH5ZUeenVQFhkWopQoSCJ&#10;5dxMYyY28h2n1X/OPP8AI9N3cYuVFyg4mkij8D+v+lbiOIBqK+XQZ+3jkV6Lxg0697p1frixsB/r&#10;8+/de68ot/t7j37pxBUddj37q4Neu/fut9YD9T/r+/de669+69172nOOnHzTrC/6j7eTh031x926&#10;91737r3XvdX4dWTj10fof9b2z091g9+691737r3Xvfuvde9+6cj697o/Dpzr3trr3Xvfuvde9+69&#10;10fof9b295fl0+OHWD2z1vrsfUf6/v3Xusj/AE/2Pv3V049Yvfuneve/de697917r3uj9e64v+k+&#10;6Jx691h9vde697917r3v3XusL/qPv3XuuPv3Xuve/de697T9KOve/de697917r3v3Xuve/de6970&#10;eHXuuD/T/Y+2049XTj1i9u9O9e9+691737p1OHXvfur9e9tPx69173Tr3XvfuvdYD9T/AK/v3Xuu&#10;vfuvde9+691737r3XF/0n37r3WH37r3Xvfuvde9+6cj6wv8AqPv3TnXH37r3Xvfuvde9p+vde9+6&#10;91726nDp1OHXvbZ49X697117ro/Q/wCt7917rB7917r3v3Xuve/de697906nDr3uj8Or9Yn+v+w9&#10;+Th17rh7v0wePXvfunU4de9+6aPHr3v3TqcOve/dW6wv+o+/de6ze0/Xuve/de6j+1HSjr3tuTr3&#10;XvbfXuve/de6wv8AqPv3XuuPv3Xuve/de697906nDrAfqf8AX9+6v117917rOPoP9b37r3XF/wBP&#10;+sffuvdYvfuvde9+691H9+691737r3XvfunU4de9+6v1737r3X2Lv5Y3/btj+Xr/AOKO9Tf+8FgP&#10;cSbl/uRL/wA1H/48ep32f/cSD/mjH/xxejxe0XRj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xb/eUHXP8A6HDs&#10;3/mWXxw/8Rzmf/e23P7SQf2sn2r/AMdHRndf7jQf83P+P9Af7V9FnQ4dFUslbkuy4ImjR16O3bVf&#10;uEgFafEzVDgWBOopEdI/ra5AuQku/wAH/NRf8PRttX+jf80JP+fegP8Aavop697917oaew5Gn6w+&#10;P8hAVaXaOcxaAcltG6cxVFz/AEua3Tb/AGi9+bBJB/ayfav/AB3o2vB/ituf+av/AB/oFvavop6f&#10;trV38M3PtzJBtJx+eo67Vr8dvDURyX1/2Laf1fj6+2phqRh6qf8AB0qsW0TRsfJ0P7GHT/2rjGwv&#10;aHZGHdSr4nf2YxjqzBiDBkaiIgsvpYgp9RwfqPerbMa/6Vf8A6tuGbiX/mo//Hj0eT+XrVQ7hm7y&#10;6krXT7PffXv3DLJ/ZWPz42cgfkMmXXV/gg9lm7Lp0OPI0r/Mf4D0f8tSBhJE2QaHT8shv8nROOr6&#10;KePdO7dvVaeCoqOut20M8EpsfPQ4HJV8cNhy0r1NAiIo5aQqOblSvuCHVWHAMh/IkD/L0U2AaCSS&#10;IgljHKlBnIUn/CvQS+1XRV1Yl8EmXeOC+QnS0/ik/vz109djYpiAEmjSfHvItzYNryMDarEqY1a4&#10;t7Jt1BjKSDyP+Yj/AC9Crl1hMksLHBANPOjAqx/wdE32vDUT7J7YxrRzr/DMVi9zVMRDjQaXM0mL&#10;vIoIVSrZrT6xwWsLE8r5cvGw9WH7VJ/ydFFs2iCeM4NIzQ/0ZAD/AMe6DX2q6LOrBen4x2T8KO99&#10;haWqct1rnYew8UAbmKnMaVMgVfr/AJugrvp9fL/Uck9z+hco/k2D/g/yjoVWB+rsJIicpUgDjQUk&#10;H7SCOq+vZx0Feve/de6Pt8p/+MidJ/G3vOMNNV1e2G643TV/qBraDyaNTcaWlqaevkCnnSRYsASS&#10;iw/Rlki8q1H2f8UR0KN7IureG4xU4ag4kip/YVI/PohPs36C/RpvhpvWDZ3fu06bIaGwm+Em6+zd&#10;PKAyTR5MLHTRurXUocglPqv/AGb+0G5ReJEacV7v2cf5Ho62G4EFwAeDArn14j8yQB+fQM9rbJm6&#10;47J3vsaYPbbW5KrG0ryAgyUyyFqSX1c2mpmjcf4N9T9fai2l8aNW9Rn7eB/n0h3C3+lmeMcAcefa&#10;cj+RHQf+3+kfR1O6kPZvxw6N7jiInzGzY5Ol96yDlgaMNNinbi5vTqzyMTy9UgsDe5Van6eZ4vI9&#10;y/6vz/l0I9xH1trHP5r2t6/wkk/aMD+l0Sv2a9Bzo4nx+b/ST1T3P0JOfNk6jE/6VOu4WJv/ABXE&#10;qoq6aBedU9fRhIwAOEWRj/UFl7+hIk3z0t9h/wBR/l0I9oP1kEtqeNNafbjz8hUL+09E79mfQc6N&#10;H8Wczjq/dG5em9yVPg2r3jt59mSySXZKfLoWnwVboBGuWCtHjjH+rmF7AE+y/cEIUSLxQ1/Lz6PN&#10;jlUu0D/DKpHlggH1+Vfzp0XDOYXJbczWW2/mKaSjy2DyU+JyVJKCGjnp5GilQggG6uhH09rkcSAM&#10;OBFeiiaE27lG4qSD+X+rHRhPjbk8fnMnunpDcVVFS7e7qxKYCgq6gXWj3BTM0+ArBZWYA1hMDqoB&#10;kEwBIA9or5CoEq8UNftU8f8AV9vRvs0quXtpPhlFB8nHA5NP85C9F3y2KyGDymSwuWpZaHKYivmx&#10;mSopxZ4p4JGiljcfhkkUg/4j2tVg4BHA5HRNLGYWKNggkH7R0YnYn/GVOnN09XTfv7t61+57N611&#10;cyTUJC/3jxEV/rqjVK6KNQXeSKW3BPtDN/i0ok/C3a32+R/ydHVmP3hbNB+OOrx+pH4l4ep/MkeQ&#10;6LpjMnkMLksfmMVVz0GUxVbFkcdXUzaZIZ4XWSKWNh9HjdQwP9R7XMocEHgcHoljkMTBlNCCCD8x&#10;0NfdONodwJge6Nu0sNNhey/K+48fRqRFjNzU+g5ijA58cNU8i1tMCeYZyq/5prJLRilYm4rwPqp4&#10;fs4dG26xrKFukHbJ8Q/hkHEfnSvqcnh1G67ePf22sh0/XMGzMlTLuPqmpkLEpmDGi1WGXnSsWfp4&#10;VSMHgV0NLawllJ9OPAYSjhwcfLyP5f4OtWLC9jNq3HLRE+TDJX5Bh9grnJp0kev9z0u2MtX4rctN&#10;UVWz9z0p29vTGIoMwpzIGSrp0ewXIYyoVainJt+5GYn/AG5JFZ2ePxQGX4hlT/k+w9J7G4Fq5SUH&#10;Q/bIvmM8ftU5Hnx8+nRoqzqXemSweZjj3BtrKUS0WVjpGKU+awdaI6imrKR2B0NJH4qujkYEwVKR&#10;l0LRvGaEi6TUMEcPVWHkf8B9R08urapij9yNQMPJ4zwIzx8wQcEcePSS3dtl9sZVaeKpGSw2SpVy&#10;+280i6UraCVmEM4UMwSQFGini1MYKiOWBiWjPvUMviD58CPQj/Vjpq8tvpmoDVSNSN6qeB/zj16S&#10;3t046SjPXBxcf6xv711vrpL2/wBjb37q64z1zP8AUXP+A9+6cPr13791vrAfqf8AX9+69117917r&#10;3tg8ertwHWF/1H26nDqnXH3br3Xvfuvde91fh1ZOPXvbPT3Uf37r3Xvfuvde9+691737pyPr3uj8&#10;OnOve2uvde9+691737r3XR+h/wBb295fl0+OHWD2z1vrsfUf6/v3Xusj/T/Y+/dXTj1i9+6d6979&#10;17r3v3Xuve6Pw691xf8ASfdE49e6w+3uvde9+691737r3WF/1H37r3XH37r3Xvfuvde9p+lHXvfu&#10;vde9+691737r3Xvfuvde96PDr3XB/p/sfbacerpx6xe3eneve/de697906nDr3v3V+ve2n49e697&#10;p17r3v3XusB+p/1/fuvdde/de697917r3v3XuuL/AKT7917rD7917r3v3Xuve/dOR9YX/UffunOu&#10;Pv3Xuve/de697T9e697917r3t1OHTqcOve2zx6v173rr3XR+h/1vfuvdYPfuvde9+691737r3Xvf&#10;unU4de90fh1frE/1/wBh78nDr3XD3fpg8eve/dOJw697902ePXvfunU4de9+6t1hf9R9+691m9p+&#10;vde9+691H9qOlHXvbcnXuve2+vde9+691hf9R9+691x9+691737r3XvfunU4dYG/Uf8AX9+6v117&#10;917rOPoP9b37r3XT/pPv3XusPv3Xuve/de6j+/de697917r3v3TqcOve/dX697917r7F38sb/t2x&#10;/L1/8Ud6m/8AeCwHuJNy/wByJf8Amo//AB49Tvs/+4kH/NGP/ji9Hi9oujH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i3+8oOuf/Q59no46v8AjbIUYRv11mkWQg6Sy723MWAP0JUMLj8XH9R7RwH9WX7V/wCODo0u&#10;x/i0H/N3/j/QGe1nRX0O/wAeIBV7z3TReVInrumt80cTP/qn2nlxwPqbC5sObAn8e0V8dKqfR1P8&#10;+jbZ08V3StNUTqPzp0BHtb0U9e9+690M+7YdfSPTddojUDc+7sPq/tsYGwNUb8f5sCvGkXPq1mwv&#10;cpIv7WT7E/wHo1u2ra249PF/4+OgY9q+irr3v3Xuhc76kNT3H2FkWUK2a3FLuI2j8V/4kqV+rR+N&#10;f3Gq/wDavq/PtJYmsK/ZT9hI6Nd7QR3UgHqD+1Qf8vQq/CPdC7X+SWwTLK0VJuFqva1TYn1GspJV&#10;plI/INakP+9/Ue2tzTXCfkQf50/y9Pcvy+HcgfxKyn9mr/n3p33rtSTanzS3LtOKHxLnew6qho6d&#10;RYeHdEDmCJF+rKYsqqKo5YWUEE3DQYy2lfQD/jJ/2OliqttueeBYnPrIh/ytT+XRN/Zr0GOjU/Cv&#10;dp2l8j+vpHkKUm4amo2lWKDbX/EKeSKnU/W4FaIGt+bfj6+0G5JrhPyof5/5j0dbBL4dyB/EGU/s&#10;1f4VHUns3aQ2b3v8itjiBYabIYjO5HH0zhbCm/Y3TSKvkBv46elQgj1ELcG/tuJzJFE3oyg/zXpX&#10;LEsVzcoc6opGFfUhZMfZQ0+zopvsz6DXR5/gDuCkh7hzOwsqBNh+ztj5DblRSM2kSSwx/di/4P8A&#10;kkVSgH19fH9CVbtHWMMPwn+R/wBmnQj5an0SshpRlr9pU/5ieic7t27WbR3VuXamQVlrttZ6rwNW&#10;GFj5KSokgc2/xMd/969mMT+Kob1AP7eiO6h+nkaP+FiM+YBwfz6T3tzpjo+3Tg/0mfDzvjrZlNRl&#10;+tMpT9o7fUkalg0GSqWNT9QkNDVXC86qkDksASi5HgXCP5Ng/wCD/KOhTt5+ssZYc1SpAA8vjA/N&#10;gR0Qn2b9BbqTRVlVjqykyFFM9NW0NTHWUlRH+qOWJg8br/tSOoI/xHvTKGFDwOOrxyGJgy4IIIPo&#10;RkdHU+alHTbnyfVXemKiC47uHrukrMi0fKplcfFFDVwnj0mGGWCKxvdonKkgGxZth0a4jxVv9X+D&#10;+fQh5hQSeHOtaOvp/thX5kN/LokXs06DfR1PirbsLaHeHx9qXDz752ad2bLgk/53eGZZoYo7nSrV&#10;QEZkY2/bpyLj6MV7gPBZJh5Gh+w/6j+3oR7JS6jltj+JdS+gOBU/YdJH2dEtdGjZkdWR0Yo6OCCC&#10;DYgg8gg+zQGvQdIKmhwRxHQjdQb/AKrq7svZm/KUyFdvZuKor4YiQ0tHJeGugBH5mpJJEH1AJBIN&#10;re2LmHx4yvqMfb5dLNvufpJlfyrRv9KcHh6A1Hzp0tvk3sGm697j3RQ4kI22Nxum9toVEF/FJjcq&#10;DUw+AkktDBKZIFYk38JPtqwm8aIV4jtP5f7FOlG9W/09w3o3ePzrX/jQNPlToCqKsqsdWUmQoZ5K&#10;WtoamOso6mE2eOWJw8cin8MjqCD/AFHtWyhhQ8DjotjcxMGXBBBB9CMjo0fydpKTdb7A77w0EEWO&#10;7h22s24oaRdMdNuLGBKLLw6QToEjIkqarNJd5ObliX2DGPVCeKHHzU/6v59Hm9oJtF0nCRe7iaMP&#10;n9mP9qT0Vqlqqmhqaato55aaro50qqWpgJV45I2Do6MOVZGAII5BF/ZgwDCh4HoiRzGQymhBBB9C&#10;M9Ga+RNLS7yodh9/4eGKKm7QxRod6QQaAKbdGLC0+SBjQKIUro1jqoxYF9cj/wBr2gsSYi0J4qaj&#10;5qc/5f59Hm8oLhUu0GJAA3ycY8/sI4fhr59AXsPeeW683ltze2DcLk9t5WPJQRsSElVTpmp5Lc+G&#10;phZ4pB+Udh+fauaIToUPmOim0uTaSLIv4TWnqOBHnxFR0vu99nYfbW8os7tAauvuxMXHvrY0i2tH&#10;SVhYzUDaSwSbF1iy0roSWXxqWsW9s2cpkWjfEp0t+Xn+fS3d7YQya0+CQa1PAZyRwHCvDyBHU3pX&#10;K4/N/wB4Om9y1cFJt7s1IosLkawqI8ZuSm1nDZAu3+bileR6KpIIvBUlmNox7reKUpKvFOI9V8x/&#10;l6vtUgl1W0h7ZB2n+GQcDxHHh8zQcK9A7XUeX2xnKvH1kdVic7t/KPSVMVyk1NV0spRhcEFJIpUP&#10;INwRce1QIlWvEEftB6LGVrZ6cGVvLyIPQq9m0sG78Ti+48RBFENyVZxHYdDSIqR0W40j8ksyxqf2&#10;6bOQg1kXAUT/AHkKDTAPaa2bwiYT5ZU+q/7HDoy3BBcoLpB8WJABhZB5/Y3Hz+ZqeuOAt2Vsttlz&#10;WfeuxqGqy+wp2/XXYtfJWZPBE/VpaYmWvoR9STW041vPTovpP8XfX+FsN8jwDf5D+R63B/uxi8L/&#10;AESMExnzZeJT5kcV4+mB0ybQqId1Ys9b5Wengnnq3r9h5WsYItLk5FVXoJJWssdFmNCRkuRHBVLB&#10;OXjiNUXbmXwTrH2MB5j1+0f4OrWbi7T6djk5iJ/C3mv2N/hoadBvU01RR1FRR1cEtNVUs701TTTq&#10;UeORGKujqwDK6MCCDyCLH2oB1DHRcyFCQcEGhHoRjqOxsB/r8+/da68otf8A17j37p1OHXfv3Wxj&#10;HXvp791vh1hP1P8Ar+/db669+69172wePV24DrC/6j7dTh1Trj7t17r3v3Xuve6vw6snHr3tnp7q&#10;P7917r3v3Xuve/de697905H173R+HTnXvbXXuve/de697917r3t8cOnxw6j+2Ot9dj6j/X9+691k&#10;f9P+sffurJx6xe/dPde9+691737r3XvdH4de64v+k+6Jx691h9vde697917r3v3XusL/AKj7917r&#10;j7917r3v3Xuve0/Sjr3v3Xuve/de697917r3v3Xuve9Hh17rg/0/2PttOPV049YvbvTvXvfuvde9&#10;+6dTh1737q/XvbT8evde90691737r3WA/U/6/v3Xuuvfuvde9+691737r3XF/wBJ9+691h9+6917&#10;37r3XvfunI+sL/q/1/funOuPv3Xuve/de697T9e697917r3t1OHTqcOve2zx6v173rr3XR+h/wBb&#10;37r3WD37r3Xvfuvde9+691737p1Ove6Pw6v1if6/7D35OHXuuHu/TB49e9+6cTh1737ps8eve/dO&#10;pw69791brC/6j7917rN7T9e697917qP7UdKOve25Ovde9t9e697917rC/wCo+/de64+/de697917&#10;r3v3TqcOsL/qPv3V+uPv3Xus4+g/1vfuvddP+k+/de6w+/de697917rAeCR/j7917rr37r3Xvfun&#10;U4de9+6v1737r3X2Lv5Y3/btj+Xr/wCKO9Tf+8FgPcSbl/uRL/zUf/jx6nfZ/wDcSD/mjH/xxejx&#10;e0XRj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xb/eUHXP/AKMJ2n/zJn4wf+GXuT/3sc17RQf20v8AtP8AjvRt&#10;d/7iW/2zf8eHRe/a3op6HX43rBJ2vRQVEwp46zZG8KASkXs9Rs/PQRgD8kySKAPySPaPcDSIn5r/&#10;AMeXo22Ndd0g/wBN/wAcboCvazop697917oasi61Hx22gCjNLie5txJ5ntZY67CbZZY4+S1i9C7O&#10;LAX0m5JNkgNJyPVAf2MejQrqsgx8pio+QKAkD5Vz9vQK+1fRX1737r3Qwd4hJN70GRisYs11vs/M&#10;g+USnyVG08K1QGcclkqvKpBAIK2IHtLZjSmn0Zh/xo9GW6sZJfEIprRGGa4KAf4QekJszcVRtDeG&#10;1d10pdanbO46LPQmM2OqkqY6gAf6/jt7emTxUZfUEftHSW0m+nlRzwVlJp6A5/l1Yn806GDa3yl6&#10;e7Lxzn7LcEGB3AK2MlA9Ri8mql0lCm1qRaY3sStwbfQeyawbXBIvoD/Nf9joVbvFovIHPAsq/wC8&#10;uD/z9/LquXdON/g259x4fQY/4VnqzG+MroK+Coki0lSSVtpta5t9L+zmFtaKfVQf2joLXiCKaRRw&#10;DsB9gYjrHtvOVe2dxYHclAxWu2/mqXOUTA2IlpJ454yD+LPGPe5E8RSvqCP2inVLeXwJFfjpZWp6&#10;0IPVlfyxwtPJ8ieut7YQTnF9ydVVeJhqI1kDTy1mJyGJYDxHWS+PyNKpUf6qxupt7IrSQiBx5qyt&#10;/MH/ACdDS+tg95EW4OkiEfYrenrr/l1V17EHQF6EbqHeJ6/7R2BvMuUh27uyiyFdY21UqzotWl/x&#10;5KZpFv8A4/n2xcx+LGy+oNPt4j+fS3bZ/p50eoA1AEngAe0/yJ6H752bNG0/kTuasgiMVBvTHUe8&#10;aIj9LGeL7aqYEcHXW0szn/g3+t7S7XJrip/CSP8AL/l6MOYofDuNX8ag/mO2n/GQfz6J37MeiLo4&#10;/wAF92UmC71ott5Uo2D7J29X7IydPNzHIZovuadGA5vLNTCEEc/vEEgEkFu6R64tQ4qQfy4dH/Ll&#10;x4U+jNHUj5VXuBP5Aj8+izb/ANqVOxd87v2ZWajPtfclZg2dhbWtNUPEko/qsqKHU/kMD7WwSeMg&#10;b1AP59FN7B9NK8eaBiBX08v2ih6SPt3pN0eXbxHaXwk3bgWKT5/oHe8O6McnLSDEZQyCZB+VQSzV&#10;crf2bQL9CPZS/wDi90G8nFPz/wBQH7ehPD/j23sn4ojUZzQd1T+RYD7OiNezboMdCT09v2o6w7P2&#10;RvuneVE27uCCqyCwlg0lE58NdCNPP79HJLH+f1cg/QsXMXjxsvqMfbxH8+lu3XP0kyOeAND59pwe&#10;HyOPn0Ifyv2JBsHvTelHjljOB3JUpvfbc0FvE9Hlgar9m3BhiqWliS3Fo+PbO3y+LEPUdp/L/Yp0&#10;q3y3+nuW9H7x+fH/AI0D+XRc/a3oo6ONvbV2v8Vtg78UrUbl6MzJ6x3U17yNhqvxvhaiS5Noadyl&#10;LH9Lu0n4AsWRf4vcMnk41D7fP/L/AC6EVz/jtikvnEdDeWMD8z8H/Guic+zPoO9G36TH+lDqHtbo&#10;ucmfN42mPb3WUTtdjkMbH48nQwIQS8lfQNZEUqAweQg2Ygsu/wDF5Vl8j2t9h8/9XoOhDtv+PW8l&#10;sckd8f2+grgZoP8AbE+vRSPZn0HujSdASx7/ANt9g/HzISp5d7UB3f1y0pFot0YiF5YYULsqRfxW&#10;gWWmdzc8Rqou3svvB4LLMPw4b/Sn/N0fbQRdJJaN+MakPo4p8vkK/IH16K/LFLBLJBPHJDNDIYpo&#10;ZQVZGU2ZWU2KspFiDyDwfa8GuR0RMpQkEUIwQeIPRkevYj2r1RujqmQiXdewRVdm9ZauZJqdYgdx&#10;YeL8kz08SVsMa3LSwSAfrPtBOfppBJ5NRW/yHo8sh+8bdrf8aVeP5jzXh6n8yfQdFrVmVgykqynU&#10;rLwQR9CD+CPZgRXojBpkdGH7RVeyNl7e7uox5M4skGxu24kuW/i8EBGPzD+kenN0MF5X+hrIJ7kt&#10;ICUFv+g5hPD4k+w8R+R/z9HW4D66FbofF8Eo/pDg3DzFPkKgDNekP1bujFYfJ5PbW62k/uJvzHjb&#10;m6jGodqW7iShy0Kn61GIrAlQoFjJEJqe+mdrvXMZcBl+JTUfP1H5jpNttwsTGOT+zkGlvl6Nn+E5&#10;/nQmnSfy+M3L1jvaooHqGxm5to5lJqXIY6QMBLCyzU1XSzL6ZIZV0TQyC6vGyOLhvd1ZbmOvEEdM&#10;yRybdNprRkYUI/aD9hHkfLj0quxsXQZihxfaW26Sno8Luupei3HiKTSqYrPxr5KulSJf81RVyH7u&#10;iuAvjeWmUs1JIfaWFiv6bcV4H1Xy/ZwPS6/jEoFzGKK5ow/hk8x9h4j/ACYHWHOad/bdfeEPr3ft&#10;2CKm31TqPVWUgKQUudAvdpQzR01ebXMpp6pi71NQyaT9BtH4T8PyPp/lH7OrT/4/H4o/tFAEg/iU&#10;YD/5Gp8jjoKH+n+x9qeivryfT/Y2Hv3V1xnrn7904RXrr6+/deGesLDn+vPPv3Xh11791vr3tg8e&#10;rtwHWF/1H26nDqnXH3br3Xvfuvde91fh1ZOPXvbPT3Uf37r3Xvfuvde9+691737pyPr3uj8OnOve&#10;2uvde9+691737r3Xvb68On14dR/bHW+ux9R/r+/de6yv+k+/dWTj1h9+6e697917r3v3Xuve6Pw6&#10;91xf9J90Tj17rD7e691737r3XvfuvdYX/Uffuvdcffuvde9+69172n6Ude9+691737r3Xvfuvde9&#10;+69173o8OvdcH/T/AKx9tpx6snHrF7d6e697917r3v3TqcOve/dX697afj17r3unXuve/de6wH6n&#10;/X9+69117917r3v3Xuve/de64t+k+/de6w+/de697917r3v3TkfWJ/r/ALD37pzrh7917r3v3Xuv&#10;e2Djr3Xveuvde9upw6dTh173RuPV+ve69e66P0P+t7917rB7917r3v3Xuve/de697905H173R+HT&#10;nWJ/r/sPfk4de64e79MNx697904nDr3v3TZ49e9+6cTh1737q/WF/wBR9+691m9p+vde9+691H9q&#10;OlHXvdH4de697a691737r3WF/wBR9+691x9+691737r3XvfunU6wv+o+/dX64+/de6zj6D/W9+69&#10;10/6T7917rD7917r3v3XusB+p/1/fuvdde/de697906nDr3v3V+ve/de6+xd/LG/7dsfy9f/ABR3&#10;qb/3gsB7iTcv9yJf+aj/APHj1O+z/wC4kH/NGP8A44vR4vaLox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4t/v&#10;KDrn/wBGF7UH/GGPi+f67L3J/wC9jmvaKD+2l/2n/Heja7/3Et/tm/48Oi9e1vRT0N3xy+3bubZs&#10;FV5ft63+I42Tw21f5Viq6nBF+BZpRzzYc2P09otx/sW/L/jw6ONg/wBy4/8Abf8AHG6BH2t6J+ve&#10;/de6Geniao+PGWmszLie58dEWLcIcjg8oQFW/Jl/hfqNuPGoJFxdH/xI/wCbZ/kw/wA/RvX/ABCn&#10;/Lx/1j6Bj2s6KOve/de6FzthGkh6syLXJynUeKcMYhHcUVRX4ocj/O6Rj9Ov820nlb+0lp+P/mo3&#10;+Q/5ejbdafo0/wB8R/8APw6CP2r6KerL/kpJPvz4f/GPtaKQS5DbJj2lW1kZPk1/bPRzTFhwD95g&#10;V1f0kcWAF7ElmPCnkjPA1x+dR/I9C3c2M9pHMpqy6GLCmCRRv+NU/MdEh7uEJ7g7MqKaNYaTJb2y&#10;OZo4UFlSCuqpKyFE4F0SKdQrWGpQG0rewM7Q1iX7AP2Y/wAnRFusXhXMgOe4t/vXd/l6C72o6L+r&#10;UM7kId5/GH4i9qSulTW9S9mYza2aSVFIjpIK1aM+Uv6DqXGUJsx0usoLkMNPsP8A9jLKn8StT7SN&#10;Q/kT0Nx/jdvbyD8EkVSeNA3hn9rUP2dVf5egbFZXJ4x768bkJqB9VibwyNGb6SVvdfxx/T2extrU&#10;N6gH9o6B1xF4EjJ/CzL+wkdN/u/TPVhXylH+kP45/GXuiJTLVw4V+vtx1gOrXUwRmNS/5X/KsZWN&#10;z/x0tf6XJ7D9GaSP8x+R/wAx6Fe9H6u1inrU4rThVlz+wrTqvX2cdBTpQbT3FXbQ3RtzdeNYrkNt&#10;ZykztEQSP3KSdJ0BI/DFLH+oJHukqeKpU+YI/b0/bTfTSLIPwsD6VAOR+fDo3Hzv29QU/b+M7Bwg&#10;VsB21srG7zoJowFVn8C0r8L6dbwwwysQTdpSxJJJ9l+1SEoUPFTT8j/s16O+Y4NEqyDg68a8SuP8&#10;BXok/sz6DvRyvhBuOhp+2Mn13nHP92+4dm5HYeUiJ9Jkkp3mgbkEeRljlgS4IvObj+hZuiVjDjip&#10;B/bj/DToQcuzBZTEch1OKVBK5z8qauiqbq27X7R3PuHauUQpktt5uqwVcpFv3aWd4HIFzwWQkckW&#10;IsSOfZhE4lUMPMA/t6JrmA20jRn8LEVpStDx/Pj0we79MdHX7XkbtT4s9N9ogioz/V2Sm6c3fKpu&#10;5plRZsTLJfkrHTrGpa92lqGvf6qV2/8Ai87x+Tdw/wBX7f2dCW+P11lHNxMZ0tmvotTXNTRT/tui&#10;UezToNdG2+ImZoMju3dnTG4KlYNtd5bRqdnyPKW0QZWKOSoxFXpVgGlhn1pGPzJKouBe5buSEKJB&#10;xQg/kf8AUOj/AGCUF3gb4ZVI+dQD+ztJ/OnRW8ziMht/MZXA5anakymEyU+IyVK/1jqKaVoZoz/i&#10;kiEH/W9mCMHAYcCAR+fRJLGYXZDxUkGnqDTpV9Xb8yHWPYW0d+Y0yGfbeairpoIzYz01/HV0xJI4&#10;qaV5IjyOH+o+vtu4h8dCnqMfb5dP2Nz9JKsnkDmn8JwfzocfPpffJPYdDsTtXL/wBAdmbypYOwNj&#10;VEalYnxeXT7mFYgbnx08rSQLcklYwT9fbNhN4sYrxXtP5dK95tvp5yR8L94P28f51p8qdA5t/O5T&#10;a+dw+5MJUvR5fA5ODLY2qQm6T08iyxtwRcalFx+RcHg+1MiCRSp4EU6LoJmt3V14qQR/q9DwPy6H&#10;j5J4HFy7lwPa+1qWOm2d3VhF3rQU0APjo8nqEWdxpbSqGWkyQdmC+kLKgHA9pLFzpMbcUNPtHkej&#10;TeYlLrOnwyjV5YbFeHn5n519OgY2Ru/MbA3dt3emBl8OW23losrRk/pcxtd4pP6xTx6o5B+UZh+f&#10;aqaITKVPmOi60uDaSLIvFTX7RwI/MY6EjvzaGHwO7qTdG0ItHX3Z2JTfmywv6aeGrZhWY1rXCy4q&#10;uWWnZb6giRsf1j2nspS66W+JDpP5cD0u3i2EUgkT4JRrX88kfzrTyBA6g9L7uxGCz+R2vu+d4+vO&#10;yMb/AHQ3o3LCmjkkSSiyyJ9DPh61I6lTbUUWWMcSMDu7iLqGX4lNR8/Ufn1XarlYnMcn9nINLfL0&#10;P5evlUnpBbz2ll9ibrz+z89GkeW29k5MbVmI6o30H0TRNYa4J4yskbW9UbK359vxSiZQw4EdI7q3&#10;a0kaNuKmn2jiD+Yz0JtUB2b1muSBM2++pMfFRZNSbyZDaxkEVLUBQNUk2AqJVp5D9fspqf6JSMQl&#10;/wBxpKfhetPk/wDs/wCHoyP+7CAN/okIAP8ASirx/wBr5/LJJJHST643NjMTW5Lbm6TM2xt60yYb&#10;dHgXXJS6X10eVp0P1qsXUHyqosZYjNTEhJ296njLAMvxLkfP1H59UsLhYiY5P7OQaW+Xow+anPn9&#10;h6wSxbh6k33PTTpSyZHB1DU9RET5aLI0NTFYi6kLVYzLUE1wQdM1PMGU+oH37tuU+39oP+cHrXft&#10;c1PNTQ+jKf8AIR/qqOom9tu0OMlx+a2+0020d0QNX7elncSSwMhUVeNqnUKDWY6VxG5Kr5YmhqlR&#10;Y6iMe9wyFqhviGD/AJD+fWr23WIh4/gfK+o9VPzU4/Ya9IdPoR/j7e6TJkdch/T37qw9OvHjn/b/&#10;APFffutnHWI/Ug/S/v3W+uPv3Xuve2Dx6u3AdYX/AFH26nDqnXH3br3Xvfuvde96bh1tePXvbHT/&#10;AFH9+691737r3Xvfuvde9+6cj697o/Dpzr3trr3Xvfuvde9+691728nDp5OHUf2z1brw4IP9D791&#10;7rM/6T791ZOPWH37p7r3v3Xuve/de697o/Dr3XF/0n3ROPXusPt7r3Xvfuvde9+691if6/7D37r3&#10;XD37r3Xvfuvde9p+lHXvfuvde9+691737r3Xvfuvde96PDr3XF/0n20nHqycesPt7p7r3v3Xuve/&#10;dOR9e9+6c697afj17r3unXuve/de6wH6n/X9+69117917r3v3Xuve/de66P0P+t7917rB7917r3v&#10;3Xuve/dXTrE/1/2Hv3TvXD37r3Xvfuvde9sHj17r3vXXuve3U4dOpw697o/Hq/Xvdevde9+691H9&#10;+691737r3Xvfuvde9+6cj697o/DpzrE/1/2HvycOvdcPd+mX49e9+6unDr3v3TZ49e9+6cTh1737&#10;q/WF/wBR9+691lH0H+t7YPXuu/euvdR/ajpR173R+HXuve2uvde9+691if6/7D37r3XD37r3Xvfu&#10;vde9+6cj6wv+o+/dOdcffuvdZl5Ue/de68/6T7917rD7917r3v3XusB+p/1/fuvdde/de697905H&#10;1737pzr3v3XuvsXfyxv+3bH8vX/xR3qb/wB4LAe4k3L/AHIl/wCaj/8AHj1O+z/7iQf80Y/+OL0e&#10;L2i6Me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Lf7yg65/9D72bVw1PTnxrhj1a6Dam5KSo1Cw1ndmVnFv6jxz&#10;Lz/W4/HtHB/ay/an/Heje8/3Et/+b3/Hx0AXtZ0UdDr8ZDF/swPUMU8C1EFXvmix88DmwZKmT7dw&#10;bfjTIePz9OPr7R34rC32f5R0a7I2m6Q/6b+aMOgLIIJBBBBsQfx7WdFRFOuvfuvdDZtl0qOgu2qJ&#10;9cj0XYmzc5TJyFjApN2Uc0twQCT93Glje97gekkI5e2ZD6q4P/GT0a26+JaTV4I0bD5EkqT+zHQJ&#10;+1nRV1737r3Qv9gyCr696Jq/SXo9k5XbzuJNZP2+6c5WqGX/AHWVTJgAfldJ+lvaSA/qSD5qf2qP&#10;83RneR0t4H8ysi/krmn+HoIPavos6st6eSPsf4D94bLs82V67zcu6qJBz4qWL7TLa0+vL/bVyEWt&#10;pJIN2upJcfo3St/FT+fb0K7L/GrB0ONIcY4nTSQeXmTTok3coV96U9ch1Jmdi7Wzhe31lrNs4ieo&#10;Fz+to6p5EZ+NbqzWF7AytBRKejMP2MeibdWMs3iEU1pGw+wovQV+1PRb1Y98Y5pd+/FD5MdWJMpy&#10;G3Yo+wsFESfIZEhWrRYbci1TgowLcK8wJ/VyS348KdH8jg/tof5HoW7O/j2kkQqWUkr8iRVaf7ZS&#10;eiTdupGnafYjwALTVe88jkaMAk2gqqqWpgBLJGSfDKtzpHP0FvZlaGsS/wClA/Zj/J0Q7rGYrmQH&#10;+Mn8mOofyPQde1HSDqwjp2/Znwp7469ZRUZTrDLQdh4VQbvHTsBVTBU/IEdDW3t/x2/ra5Pc/oXK&#10;P5Ng/wCD/KOhXYH6ywkirlKkAcaD9QftII6r39nHQU697917o/XYX/GUPg91TvVfJU5npbd1R17l&#10;5SdXjoahY1hufqoSP+GIq/QajawsPZRD+hdMvk4qPt4/5+hPdUvNvSQUrHQH1AHZT7T2nogvs36D&#10;HT/tXcVftHc+3t1YtymS23m6XO0LA2/dpZ0nQE2PBZADwRYm4I490lQSqVPmCP29P205tpFkH4WB&#10;pWlaHh+fDo1Xzf23Q0vbON7CwaL/AHb7h2bjt/YuRPoXmgSKcG1x5HEcc72JBM9weSAg2t6xlDxU&#10;kf6v59HPMUAWUSjg6jNcErjH5aeibezLoP8AR1fiNLT74xncfx7yUimPtTZEmS2rHMQFXO4cNV0Z&#10;W/pXUB5ZCbXWmC3HB9le4jwikw/CaH7D/qP7ehHsTC4WW2bg61FaEA8Cft4Ef6Xol00MtPNLTzxv&#10;DPBI0M0UgIZXUlWVgeQykWI/B9mYNcjoPMpQlSKEGhHoR1PwmYyG3szic/iZ2pcphMlBlsbUpe8c&#10;9NKs0TixB9MiA+9OgkBU8CKft6tDKYHV14qQR9oNejQ/LvD4+v3jtXuLb0Cw7a7x2hTb0hSO5WHJ&#10;pHHT5ekuSdUsM4R5T9PJMQBYe0G2sQpjPFCR+X+qvR3v8YMiTr8Mqg/OoA8vLBX869FL9mPRB0bi&#10;r09sfFejrv25t4fHPPfwyrsB5ptsZuW9O7G+qT7HIqY1FisUNzxqJYtH+LXFPwyCv+2H+r+fQib/&#10;AHYWIPF4DT56D8h8qZ/oH16KP7Mug70ajq23aPTXYXTtQfNuTZqy9u9ZB7F3NLGI89jIeNbmqorT&#10;xwqSGliZ9NwT7Lbn/FpVl8m7W/yH/V6fPo/sP8ftntzlk/Uj4/mP2mn2vXy6Kv7MuiDoy2wJB2d0&#10;9u/qioBqN0bBNR2l1jfmSSFEUbkxMV+SJqNFro41BZpaZ7fqPsvn/wAXlWTybtb/ACHo9sz9fbPb&#10;8WTvj+zzHD54HmW+XRafZh0RdGJ3Of8ASp1Jid9Jebe3U8NNsvfd2LSVeDkfx4HLNflno5GOOqGO&#10;o6fsiT6rBBH/AItIU/C+V+R8x0eXH+7K2E3F4qI/GpTyb+efM5JwB0EOyN3V+xtz4vcuPjjqTRSN&#10;DX42oJEFbRTo0FbQVIH6qatpZJIZB/qHJHIBCqeITKVP5H0Pkei2yums5FdfI5HkyniDx4/y49Pn&#10;Z+0KDa2fgqtvSVFXsjdmPTdOxsjUcvJj6hnX7eZhwazHVEctHUgf7vgcj0MhKWCQyCh+IYYfP/Z4&#10;9LNwthbvVMo41IfkfL7RwznhXj0oaW3ZewmxxXyb76yxb1WKZR+5k9txl5aqmY39dTgWYzxcFmoX&#10;nW4WjiU0P6D1/Cxz8m/2f8PShf8AdhDp/wBEiFR/Sj8x9q1qPlgAnpLbMy+OlhrtlblqIqbbm5JU&#10;enytQGYYnJIrLS5JQt2EB1eGsVQ2uldnCPNBT6bzKRR14jy9R5j/ADfPpmymVgYJDRH4E/gccG/y&#10;Nwx546SGXxGQwGVyGGy1M9HksdUtSVlNJYlXQ2NiCVdD9VZSVZSGUlSCXVYOKjgek7QtbsUcUINC&#10;P9X8um4/1/p7t1o9d+/db49YWFj791oYx119f63/AB791vrr2wePV24DrC/6v9f26nDqnXH3br3X&#10;vfuvde96PDrY49e9sdP9R/fuvde9+691737r3XvfunI+ve6vw6c697Z691737r3Xvfuvde9vJw6e&#10;Th1H9s9W697917rM/wCk+/dWTj1h9+6e697917r3v3Xuve6Pw691030P+t7bXj17rB7f691737r3&#10;XvfuvdYn+v8AsPfuvdcPfuvde9+69172wePT44de96631737r3Xvfuvde9+6917345691xf9J9sp&#10;x6snHrD7e6e697917r3v3TkfXvfunOve2n49e697p17r3v3XusB+p/1/fuvdde/de697917r3v3X&#10;uuj9D/re/de6we/de697917r3v3V049Yn+v+w9+6d64e/de697917r3tg8evde96691725H05H17&#10;3V+PTnXvdevde9+691H9+691737r3Xvfuvde9+6cj697o/DpzrE/1B/w9+Tr3XD3fpl+PXvfurpw&#10;697902ePXvfunE4de9+6v1hf9R9+691lH0H+t7YPHr3XfvXXuo/tR0o697o/Dr3XvbXXuve/de6x&#10;P9f9h7917rh7917r3v3Xuve/dOR9YX/UffunOuPv3XusyfpHv3XuvP8ApPv3XusPv3Xuve/de6wH&#10;6n/X9+69117917r3v3TkfXvfunOve/de6+xd/LG/7dsfy9f/ABR3qb/3gsB7iTcv9yJf+aj/APHj&#10;1O+z/wC4kH/NGP8A44vR4vaLox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4t/vKDrn/wBD92Iqjov46uFXWy7u&#10;VmtyQMzCQCfrYEm3+uf6+0MH9tL/ALT/AI70cXv+4lt/ze/4+OgB9ruifoY/jvPJTd+9JyREKzdr&#10;7fgJIB9MuVpYnHP9Ucj/AA+vtPdjVE/+lP8AIV6Xba5juIyP41H5MaH+R6DXccMlPuHPQTKUmgzN&#10;VDKhtwyzurDi44I9uQ/Av2D/AAdN3wpNIP6b/wDHj0ze3OkvQz7DDVHVHe1MA7rS4rb2cZFHC+HO&#10;09EJWa30X+JaLX5MgNiVBVHOP1oj/p/+O/7HRvZkC0uB/wA0v+PnoGPazoo697917oYNxx/cdIdV&#10;5EEt9rvrd23ZP2wNPhp9r16Ayg3cP/EnIBA0kNa4PCSMaZn+aof+PD/J0Z3D+JawgV7GlUnyqSrf&#10;4D/qp0D/ALV9FnVjn8uXLUdfvHtTq/KyE4rsHr52mpiTaVqSQ0zoo5Gs0mSmP/BVP+Hsm3haKr+h&#10;p+3P+ToT8tS9zpxqFb5UBIP7dQ6KR3NiKvD1mw4a9XWs/wBH0GOqtV/85iMnlcBIAxPqCPiSnFtB&#10;Ux86NRW2Tagx9XJ/3oBv8vSHel8N41qDpiVCR6ozKf8AB0DXtZ0TdHp/l67rTCd9jbVV45KDf+0s&#10;ht+WmnAMbywIuRjLA+knxUcsYBuCJGWxJHsr3aPVHq/hI/Ycf4adH/L02iYpX4lwPVlNf5DV0Bvy&#10;W2wdm9zbq22dbfwmkxVG8zggSSR4egjqHUs7llNSklm1G9r2H0D+3vriB+3/AAnpjfl03T+hCkfM&#10;aQP8nQEe1vRP0eb+X/uKjpe58nsXLKk2F7P2RkdsVdJKxVZHij+8UEgjlqaCojA+v7nHNvZVu0dY&#10;ww/Cf5H/AGadCPlqfRKyE/EtR82U/wCYt0T7ee2qvZu790bRrgwrNsbhrMBUlhYl6OokgZv6WYx3&#10;BHBBuOPZjFJ4qhvUA/t6JLuH6eV489rECvEgHB/MZ6TXtzpP0fj4cW3/ALH+Q3Qc7CSbemwjufbM&#10;LMotksefHHpVuHL1EtI7C4OiA2I5ZSjch4TpL6Gh/wAP+foUbA31EUtuSBqBIxWmoaSfy7eiEMrI&#10;zKylWUlWVhYgjggg/Qj2bg16DBFMHrr37rXR6Nyf8ZU+Eez8+oE+f6A3tNtXJsBdxiMoYzDI39pU&#10;EstJCpHp/Ze/Iv7KU/xe6I8nFfz/ANQP7ehPN/j23q/4ojQ4zQdtP2FSfs/YRf2bdBjpe9Xb3qut&#10;+xdmb6pNZfbG4abJzxRkgy06yAVUFxzaopmkjP8Agx9s3EXjIy+ox9vl/PpXYXH0kySeQOf9KcH+&#10;RPQvfLzY1PsnvHc9RihG+2t9JF2JtiqpwBFLS5YNPIYgvpESVonRALehVIABA9p9ul8WIA8V7T+X&#10;D+XS7frb6e4JHB+4facH86gn8x0WT2u6Jujj7P8A+MrfFDfey3/f3P0PnV7I20h1GRsHXaosxBGL&#10;2ENLJrqpDb6mMD6k+yuX/F7hW8nGk/b/AKqdCO3P11g8f4ojqHl25P541/y6Jx7NOg50Yv4vbzxu&#10;1+0aXA7lYnZHZ+KqOsd5wswVftMuogjmJZXRGp6rxPrKkqgksQGPtDfxGSPUOKnUPy6ONjuBFNob&#10;KyDQQa0JPDHnnHyBPQRb+2bk+vd67o2RmB/uQ2xm6jETyWsJRE5Ec6C5/bni0yJ/tLD2phlEyBh5&#10;jpBeWxtJWjP4Tj5jiD+YoepPW2+cp1pvzau+8MW+/wBs5iLIrCDpE0QulTTMebR1VM8kL/7Q59+n&#10;iE6FD5j+fl/Pr1ncm0lWQeRz8wcEZ9QT0vPkNsfF7N7Gqqva417E31joOwNhTqPScZlFM6QCxYBq&#10;KYyU7LqYjxDUbn2xYzGVKH4l7T9o/wBX7elu82wt5iy5SQa1I4Z4+VOORTyI6DbY+78rsHd+3N54&#10;STRk9t5aHKUyk2WQRt+5C/BvFURFo5BY3R2BBv7fmiEylD5jpDaXBtJFkH4TWnqOBHnxFR0IffWz&#10;MRtjecWc2ipPX3YuKi35sWQAWjo64s0tA1iwSbGVYlpnQksojUtYt7Zs5TIlG+JTpb7R/n6W7vbC&#10;GTWnwSDWppTjkj5ca08gR0n+o980+wt5U1dl6eTIbRzdHNtbfeHQA/d4avURVsag8GaEaZ4Dcaai&#10;GJri3u91CZkoOIyp+Y6Z227FpKC2UaquPIqcHyPDj86U8+m/szYtV1zvTM7WmqFyFHSyJWYLMxC0&#10;WQxtUi1GPr4TypjqqSRH4JCsWQnUp97t5vHQN+0ehHHql/aGylaPiOKn1U8D5fYaYqCOlr18B2Ht&#10;TKdR1La89SyT7t6rkb9TZBIg2RwoYnhczSQBoF/NdTwItvuJD7STjwG8Ty4P9nkfy/wdGVk31sRt&#10;z8Qq8X20qV+QP5CtSfLoJtv53K7WzmM3Bhqg0eWw1albRzFQwDxm+l0YFZI3F1dGBV0LIwKkj2+6&#10;CVSp4Hovgma1cOuGU1/1f4D0s+y9v4uJsVvjalN9vsvfAlq8fRRlmXGZCHxnJ4V2bm9BNMrQFiWk&#10;opqWVjqdgGoHOUb4l/mPI/n/AIele4QKKTR/BJkD+BvNfLgeGBjh69cwT2DtUMBLPvfY2LAkHBbJ&#10;YCljsrAAanq8HGLHli2OsfRHj2L6/sG/osf2Mf8AIf8AD9vToP10Vf8ARIxn+nGP8q/lUetOgw9q&#10;ekPXX0P+v9PfutDHWNj6j/Q/X37rfXD6H37r3Hrs/wBf9uPbLDz6sesL/X/Ye7pw6r1w93691737&#10;r3Xvejw62OPXvbHT/Uf37r3Xvfuvde9+691737pyPr3ur8OnOve2evde9+691737r3XvbycOnk4d&#10;R/bPVuve/de6zP8ApPv3Vk49Yffunuve/de697917r3uj8OvddH6H/W9tjj17rB7f691737r3Xvf&#10;uvdYn+v+w9+691w9+691737r3XvbB49Pjh173rrfXvfuvde9+691737r3XvfuvdcX/SfbKcerJx6&#10;w+3unuve/de697905H1737pzr3tp+PXuve6de697917rAfqf9f37r3XXv3Xuve/de697917ro/Q/&#10;63v3XusHv3Xuve/de69791dOPWJ/r/sPfuneuHv3Xuve/de697YPHr3Xveuvde9uR9OR9e91fj05&#10;173Xr3XvfuvdR/fuvde9+691737r3XvfunI+ve6Pw6c6xyfj3qPr3WP250y/Hr3v3V04de9+6bbB&#10;697904nDr3v3V+sT/X/Ye/de6yD6D/W9sHj17rv3rr3Uf2o6Ude90fh17r3trr3XvfuvdYn+v+w9&#10;+691w9+691737r3XvfunI+sL/qPv3TnXH37r3WZP0j37r3Xn/SffuvdYffuvde9+691gP1P+v791&#10;7rr37r3XvfunI+ve/dOde9+6919i7+WN/wBu2P5ev/ijvU3/ALwWA9xJuX+5Ev8AzUf/AI8ep32f&#10;/cSD/mjH/wAcXo8XtF0Y9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8W/wB5Qdc/+h77Anil6M+Pccbhnppd3QTj&#10;n0scrSyAc/X0SKeP6/1v7Qwf20v+0/46eji9/wBxLb/m9/x8dAJ7XdE/S+6pnWl7R62qXl8CU+/s&#10;PO05OnQEyNMxfV+NIF7/AI9sXOY3/wBK3+A9LNu/3Ii/5qJ/x4dROx6VqHsPflE7K70e88pSs6/Q&#10;mOunQkX5sSPe7c1jU/0V/wAA69uP+5Ev/NR/+PHpGe3ukfQ3dSMs20/kDi5GYpW9OLVxQKOXmod1&#10;7XrFOoAkCOKKVjyAVBBudPtJc9rRnz10/IqR0abcPESZPLwi1PmhBB/LoEfavor697917oW3Jqei&#10;accFcP23MSRIODksNBa8X1Gr+FGz/nSR+B7R8Lj/AJt/4G/2ejeg+g/6iP8ADH/sdBJ7WdFHRlvh&#10;9u1tm/JDqvIFwsGU3B/dWqVjZWXLwyY5NXI/RNUo45tqRSbjgodyj8SFvln9hr/g6Ntjm8G5XNA1&#10;VPzqMD/eqdCv8+dtHb3aNFGF/Ykkyz08gvYivyk+45VBIFtNTuGXUvJDEtezrZLs7l1Nf6P8hp/5&#10;96M+ZoVjMbKAK66/tDf4WJ/PoiXs46C3Qj9P7v8A7g9qdebyZxHBt3d9Bka4k6QaZahBVKW/AemL&#10;qT+AeQfp7Yuo/FjZfUGn28R/Ppbt03086NUAagCTwAbtP8iejWfzFtuw4T5AQV1PB4otzbHoc3Iy&#10;rZWmFTXUkvqA9Tn7ZWa5JGofgr7RbQ1YyPRj/gHRnzGD4ymn4AK+pDN/kI6IZ7NOg/0IPU+8W6+7&#10;N2HvUMyxba3XRZWsC3u1NHOn3UfHP7lOXU2/r7YuY/GjZfUGn2+X8+lm3z/TTo5NAGAJ9FOD/Ino&#10;xPzx2fHtf5D5/J0qIuN31h6HeVA8JDRuZojSVLqwuCZKujlkPP8AbB+hHtJtUmuKn8JI/wAv+Xox&#10;5hh0T6s9ygn7R20/YAT9vRNfZl0RdGC+K++R15391rn5plgx9Rn029lnk/QKbKK2Pkkk5Hog+4Ev&#10;+BjBsbWKO/j8WJh6Cv7M/wCDo12WfwLlONG7DTz1YH/GqHqL8nNi/wCjrvjsrbUcH29CNxyZrERr&#10;+gUeSC19OiGwBWKOpEf+BQqTcH3uwk8WJT6Cn7Mda3mDwLlxmjHUK+erJ/IGo/LoB/avor6PD8Kq&#10;um3TkO2OicpLbH9wdd1dNjElb0JlcfHLLSTAfVTFDLNLdQbmFAyso9JVuY0aJRxVv9X+D+fQk5ec&#10;SeJA1aOteP8AtTQepDfy6JPWUlTj6uqoKyFqesoql6Sqge2pJI2KOhtcXVlIP+t7NFYMKjgc9B6S&#10;MxMVbBBII9CMHqN731To7XY7ntb4kdVdhjTUbi6Zz03U+6JF5lbHTJHLippPysMEYggQnhpJZLG9&#10;1BVB/i9wyeTjUPt4/wCfoS3Z+usUl/FGdLfZhfzJ7D+Z6JL7Neg10Yf4tb8o9h9z7ZkzRRtq7tEu&#10;wt3087FYpMfllFM/mIK2hhnaKZz/AKmM259otwi8WI04juH5f7FejfY7n6e4WvB+w/nw/nT8q9B1&#10;2xsOs6w7I3nsKt8hfbWemoaaaQWM1KSJaOotzb7ikkjlA/o/t+2l8dFb1Gft4H+fSS/tvpJnj8gc&#10;eeDkfyIr0HwJBBBIINwR7e6Rg06Nz8hv+Mk7C6m+QlMpmrtwYgdcdlzAlmG4MLGEiqZ2Nz5cnjws&#10;ii5tHEoNjyxbZfoO8J8jqX7D/q/w9CHdx9XFFdDzGh+HxCvl9urieGnoovsy6D3Rq8SD218bcvhC&#10;TU7z+PVc+58Mpu00+1cpKiZOFbLdkxVfoqSztaOGRlQAX9lzf4tOD+GTB/0w4ft/y9CBP92FkV4v&#10;Aaj10HjknyAP5Ko6Kp7Meg/0ZvYjL2n0vu3q+pby7s6wWq7R61Zzd5aAKp3LiIrn8xKlfFGoZ3ki&#10;mtwT7L5v8WlEnk/a32+R/wAnR7af4/bPB+OOskfqR+IYHqftJI8h0WT2YdEXRiVDdrdLlLfcb56L&#10;ptSEm8tbtCpndnHJ1OcBkJrj/U0tWf7EHCD/AHGl/oyfyf8A2ejwf7sbX/hkA/Mx/wDQv8gPVugA&#10;oa6sxldR5LH1M1HX4+qjrqGrpyVkimicSRSIw5V0dQwP4IB9qZFDjPA4PRVC5iYEGhUgg/MZ6F7t&#10;aho9w02H7ewVNBTYzfU8tPujHUYVY8duSBUkyVOsagCGmrlkWupRYKEmkhQn7Z7I7dihMZ4rw+a+&#10;X7OHRtuKCYLcpwfDj+GTzH58R5nJ6auuMvjKyPK9c7oq4aPbO9WjWkytVcx4nMxB1xuU4uUg1yGm&#10;rCASaOaRwrSRRAbuFK0kXivl6r5j/KOqbfKr1gk+F+B/gfgD/kPCo4mnSOj/ALx9e7tkSSKbD7n2&#10;pmGhnp6hQTFUU0hSSKVG1JLGxUq6sGjkQlSGRiC72zr6gjpmPxLGX0ZD/g/wg/zHT3vTDY4R47d+&#10;3IUg2zugyMuPjYt/DMhFpNbi3LEvohMiy0zMSZKSWEsxlWZUpCxyjcR5+o8j/n+fSm7hXEsY7H8v&#10;4G81/wAowMfZ0gSL/wDEe3+kJFesTfX/AF/fuvDPXX1H+I9+69w68D/tj9fbNaE9OtwHWGThv9h7&#10;cUU6b64e7de697917r3vR4dbHHr3tjp/qP7917r3v3Xuve/de697905H173V+HTnXvbPXuve/de6&#10;97917r3t5OHTycOo/tnq3XvfuvdZn/SffurJx6w+/dPde9+691737r3XvdH4de66P0P+t7bHHr3W&#10;D2/17r3v3Xuve/de6xP9f9h7917rh7917r3v3Xuve2Dx6fHDr3vXW+ve/de697917r3v3Xuve/de&#10;64v+k+2U49WTj1h9vdPde9+691737pyPr3v3TnXvbcnXuve2+vde9+691gP1P+v7917rr37r3Xvf&#10;uvde9+6910fof9b37r3WD37r3Xvfuvde9+6unHrE/wBf9h79071w9+691737r3XvbB49e697117r&#10;3tyPpyPr3ur8enOve69e697917qP7917r3v3Xuve/de697905H173R+HTnWOT8e9R9e6x+3OmX49&#10;e9+6unDr3v3VH49e9+6unDr3v3V+sT/X/Ye/de6yD6D/AFvbB49e6796691gP1P+v7fHDp8cOuvd&#10;X4db697a691737r3WJ/r/sPfuvdcPfuvde9+691737pyPrC/6j79051x9+691mT9I9+6915/0n37&#10;r3WH37r3XvfuvdYD9T/r+/de669+691737pyPr3v3TnXvfuvdfYu/ljf9u2P5ev/AIo71N/7wWA9&#10;xJuX+5Ev/NR/+PHqd9n/ANxIP+aMf/HF6PF7RdGP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fFv95Qdc/8Aowu+&#10;UUfHH4/SBVDtvPfiM4AuQrbYIBP1IBY2H4uf6+0cP9tJ9if4D0a3f+4tv/zd/wCP9F69rOirpQ7R&#10;qVo917Yq3VmSl3DRVLqlrkJUxMQL2FyB7amyjf6U/wCDpXYHTPGf+GJ/x4dLPvSkhoO7u46GnDCC&#10;i7U3DSQBzc6I8vWItz+TpA591tf7JP8ASr/gHXr81nkP/DH/AOPHoK/b/SToZ+lw09T2bQKZD990&#10;xuMtHEupmFHSrkv9SxCp9l5HPFkRrkC59o7z8H/NRf8AN/l6N9oNPG/555P8nQMe1nRR1737r3Qw&#10;4Jo6nonsmkYL58d2XtLMU7eMEiN8fu2kqF8n6kDvLTm30JT6XA9pXosy/NWH7Cp6M4VMlrIK4R42&#10;p6lgy/5v9R6B72q6LOnDE5Kqw2UxuYoX8dbishDkqSQf2ZYJFljP+wdAfdXXWCp8wR+3p2GUwOrj&#10;irBh9oNerRf5kX2O4tvdB9hYmlEdHuXGZGserUsfItbS4appAxsE1JCjc2DMLDkJ6SPZ+xnX7P5E&#10;j/L0KeZULoj1wGYf70Af+feqqvZ90Eeve/de6sh+XIPYPxy+Lnc0SeSYYNtlbgrAdRer+2jFmY82&#10;WqxVYRf6FyCSeSSbcfCmki/Mfkf9noV74PqbaKfzxUDh3rU/sK06re9nfQU697917qw35MRjsX4u&#10;fGXuWJVlrsTQSda7jqozqdpYY2hiaYXJX9/EVDg2AvUC9w0fsnsv0Z5I+AOR+Rx/I9Cjdj9XaxTV&#10;JIpXGKsO4n/bLTqvL2cdBfrnHI8TpLE7xyRuJI5IyQysDcMpFiCCLgj6e/EV62rFTUYIyCPLo+3z&#10;Tjj3xtv4/wDfdKInPYXXceF3C8K6dOSx+mSXXxYsZaqaIHn001voF9lG2HwmeI+RqP8AB/m6E2/q&#10;J0iuAKagAc8Aw1KP+PV6IN7N+gx0IfUu95et+zNjb5jd1TbW5aXI1gjvd6USBKyIaeT5qV5E4/De&#10;2LmLxo2X1GPt4j+fSzb7j6WdJDwDZxXtOD/InoZPmZsaLZPf+75KBB/BN6eHf+EnQARyxZRTLUPE&#10;R6Wj+/WoVSOLAe0+2y+LEP6Pb+zh/I9Lt/t/AuCRwcBvz4H8yQT+fRWPa/ol6On8PqiHeI7c+P8A&#10;kJQKXt/YNQ2ASUjSmcxCvWUEnP6VVfJK5H6vAgIIAKle5Dw9Eo4q2fsP+r+fQj2FxMJLdjh1JHyP&#10;A0HrQg/7XomVRTzUlRPS1MTwVFNM1PUQyCzI6MVdWH4ZWBBH9fZmCGFR59B50MZKsKEEgj0Ix1iB&#10;IIIJBBuCPe+qg06OP8kwOxuvelPkHTlZq/cu3v8AR52FKuot/HcLqRZ5yxJ8tfSguOT+3Eh/NyWW&#10;P6LvD6HUv2H/AFD+fQj3kfVwxXQ8xoby7snA+0N+VOib+zPoOdG3+NzDsLbHanx4qyklRvvANu/r&#10;5ZSLx7kwkbVMUUWplWM5CiSSKV/r44wPoT7Lb4eCyTD8Jo3+lP8Aq/aehBs7C5jktWI7xqSpp3Cn&#10;5ngD9gPRSnR4neKVHjkjcpJG4IZWBsQQeQQeCD9PZkDXogZSpocEYIPl0LfRnYcPWXZe39xZKEVm&#10;2appNu70xrgulVhsihpcjE8YI8mmCQyItwDJGl+Paa7h8eMgceI+0f6qdGG1Xf0UysfhPa3+lP5H&#10;gaH50p039x9eTdWdk7q2S033lFi8h5sFkgVZavG1KrU46qV0Jjfz0csbMVJUPqW91PvdrN46BvPz&#10;+0ceqbjafRTMnlWq8fhORx404H5g9MnXu9cn11vbbO98OFeu23lo8itPISEnjBK1FNJbnxVVOzwy&#10;D8o7D3eeIToUPmOmrO5NnKsg/Cf2g4I/ME9LfvjY+J2fvf8AiG1Lydf78xcO/NgVAAsMdkNT/aNY&#10;sFmxtQJKWRCS6mIFrFvbNnKZEo3xKdLfaPP8/wDP0r3a1FvLqT4JBrQgYoc04Dh5DyBFekh1tviq&#10;673nht1U9NHkKakkkpMziJ+Yq7HVUT02QoZhcAx1VJLJHz+kkOOVHty4h8dCv7D6EcOk9hdmylWT&#10;y4MPVTx/ziuKgHp07d2NTbD3nVUWHneu2jnKSLdWxMsxv91hq8Gaictc3mhXVBODYrPDKtuPbNrL&#10;4yZ4jB/0w6Ubnai0l7cqe5CMgq3DzPDh8+Pn04dT5zFvUZjrrddXHSbP7Fhixk+QqTaLF5aEscPm&#10;T/qUo6iRoqkjk0VRUjk6R7buFIo68Vz9o8x/q8+n9tmUkwSHskxX+Fvwn9vHgPXA6DbPYPKbazWW&#10;27nKSSgzGEyM2KydFNbVFPBI0UiEi4NnU2IuCLEEgg+30cSAMOBz0gmiaBijYIND/q/wdCfmv+Mj&#10;7Gi3dGPLvTYFFS4Le6KGMldiV00uKzLEk6pKL9vH1Tcej7GQhmed/adP0H0/hbK/I+Y/yjo2c/Xw&#10;+KP7SOiyerL5N8yOB4nzNB0ldk5zHUkmQ23uV3G0N1JHS5aVVLtQ1Eev7HLwoLlpsdJK2pV9U1LJ&#10;U0ylfPqVyZCe5fiHD5+o/P8Aw06YtJlUlJPgfBx8J8mH2efqKih6TmeweQ23mK/B5RI0rcfP4pGg&#10;YSRSKQHinglX0TU9REyyRSLdZI3R1JVgfd0cSAMPPpmeFrdyjcQfy+37DxHTG3JI/wBt7v0z1w9+&#10;6312f979tOKdW1VFOuDer0/2rXX/AIp72hx1XrD7c691737r3Xvejw62OPXvbHT/AFH9+691737r&#10;3Xvfuvde9+6unHr3ur8Oneve2evde9+691737r3XvbycOnk4dR/bPVuve/de6zP+k+/dWTj1h9+6&#10;e697917r3v3Xuve6vw6910fof9b20OPXusHt/r3Xvfuvde9+691if6/7D37r3XD37r3Xvfuvde9s&#10;Hj0+OHXveut9e9+691737r3Xvfuvde9+691xf9J9spx6snHrD7e6e697917r3v3TkfXvfunOve25&#10;Ovde9t9e697917rC/wCo+/de64+/de697917r3v3Xuuj9D/re/de6we/de697917r3v3V049Yn+v&#10;+w9+6d64e/de697917r3tg8evde96691725H05H173V+PTnXvdevde9+691H9+691737r3Xvfuvd&#10;e9+6cj697q/DpzrHJ+PdY+vdY/bnTL8eve/dWTr3v3VX49e9+6unDr3v3V+sT/X/AGHv3Xusg+g/&#10;1vbB49e6796691gP1P8Ar+3xw6fHDrr3V+HW+ve2uvde9+691if6/wCw9+691w9+691737r3Xvfu&#10;nI+sL/qPv3TnXH37r3WZP0j37r3XbfpP+t7917rB7917r3v3XusB+p/1/fuvdde/de697905H173&#10;7pzr3v3XuvsXfyxv+3bH8vX/AMUd6m/94LAe4k3L/ciX/mo//Hj1O+z/AO4kH/NGP/ji9Hi9oujH&#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i3+8oOuf8A0YPeLSVPxs6NkWIiHG9ib5x8stxy8sO1KhOODypYfken&#10;ki4HtFEaTSD1CH9gPRtdKTaQN5AyA/aWqP8AAei+e1vRT1npaiSjqaari0mWlnSojDi41IwYXFxc&#10;XHPvTLqBHrjq8UhiYMOIII+0GvQ3fJ2B6f5D9zxvH4mPY2Um02A4lqpJFbj/AFYcN/je/tLYZhX7&#10;P8vRhvIpcv8A7X+ag9AV7V9FnQ3/AB9dW7AyOPkfRDmurt7YWUr+s/cbOzqxrHcEeV5girwbk2sb&#10;+0l7hNXoykf70OjPaBrm8PydHU+tCpOPnjoEPavos697917oX9io9V1l3hSqJmSjwWD3BIEcBR4d&#10;wUNAHeM/rscppBHKlv6E+0k39rH9rD/jP+x0bWbAWtwPXwv5P/s9BB7V9FPXvfuvdWcdmTy9k/y7&#10;uqtyK71Nd1juqnwmVkbkw09M9dhoIzzwpiqKEr/QaRa3skg/Ru2H8Vf593+ToWXY+p25H4aQmPUq&#10;fC/yk9Vj+zvoJ9e9+691ZP1pAey/5fPbO2GP3GV6q3e+6MTEOTDSRmkyU0hH1s8MuRH+H6ueR7I5&#10;/wBG8Vv4gAfzqv8Am6Flp/jW3OnDRqoeNdJEv+WnVbHs86CfXvfuvdWHdGEdmfDH5EdYsi1GW69r&#10;Iey8GCf3FhCrVzLCpPr9OKqVIAJvU6f1Onsnuv0LlH8mwf8AB/gI6E+3n6uykizVakADy+NRw82B&#10;+fVePs46DHXvfuvdH92Zq7R+CfYe1j/lGY6L3vDvLFRfUx4+sMjzWtyigVGSkP4JQf64KJT4F0re&#10;Tih+3h/kHQmtwLvb2TFYySM+h11/YWA6IF7N+gz1737r3R6+77dnfFboHtxGFRmtizT9O7vlXl9M&#10;Clsa0x/Omnplct9S9WNVyb+ym1/QnePyPcP8P+X+XQn3L/HbOKfJK9refHtJP2sop9vRFPZt0GOl&#10;x1pvSr667B2dvmiDNNtfcNLl3hX/AHbFFKpngNiDpngLxnkcMeR9fbM8XjIV9R/Py/n0rsbj6SZJ&#10;PQ5/0pwf5E9DZ8xdkUez+8c/kcKVl2z2JSQdk7bqohaOSDKhpZ2SwUBPvVnKLYERlLjn2m22XxIg&#10;DxXt/Zw/l0Yb/bfT3BYcHGr5V4H86iv59Fb9r+iTo5fx3/4yX1P3f0DMPPk6vDL2v13Cxa4y2HCC&#10;rghUEhp8hRiOIC3CLIx+gKll7+hIk3lXS32H/Uf5dCPaP8cgltfMjWv248/SoX9p6Jp7M+g50qNk&#10;7syew937a3nhn05PbGbp81SAmwdqeVZDE5AN45lBRxYgoxBBBt7bmiEylT5inSi1uDaSLIPwmtOF&#10;R5j8xjoavlPtPFYTs+Tdm10A2T2zhqbtDaboECrFlVMlVTkRkxxPT1wmUxCxiUopFrEpdvkLppbi&#10;h0n8uH+r5dGO+W4jm8RfhkAcHyqeP7fi/Potvtd0TdGr3r/xlX48bL7CjIm3X0tUw9U72tqMkmFq&#10;DJNtutc20rHTv5aL6lmbQeAOC6L/ABeZk8n7l+3z/wBX2dH91/j9ok34oux/muADxr5j8y3RVPZj&#10;0QdGZ2msfanRe5NjSaZN59MtU9jbLZj66jAzlBuLHJc/8ocojyEaC5INSQLX9l8n+LTB/wAL9rfJ&#10;vI9H1v8A7sLVovxxVdPUqfiH+ridI6LN7MOiHoxG3R/pR6ey2zGRp96dQR1O9NmspLSVWAnkVs7j&#10;FW12OPnZcjCLkiNq6w9lb/4vIG8nwfk3kehDAP3hbmLi8VWT5ofiH+rJwB0Xf2tPRKOhw3h/xkbr&#10;3G9jwkSbr2UlJsvsdF/zlRShBBgc4/5YvDEMdVOfpNBSu5L1ftHH+g5TyapX5eo/y9HFz/j0In/G&#10;lEk+Y4K3+Q+ZPlQdBvsnddTs3cNFnaenhroAklBmMRVE+CvoKmNqeuoagDkw1VNI8ZI9S3DoQ6qQ&#10;/LH4q0/YfQjgekljcm1fVxHBh5MpwQft6cuwtq0u185GcNUzZHae4KJNxbNy0wAefHVBYRrNp9Ir&#10;KOVHpapV4SphlVSVCk1gkMi5wRhh8x/n49KL23Fu/blGGpD6qf8AKOB8/l05UaHfe2DjgPJu/ZON&#10;kqcWACZMhhYQ01RTXF9dTiF1zxX5aj86FrUtPGaH9Bq/hY5+Tev5+fz+3pxP8dj0f6JGO3+lH6fa&#10;vl6jFMdBa36j7U9F/XR/3v37rQ68D+PwfbZ406cpgdYXuG/oR72gx1TrpuRqH/IQH4P/ABv3br3X&#10;H3vr3Xvejw62OPXvbHT/AFgP1P8Ar+/de669+691737r3Xvfurpx697q/Dp3r3tnr3Xvfuvde9+6&#10;91728nDp5OHUc8ce2Tjq3XvfuvdZn/SffurJx6w+/dPde9+691737r3XvdX4de66P0P+t7aHHr3W&#10;D2/17r3v3Xuve/de6xP9f9h7917rh7917r3v3Xuve2Dx6fHDr3vXW+ve/de697917r3v3Xuve/de&#10;64v+k+2U49WTj1h9vdPde9+691737pyPr3v3TnXvbcnXuve2+vde9+691hf9R9+691x9+691737r&#10;3XvfuvddH6H/AFvfuvdYPfuvde9+691737q6cesT/X/Ye/dO9cPfuvde9+69172wePXuve9de697&#10;cj6cj697q/Hpzr3uvXuve/de6j+/de697917r3v3Xuve/dOR9e91fh051jk/HusfXusftzpl+PXv&#10;furR9e9+6q/Hr3v3V04de9+6v1if6/7D37r3WQfQf63tg8evdd+9de6wH6n/AF/b44dPjh117q/D&#10;rfXvbXXuve/de6xP9f8AYe/de64e/de697917r3v3TkfWF/1f6/v3TnXH37r3WZP0j37r3XZ+h/1&#10;vfuvdYPfuvde9+691gP1P+v7917rr37r3XvfunI+ve/dOde9+6919i7+WN/27Y/l6/8AijvU3/vB&#10;YD3Em5f7kS/81H/48ep32f8A3Eg/5ox/8cXo8XtF0Y9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8W/3lB1z/wCj&#10;Ebl/7Jd6p/8AEvbu/wDddtn2gj/3If8A0q9Hk/8AuBH/AKc/8/8ARd/a/oj697917oc/kqp/0379&#10;mNSKz72spMmtUCW1irx9JUq2okliVlFz+Tz+faPb/wCxX8/5E9G+/Yu5P9r/AMcXoDPazoo6Gf49&#10;m/cWzKfUqfxGesxBZubCtx9XSHSLi8lpvQPy1uD9Cjv/AOyb8j+wjo32L/ctP9t/xxugY9rOijr3&#10;v3Xuhe6rlBw/dGOIpz/FuoZ4gKgMeaPO4DKjQV+kg/h9wWBXgjgkEJbo0Kf6cfzDD/L0abZGJBMD&#10;5QOfzBU/5Ogh9quivr3v3XurNviMG7F+LPyi6gkkMs9Bjzu/C0rWJNRNRSSRBOQ2gVmEhuBwpfVa&#10;7m5JuH6MySfZ/I5/kehdsf8AjVrLD59wFeADrQfzBPVZPs76CPXvfuvdWefy4arFZQd2ddZqU/a7&#10;8wVDjYqYm4cGmzSVQCHglqaQkm44UCxvcEm8dpRhxz/KnQs5aJKyA8AUNPt1A/4B1WvnMRV7fzeY&#10;wNeuivwmUqMRWp/SammeGQf7B0Ps4jfxFDeoB/b0GJ4vAdkOdLFa+tDTpr936a6PL/L73RS4rvd9&#10;oZRYZsP2Xs/I7SrKSq4ikdIhXxhuQNTx0ksKgn1eYqAWK+yneI9UWocVIP5HH+GnQh5bn8OYpX4l&#10;wPVlyP2DV0Uff21anY2+N37NrAwqdrblrcBIW/tfaVMkIcH6FXVAwI4III4Psxgk8VFb1APRPeQf&#10;TSumaKxAr6Vx+0U6SXt3pN0eX4EZ2hftPc3V+bYtgO4dgZLaVbT3ADSxwSVCn1XUn7NaqNQQeZBb&#10;8gle6odAccVb/D/s06EHL0oEjRmlGWtD5lfL9hav2dEz3Hgq7a+4c9tnKRmLJ7dzVVgsjERYrPST&#10;yU8ykfgiSMj2Yxv4ihh5gH9ueiSeLwHZK10sVr60NOmb3fpro9vxXJ7G6j+RfQMv71ZmdqL2Ps6n&#10;ZgP9yWKeIuiLYnyVMsdEhK8iNHuGH0Kb/wDRkjl9DQ/Z/wAUT0JNm/xuGW2xU9yj5kUqfkGVf29E&#10;S9m3Qb697917o8PYf/GVvh51bv8AU/cbi6R3DN1buaS+p/4ZUrE+Mlkv6hDAn2tPHe4LvLpP1UFU&#10;P+L3LJ5ONQ+3j/n6Et3/AI9YJJ5xHSeOBhfzJ7D+3oj3s16DXQndMdhVHVfaWyN+wtKItv52KfJR&#10;wkhpaGW8FfCCA3MtHLIo4PJBsbW9sXUPjxlfUY+3y6Xbdc/RzK54Vo3H4Tg8PStftHSu+TfX1P1t&#10;3TvLDYxYjtzK1a7t2nNTcwPjcov3dOKdgLPDTtI9OGFwTCbE/UtWE3jRA+YwftH+x0/vVt9NcMPJ&#10;u8cPxceHzqB8ugD9rOiro3FAR2t8Vcli2Jn3b8dNxHO44MbvJtnOyBKyJAV1N9lkkWZjq0xwkLpF&#10;x7LW/wAXuAfKQU/2w/1fz6EKf7sLEji8Br89Br5nypXHoo+XRR/Zl0HujE/GjcuJod+VOxN1S6Nk&#10;9wYaXrbcjNYiB64qMbXgNZRLQ5EROrkjQpdr/UFDfxlk1r8SHUPy4/6vl0c7JcBJTE/wSjQR8zWn&#10;+Ej86+XQL7t2xldl7n3BtHOQ/b5fbeXqMLkYvx5aeRo2ZT/ajfTqRvoykMOD7VRSCVQw8xXotuYD&#10;ayNG3FSR9vofzGenvrHfVb1pvzbW9qGFKtsHkRJW4+Wxjq6OVWgraOUHho6uklkiYG4s/I91uIRO&#10;hX14fI+XTthdGylWQeRyPUHB/lw+dOlF3jsOg2Dv+tpNvvLU7K3JQ029dgZCQH9/C5SMVVHyeWem&#10;DNTSH/jrC/tuzlMyCvxDtb7R09utqLWY6PgYB0I4aWzj5DgPlQ9I7Ym8st19u/b+8sIy/wAQwORS&#10;sWCQnx1EXKVFLMB+qnq6dnhlX+1G7L+fdZYxMpU+fVbW4NpIsi+R4eo8x58R+zpXdy7Oxe1t1xZL&#10;axabYW+cam9Nh1B5K4+reQGjlP0FTjKlJaSZb3Dw6jww9t20pkWjfEpoftH+fpTulsIJNSfA41p5&#10;ChzTgKU9PIEV6Zes95U2zNzLUZilkyW087Qy7Y3vh47aqrE1ulKpYyQQtTTkJUUz/wBiphhf+zY7&#10;uIvFXHEZU+hHTdhci2kq2UYFXHqpwf2ccZ8vPpt39s2p2Fu3Lbamqo8lS07R1mFzNOCIa/HVUa1O&#10;Pr4fr+3V0ksclr3QsUazowFoZfGUN+0eh8x1q7tTZyFeIGVPqp4H/P5Vr0tNisN97drOqqq0maWo&#10;l3B1fMwJf+JsiCrwqn8R5uCJfCv0+/hp1XSKiZi1N+i3iDhwb7PI/l/g6X2hF3GYDxy0R/pea54B&#10;h8wK5z0FmMyeRwOUocvjKiagyuJrUraKpj4eKaJgynkHkMOQRY/Qi1x7UMokFDkHovSRoGDLhlNR&#10;0qN743H1Iot6bdpIqLb+5ZHE2LpiSmMyUao1ZjhquywXcT0mom9LIkZd5YZyrULEVRuI8/UeR/yH&#10;59K7yNWAmjFEfyH4GHFf8o4YPDHSAH5Ht/pAcZ669svx6cPw9cJBcX/I+v8Arfj3dTXqnWNTY88g&#10;8Ee79e68RY2+v9CPega9eOOuvfjw62OPXvbHT/WA/U/6/v3Xuuvfuvde9+691737q6ceve6vw6d6&#10;97Z691737r3Xvfuvde9vJw6eTh1gP1P+v7aPHq3XXvXXuszcqffutrg9Yffun+ve/de697917r3u&#10;r8OvddH6H/W9tDj17rB7f691737r3XvfuvdYn+v+w9+691w9+691737r3XvbB49Pjh173rrfXvfu&#10;vde9+691737r3XvfuvdcX/SfbKcerJx6w+3unuve/de697905H1737pzr3tuTr3XvbfXuve/de6w&#10;v+o+/de64+/de697917r3v3Xuuj9D/re/de6we/de697917r3v3V049Yn+oPv3TvXD37r3Xvfuvd&#10;e9sHj17r3vXXuve3I+nI+ve6vx6c697r17r3v3Xuo/v3Xuve/de697917r3v3TkfXvdX4dOdY5Px&#10;7rH17rH7c6Zfj1737q0fXvfuqvx69791dOHXvfur9Yn+v+w9+691kH0H+t7YPHr3XfvXXusB+p/1&#10;/b44dPjh117q/DrfXvbXXuve/de6xP8AX/Ye/de64e/de697917r3v3TkfWJ/r/sPfunOuHv3Xus&#10;yfpHv3Xuuz9D/re/de6we/de697917rC36j7917rj7917r3v3TkfXvfunOve/de6+xd/LG/7dsfy&#10;9f8AxR3qb/3gsB7iTcv9yJf+aj/8ePU77P8A7iQf80Y/+OL0eL2i6Me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Lf7yg65/wDRhMjEj/FTZ1Q+ppaf5A7jpoSSbKkm3dru6gfTlowf9e/9T7RDFwf+aY/48ejbjY/Z&#10;PQfYUJ6L37W9FPXvfuvdDt8kVpx2zXy0qyJDW7L2jkwkpuwar2hgqlwbcfrlPH4+ntHYCkQHzb/j&#10;x6Nd8bXdOf8AS/8AHF6An2s6Kuhm+OdX9l3/ANKT2Ug9qYGnbWbACbJ00LNf/aQ5P+w9prxdUT/6&#10;Un9mel22SeHcRnj3Af712/5egjr6X7KurKPX5ftKuSl8ltOrxuU1WubXte1zb+vt9G1gH1APSWaP&#10;wXZOOliK+tDTqL7t030MfSKGp3Hu3GB5VbJ9QbzREiQOXal2xlMikZH1GtqIAEcg2sD9PaW7GFPo&#10;6E/70B/l6MtsfS0i5JaGRQBmp01/ydA57VdFvXvfuvdWI/y0s19j3nuPDTTqlLuDririFK7ALLUU&#10;9djpYzpP63SDz2H10sx+l/ZTvC1jB9G/wg/5uhFy47CR1HApqP2ggD/jx6JZ2ptNth9l7+2YV0pt&#10;jeGRwtPb6NDBVSpA6350yQhWF+bEX59mFs/ixq3qBX7fP+fRRfxeBM60oAxoPRTkfyI6QPt7pJ0c&#10;L4XbxXZXZtRmJ6oUlFRjDyV0zuFQQ1u48PgKgtGQfJ46XOzScHUqozAG1vZZucXiKP8Abf8AHS3/&#10;AD70I+XbkQu6kVDBP261Qfzev5dNHzX2b/cz5J9j08a2o9w10W8aN7W1fxOFKipNhx6a5p1v+dOo&#10;2JIDm2ya4R8qj/V+XSXfofBuScUYKwp9mk/zU9FU9r+ibpc9Zbwl6/7E2PveLUTtXdVDnJY1/wB2&#10;RU9RHJPEbWJE0IZDYg2Y2IPPtm4i8aNl9Qf2+X8+ldjP9NMj1oAwqePacH+RPRnvn5tGHbvyDyed&#10;oViOK7C27j95UE1OdUbs8Rop2VhcEyTUbSn/AJahvow9otpfVFp/hJH5cf8AL0Z8ww6Jw+e5RX0q&#10;vb/gA/b0Sj2Z9EPS56y3jP172Jsne9PqLbW3RRZqWNf92QwTo88JtzpmhDxm3NmNrH2zcR+MjL6g&#10;0+3y/n0qsZ/ppketAGFT/ROD/Inoxnzr2bT7W+Qmfy2O8bYbsHEUW/MVPAdUcgq4zBUyK44by1lL&#10;NJwfo6n6Ee0e1S+JFQ8VJH+X/L0Z8wweFcav4lB4YqO2n7ACft6J17MuiLof/i5v0db989cbjnqP&#10;tsbLnkwGakb9C0eTBoZpJP6pTicTG3N4wQCQB7SX8XixMPQVH5Z6M9nn8C4XjRuw089WB/Oh/Lpu&#10;+SGwP9GXd/Y+0I4DTUFJuKTI4aP6qKGvC11GqsOGEdPUKht9GVlNmBA3ZS+LEp+VD+WOq7tD4Fw4&#10;8idQxT4s4+QJI/LoEfarou6Or8PKiHeI7d+P2QlUUvcGwKhsAkpGlc5iFesoJOf0qi+SVyP1eBAR&#10;YAqV7kDHolH4Wz9h/wBVPz6EWwyCUSW7HDrUfI/CaD1yD/teiYVFPNSVE9LUxPBUU0zU9RDILMjo&#10;xV1YfhlYEEf19mYIYVHn0H3QxkqwoQSCPQjHWH3vqvRy+zf+Mp/F/qXs+Mio3H1LkJOmd5sCGlNB&#10;pFTg6hxwywQxEQBjfXNK3JKtYrg/xedk8n7l+3z/AMv7OhHe/wCPWccwy0Z0P9mBUk5J+E/7Y9E0&#10;9mnQc6MH8Yt8UOy+2sNTZ8q+zN90s/XG+KWVmWOXGZlPtJDKV/3XBM0czGx9MZtyb+0V/F4kZI4r&#10;3D8v9jo32S48CcKcq/YQc1rw/nQfYT0GnZexsj1pv/d2w8qGNZtfOT4vzMCPNCraqapUEA6KmnZJ&#10;U4HpccD2ogl8dA/qP5+f8+kV7bfSStH6HH2HI4fIjpEKzIysrFWUhlZTYgjkEEfQj26RXpMDTI6N&#10;V8gEXsPZ/WXyDpLS1m7MaNg9lMoJKblwkEcX3EraQurLY0RTqo1W8b6jc+y6z/RZoT5HUv8ApT/m&#10;6Pd2Au447ofiGh6UHeP89D+QHRVPZj0Q9Gbxurtb4/ZHDMyT7y6BqJNx4hSLzVO08lMq5KEG2pxh&#10;8kyVALNaOCokVBx7L2/xaYH8MmD8nHD9v+HPR6h/eFoV/HB3D1MZ48T5fyAAHHosntR0VdGI2Mqd&#10;m9Wbj6xmYybt2F932P1oLXeophEH3Hh0/PrpYFr4UHJkpplHMpujl/QkD+Tdrf5D/k6OrWl9btAf&#10;jSrx+pH4l4fn6kkeQ6Lq/wCk+1nRL0OlE3+kzqqbGv8Avb16copMjjCeZK7a0s2urpuW9T4Ksmap&#10;QAE/aVNSTZKYWSH9CSv4Xx9jf7P+Ho6jP11uVPxwio+cfmP9r/IUAFT0CVNUT0lRDVUs0tPU00y1&#10;FPUQMVdJEYMjoy2KsrAEEG4PI+ntURXB6LI2MZxgg1B6FrsaCDdeNx/bWKgji/vFWHF79oqZVSOj&#10;3CEaWWVETiOmzUKmshFlVZhWQRjRTglNAfDJiPllfmv+xw6NL5RcKLhQBqNHA8nH/QQz5/M16SOz&#10;czj6Seu29uKWSPaW50SjzEsamRqOaMsaPKRRgXabHyyEsF9UtO9RTgjzEi8yE9y/EvD5+o/P/DTp&#10;iymVCY5PgfB/onyYfYf2ioz0nc9g6/bWZyGDyaxLW42oMErU7iSKQWDRzQSr6JoJ42WSKRbrJGyu&#10;pKsD7cjkEqhhwPTE8LW7lG4g/l9v2EZHTSf6+6uPPpuuKdYydLA/i1iP8Pdk4da64MLH/Ai492HX&#10;uvDkW/I/T/xT/ff8T79w691x9+PDrY49e9sdP9YD9T/r+/de669+691737r3Xvfurpx697q/Dp3r&#10;3tnr3Xvfuvde9+691728nDp5OHWA/U/6/to8erdde9de6zn6H/W9+62OPWD37p/r3v3Xuve/de69&#10;7q/Dr3XR+h/1vbQ49e6we3+vde9+691737r3WJ/r/sPfuvdcPfuvde9+69172wePT44de9663173&#10;7r3Xvfuvde9+691737r3XTfpP+t7YXj1tePWD2/0/wBe9+691737pyPr3v3TnXvbcnXuve2+vde9&#10;+691hf8AUffuvdcffuvde9+691737r3XR5BH+Hv3XusHv3Xuve/de69791dOPWOT8e/dO9Y/fuvd&#10;e9+69172y3Hr3Xvdevde9uR9OR9e96fj05173Tr3XvfuvdR/fuvde9+691737r3Xvfurpx697q/D&#10;p3rHJ+PdY+vdY/bnTL8eve/dWj69791V+PXvfurR9e9+6c6xP9f9h7917rIPoP8AW9sHj17rv3rr&#10;3WA/U/6/t8cOnxw6696fh1vr3tnr3XvfuvdYn+o/1vfuvdcPfuvde9+691737pyPrE/1/wBh7905&#10;1w9+691mT9I9+6912fof9b37r3WD37r3XvfuvdYX/Uffuvdcffuvde9+6cj6979051737r3X2Lv5&#10;Y3/btj+Xr/4o71N/7wWA9xJuX+5Ev/NR/wDjx6nfZ/8AcSD/AJox/wDHF6PF7RdGP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fFv95Qdc/+jAVMss3xXwkKwHw4/wCQOUllqdQ/VWbcw4jTR+rgUDm4uObGxtdF/wAS&#10;f+bf/P3RvT/EK/8ALx/1j6L/AO1vRR1737r3Q+/IwzTbw2bXTxLHJk+kNh15ZBYOX2liVZhyTYOh&#10;UX/1Nvx7RWI0qwHk7D+fRtvDGRo3PFokY0+degC9reinpa9a1f2HYuwa7x+X7LeuKq/FfTq8ddA+&#10;nVZtN7WvY2/ofbNzmN/9K3+A9LNu/wByIv8Amon/AB4dcex6Q4/sLflAzK5ot55SkLILAmOunS4H&#10;4B08e/W5rGp/or/gHXtwxcS/81H/AOPHpGe3ukfQv9D+Ru0cDSxJPI+UxuYwYjpm0Owr8LkaIhWs&#10;fqJzcfRhdTwfaS+/sj+R/YwPRtsYrdIP9P8A8cboIPavop697917o0fw43Cu2e+du5aVzHS0eFy+&#10;UyBDBAabGYyqy9SGcglAYMe1rDlrKfSzey/c01xfYR/hp/l6POX5RHcUP4lZf+fs/wC89L3+YRs8&#10;7Y+R2ayiQeGk3vt7H7ogKfpLiI46fm5s5noGdhwfWGtZgTTapNUVPQkflx/y9b5gi0ThhXuUEnyq&#10;Kr/gA6I/7M+iLoTOspZvPvajp3kSWu66ysiGJ0Rr49YsuCNf6tBxwew9XpuvI9pbsVC1/jX+dR/l&#10;6NtofQZc0PgyU+0UYf4Ojq/PVE3vtr469503gl/v114mMy0sAtonjSHIJGbWF1lr6lLf2TGR/T2g&#10;2omNnjPka/swf8nRpzEomSOdRg4r50YBl/y9VveznoK9e9+691Yj8jEHZPxJ+NPb8YWbI7Xhk6x3&#10;DOhvITFG9NE8/wBSD5MQzg8c1V7WcWJ7P9C4ePyOR/hH8j0Kd0H1lpHPkkUqftGlj/vSgdV3ezjo&#10;Lde9+691YB33bs34kfHLtmPTPltkyVHU+6JVBMoEKmKjadvyBHjVkB59VWNR1MQCazH09xJH5N3D&#10;/D/l/l0Kdz/xyyimySuDX59rE/ayj9vVf/s56C3XasyMrKxVlIZWU2II5BBH0I9+Ir1sGmR0ez5f&#10;KOwNj/Hv5BQWmm31sMbU3VOlyDlcQ7JM7NaxeWdqlB+dNPY/T2VbefCd4j5Go+z/AFU6Ee9gXMcV&#10;wKZGk0PAkagPyOoHoiXs16DfS56z3rV9c9g7N31RBmm2tuKly7wr/u2KKVTUQGxB0zwF425HDHke&#10;2biLxkZfUfz8v59KrG4+llWTyBz/AKU4P8iehp+YeyqTaHee5K/D6ZNs9g08HZG2quJdMc1Pl1M0&#10;zxiwAj+9E4UWFkC3A9pttl8SIA8V7T+XD+XS/fbfwJyRwcBvz4H8yRX8+iu+1/RN0cX4jVcG66ns&#10;/oDKTRrju6djT0uE+4bTHFnsSsmQxUxJuFVSkjNYXdkiXmw9lu4gx6ZRxRs/Yf8AVT8+hBsTiXxL&#10;ZziRTTzoR6DhWhrX+iOig1VLUUNVU0VXDJT1dHO9LVU8osySRsUdGH4ZWBBH9R7MVIYVHA9ELoYm&#10;KtggkEehGOsHvfVejd/IPV2V1x0/8gYB5sjl8R/ov7JnGot/HcIlqepqGJYGbJ40rKLWASNeAxI9&#10;ltl+g7w+h1L9h/1D+fQh3b/HIYrocSND8OIr5D5hvyp0UT2ZdB7o0/x0lh3zh+yPj/kZY1/0j4I5&#10;7YjzFQIt0YVHqqFFZmURrkaYTU0h5JvGqqxI9l18PCKzD8Jo3+lP+r+fR9s7fUpJaNwcalqaUcU9&#10;B8gT8l+fRXJYpYJZIJ45IZoZDFNDKCrIykhlZSAVZSLEHkHg+zAGuR0RMpQkEUIwQeIPQldPb/8A&#10;9GnYWA3RPTLkMKssmJ3ViJRdK3EV0bUuSpHWxB8tJK+m4OmQIwF1Hti6h8dCvnxH2jh0u2y7+imV&#10;z8PBv9KeP7OP5dd9x7A/0adh5/a9PUCvwiypl9qZZDqStxFdGtXjKpHFw3lpJU1WJtIHX6qfbNvL&#10;46BvPgftHHp7cLX6OUp5cV/0p4fs4V9R0k9obpy+yN04Dd+CmEGX27lYctQu3Kl4XDeORfo8Uqgp&#10;Ip4ZGZTwT7vJGJVKnz6YtpzbOsi8VNft9R+Yx0IHd+0sTg9x0W59pxBNg9k4td7bNRDqFLFUOy1m&#10;KkIAAnxFcstKw+uhI5DxIPbNrIXXS3xKaH/P+fSzdLcROJE+CQal/PiPyrw8qgdIHYu7slsTdeF3&#10;XihFLV4esEz0lQLw1MDq0VVSTqQQ1PWU0jwyrbmORh7dljEylT59MWVwbWQOPI8PUeY8+I/Z0pu1&#10;NpY7bG4aev22Zp9j7wxybr2RVy3ZvsahnDUcshAD1WLqUlo6j6fuws1gGX3S3kMi0b4lw32+v59K&#10;dxtxA4ZMow1KfkfL7R/mr1i643JjMXkMht7c8ko2TvWjXBbnaJBI9L6xJR5WBD9anF1QWZdJVpIv&#10;PTaglQ99XEZYBl+Jcj5+o/Pq1hOsbFH+CQaW+Xo35HPn9nSR3Rt3JbS3Dltt5dIlr8TVmlmaBg8U&#10;gsGjngkHplp6iJlkikHpeN1dbgj27HIJVDDgek1zA1s5RuKn/V+0dK2MDe+0ft/VJvDYtA0lMbDX&#10;X4GMM8kZPDSVOFJLpfUzUDOt0hoI1LB/Qev4WP7G/wBn/D9vS0f47FT8cYx/Sj9PtX8u31p0GY/p&#10;/X28TmnReRgdYZPr/sPdkFOq9eHqGn8jlf8AiR7317rh7317rs/1/wBv/r/8b9663117Y6f6wH6n&#10;/X9+69117917r3v3Xuve/dXTj173VuHTvXvbPXuve/de697917r3t1OHTqcOsB+p/wBf22ePV+uv&#10;euvdZjypP9V9+62OPWH37p/r3v3Xuve/de697q/Dr3XR+h/1vbQ49e6we3+vde9+691737r3WOT8&#10;e/de6x+/de697917r3thuPT68Ove9db697917r3v3Xuve/de697917ro/Q/63tgcetjj1g9v9P8A&#10;Xvfuvde9+6unXvfuneve25Ovde9t9e697917rC/6j7917rj7917r3v3Xuve/de697917qP7917r3&#10;v3Xuve/dWTj1jk/Hv3T3WP37r3Xvfuvde9svx69173Xr3XvbkfTkfXven49Ode90691737r3WA/U&#10;/wCv7917rr37r3Xvfuvde9+6unHr3ur8Onescn491j691j9udNPx69791uPr3v3VX49e9+6tH173&#10;7pzrE/1/2Hv3Xuua/pHtluPXuuXuvXusB+p/1/b44dPjh1170/DrfXvbPXuve/de6xyfj37r3WP3&#10;7r3Xvfuvde9+6unHrE/1/wBh79071w9+691lT9P+sffuvdcj9D/re/de6we/de697917rC/6j791&#10;7rj7917r3v3V049e9+6d697917r7F38sb/t2x/L1/wDFHepv/eCwHuJNy/3Il/5qP/x49Tvs/wDu&#10;JB/zRj/44vR4vaLox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4t/vKDrn/ANGDuP8AZVCLi4+QdyP9fbZt/t7e&#10;0P8AxJ/5tf8AP/Rx/wAs/wD6iP8ArH0Xz2u6J+ve/de6HbvYSPUdTVb1S1YrOidsGNw5cotPSyUX&#10;iYm9jE1KU0g2UALxawRWX+if81H/AMnRxu/+gf8APPH/AM/dAT7W9E/U7F1a0GTx1c3k00ddDVt4&#10;v12jkVzpuR6uOORz+R7pIutSPUEdPW8ghkVz+FlOOOCD0KfyGov4d313TSLFFDHH2pn2ghgACLG+&#10;UqpIlVQAFAjYCwFh9Px7atG1RJ/pQP2CnT+5IY7iQH+In/ejqH8j0D3tR0i6F3oCSmTvPp9a1Y3o&#10;qnsvCUNaJXMa+GoyNPBKWcFSgWOQm9xa31H19prxdUT/AOlJ/ZnpftchiuIyP4gP967f8vQUVEEl&#10;LUT0swCzU0zQSqCDZkYqwuODYj2oU6hUefSORDExU8QSD9ox1h976p0KXS5LdjYWkA1NlsflcCqg&#10;FixyOIr6EKqjl2Y1FlX+0SF/PtLe/wBkfyP7GB6NdkFblAfPWP2ow6PH83NXYXR/xi7uTyVFRlNu&#10;Dbu4q9hfVWVFHT1Qjd/yyVVHXf8ABvUeLey7bP0pHj/1YNP8vRtv368EU3CpGP8Amoob+Wnqsr2d&#10;9BToSupSx3n9qiuz5TaW5MGgjjSVtWQ25lqJSqP6SQai4I9S/qSzhfaa7OlK+hU/sYHox2qLxpwn&#10;8SyD9sbDo7aX7R/lzSLriqMr0b2FqCm3m+2eoHAvz40pc8SDwpWnKi7x29l/9hd+gcf4R/nHRz/u&#10;Zt/mWT8qaD/kQ/6j1W17Oegr1737r3Vivx6/4yX8O/kp1Q4SoyWzJIezMBE/+cASNaqVIB+ecO6G&#10;35qSD+seye8/QuEk8jg/4D/I9Cva/wDHLKWHJK1oPtGpR+bKeq6vZx0FOve/de6sB+MwHZPxt+TP&#10;Skp82Qx2Ii7T2pTG7MaiiCvULEB6lZ5MfSxccHzsDwTcovv0Jo5PyP2f8UehPtI+rtZYKVIyM+bC&#10;qj7AyV/Pqv72b9Bjr3v3Xuj4dVn/AEo/DTuvrdh9xmuos/Tdubcja5YUjJIleEF+Fgp4qxiR9GqB&#10;f6+ye4/xe5R/JxpP28P83QnsqXtjJEeMdWGOA+MU+Zow/Poh/s46DHXvfuvdHf7Pc9qfEXp3sZdN&#10;Rnun87UdQ7qmveU0Ukcc2Jkf/mzTwJBEpbkyTPa/qsVQf4vcMnk41D7eP+foR3f+O2SS+cZ0tngM&#10;Ka/M9p/PokHs16DnSn2VurI7G3ftjeWIcpktr52lzlHY2DPTTJL42+oKSBSjAggqxBBBI9tzRiVS&#10;p8wR0otZzbSLIPwkE0xUeY/MY6H75fbUx2G7dn3ft5B/dLt3A0fam2pUChTHlo/JUglCV1/eLK5X&#10;ghZEve4Zkm3SFo9J4oSp/L/VT8ujLfYBHN4i5WQBgQME8Dnzrhq/0uite1/RL0bv42kdibR7e+PV&#10;Swkqt67cbe/XsTgsy7iwKmqWGBRfS+RoUkjkYAnxRWAJsPZbfDwWSYfhNG/0p/1H8z0INnP1Uctq&#10;fxDUlTQahT8/JT9gPRRWVkZlZSrKSrKwsQRwQQfoR7Mga9EBFMHp525uDKbU3BhNz4OoNJmNv5WD&#10;M4ypF/RPTSrLGSARddSC4+hFweD7pIglUqeBFOnIJmt3V14qQR/qFMHgfl0O/wAnNv4pd64vsza1&#10;OtPszunAxdh4aGPlaasqCUzOPJCoPJR5NZbgKFVZEUXAv7SWEhKlG+JDpP2eX+r5dGu9wBZBMnwy&#10;qHHlnFfPjkE/M/Lot3td0S9Gayf/ABlP4+Y3NAQy7x6BqY9t5gj/AD1TtXJzk4ycj6uMRk5JKYhR&#10;6IaiNnYWFysfoS08nyPkw4/t/wBjoRP/AI9ahvxw0U+pjPDgPLh9gJPHosvtZ0S9GF68/wCMkda7&#10;s6ln/e3Ftr7js3rHVy7yU8A/vBiYrm5++x0C1caD6z0VgNUpujm/RcSeR7W/yH8ujmy/x2Frc/Ev&#10;fH9vmv5+Q9TU8Oi7KLMR/h7WdFKceh42L/xkTYub6rnPl3HgDU776xZhqeSWOFWzeEjJPAyFFAKu&#10;FAOaqk8aDXUm6Sb9BxJ5Htb/ACH8uHR1af47Ebc/EKvH/wA/L+fGnrk8OgL9q+ihfToYaz/jI3Xq&#10;VwHk3p1Xjo6XIm/7lftoyrFTT2tqknwVTMIHNyTQzU9gsdE7e0g/xeSn4XOPk3+z/h6Nm/x2Cv44&#10;hQ/0o/I/7Xz+WST0FWFzGQ2/lsdnMVP9vkcXVpWUspAZdSG+l0YFZInF1dGBV0ZkYFSQVLoJAVPA&#10;9F8EzW7h1wQaj/V6evyPSm3riMej0G6dvQ+HbO6UeppaVLkY+tj0GvxJYlmIopJFMLMS0lJLTSvZ&#10;3dVSxscq3EfzHkfz/wAPSy9iWglj+B80/hbzXy4eWMinSCkFxq/pwfapTXov6xDjkfUe7de65tzZ&#10;gOG+v+v70OtnriDb6/Q8H3vrXXiLG3tP0+DXqOfqf9f37rfXXv3Xuve/de69791dOPXvejw6d697&#10;Y691737r3Xvfuvde9upw6dTh1gP1P+v7bPHq/XXvXXus39j/AJB/4j37rY49Yffun+ve/de69791&#10;7r3ur8Ovde9s9e6j+1HXuve/de697917rHJ+PfuvdY/fuvde9+69172y/Hp5OHXvderde9+69173&#10;7r3Xvfuvde9+6910fof9b2yMH8+tjj1g9vdP9e9+691737q6ceve/dO9e9tyde697b691737r3WF&#10;/wBR9+691x9+691737r3Xvfuvde9+691H9+691737r3XvfurJx6xyfj37p7rH7917r3v3Xuve2X4&#10;9e697r17r3u6cerpx6978/Hp3r3unXuve/de6wH6n/X9+69117917r3v3Xuve/dXTj173V+HTvWO&#10;T8H3WPr3WP2500/Hr3v3W4+ve/dVfj1737q0fXvfunOsT/X/AGHv3XuuafpHtl+PXuuXuvXusB+p&#10;/wBf2+OHT44dde9Pw63172z17r3v3Xuscn49+691j9+691737r3Xvfurpx6xP9f9h79071w9+691&#10;lT6f7H37r3XI/Q/63v3XusHv3Xuve/de6wv+o+/de64+/de69791dOPXvfuneve/de6+xd/LG/7d&#10;sfy9f/FHepv/AHgsB7iTcv8AciX/AJqP/wAePU77P/uJB/zRj/44vR4vaLox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4t/vKDrn/0YShgib4pbnqWjQzxfITBQRzEepUk23uNnUH8BjGhI/Okf09ov+JH/Nv/AJ+6&#10;Nv8AiB/zfP8A1bHRe/a3op697917odu6oqcYToGrpzMfv+iKOWcS2sJINw7komCAAWS1KDySSSTc&#10;AgBHZinif81G/wAA6Nt2bV4P/NCMf4egJ9rOinr3v3Xuhq+RTebuvsGtu7/xXMJnPNJq1S/f00FZ&#10;5iG9Q83n8liBbVaw+gR7fmFfz/wno330BbuQD+j/AMcXoFfazoo6V/X1d/C9+7Iyd4l/h278bXap&#10;76B4a2GS72KnSNPPI4/I9s3ArGw/ot/gPSvbzS4i/wCaif8AHh1x3/Q/wvfe9sYVjT+HbuyVDoi5&#10;UeGsmjspNiVGnj/D363NY1P9Ff8AAOvbgKXEv/NR/wDjx6SXt7pJ0KPSFRDS9zdUTVXkNH/pGwsV&#10;esQBdqeTI08dQq3tZnhZgDcEE3BBsQnuxqiev8J/kK9LdtcpcRleOtR+00P8j0e/b8EnYn8ujfG2&#10;52E+Z6S3zNUUsK+opFFWxVsrk2uUFLlawK34Eem4UWBUx8O6VvJwP5in+HoRLGZbB4/xR6lJOcxt&#10;rx/taAdVf+z3oIdCP08In7X63p52hSmrt8YzGVT1AkKLDVVkNPMzCL9w6Y5WPpBNxwD9CnuxWJv9&#10;KT+wV6X7XIYriMj+MD/ejp/y9Ha+A0ke8sJ8h+i6xobb+66krcdHUWHjmiSfHSSLf+2r5GB/oSpi&#10;DC1j7Lt0GgpIPI/7I/y9HXL7CRZIHOD5edGBVv8AIOq4popYJZYJo3imhkaKWJxZlZSQykHkEEWI&#10;9nAOoVHQYZShKnBBoR6EdY/e+q9Hj/l9bsp8J39DtfI+KTE9kbUyO0aymqP827iIV8QYcDU/2bwr&#10;/XylRyw9lm6x6otX8JB/I4/zdH/Ls5jmKV+JcD1Zc/yGrop3Ym06jYe/d57LqQ3m2ruiuwJZv7S0&#10;tTJEkgP5WRFDA/kEH2ugk8VFb1A/b59FV7B9NM6DADGlf4eI/lTpG+3ekvRt/g/vZdl/I3ZUdQ+n&#10;G7zE+w8nGTZZFyKAUsbA8OrZGKm9J4Nv629l+5x+JEfkQf8AJ/gPR1sEwiuAD+JStfT8Q/Oq0/Po&#10;E+5dkP1v2t2BscxmOHbm6qyhoAwILUnlaSiex5/cpHjf8/q+pHPtTayeNGreoz9owf59Ityg+mnd&#10;MABiQBwAPcB+wjoNPb/SLo4Pwc3dSbf73xm28vpk272fg63rrN00liki1sXkpkIP5kq4I4rixAkY&#10;cgkEt3WLXFq81IP+To95euPBn0+TqR8qjur+wEfn0W3sDaNXsHfO79k12o1W1dyVmBkkb/dgpp3i&#10;SUcC6yoodTYAqwIHPtbBJ4yBvUA/n0V3kH0srR5wxpXiR5H8xQ9JD270m6O58PpYt74rvD4+1jKf&#10;9K3XsuR2tHIRb+OYXXVUKqG49Rbyv9LrTAXHBBVuX6RSYfhah+w/6v59CPYiLhZbc/iUkVyAfhJp&#10;65B/2vRJpI5IZJIZo3ilicxyxSAqyspsyspsQwIsQeQfZqDXoOspU0OCMEHiD1w9+610c3JX7V+H&#10;OIyl2n3L8cd5tg64kanbb+4HVqWRm/VaGvVYY1+iRRMeL+yxf8XuSPKQV/Mf6j+3oRP/AI9Yg/ih&#10;NPUlcDFOAoR/vHRMvZn0Helh1/vLI9e732pvfEm9ftfO02ZhjP0kEMitJC3+0Tx6o2/2lj7amiEy&#10;FT5jpTZ3BtJVkH4Tn5jgR+YqOhc+U2zMZtTtvKZXbYVtl9j46m7O2XURrpR6HMp9yVQAsqrDVGaN&#10;VBNkVeFuAE9hIXjAPFe0/l/sdLt6txFMXX4ZBrBGQa8c/M5x5EdFz9reijo1uxh/pT+O2/OvHvPu&#10;npqrftrZS21SSYifRT7ko05JWKAmGtsqnU4a5A9l03+Lzq/k/a32+X+r0r0f2v8Aj1m8P4ojrT5r&#10;mo4VPE/mV6Kl7MeiDoZuh984/ZHYFINxlpNj7voJ9ib/AKS4CyYjKJ9vUSHV6ddG5SqjJ+kkCn2g&#10;u4jKpp8QOpftHRxtVyLaUavgYaHB4UPrXFAePyr0j+x9j5PrbfW6Nj5e7Vm3MtJQrUWstRBfXTVU&#10;f1/aq6Z0mQ/lHHu0MomUMPMfz6YvLY2krRnyOPmOI/l0z7W3Nl9mbkwW7MDUGlzO3crBl8dOOQJY&#10;JFkUMP7Ub20up4ZSVPBPu0iCVSp4HqlvO1s6yLxU1+35fmMHoR+7ts4jG7mx+8Np04p9i9nYld7b&#10;UgTlaTzyOmQxRI48mJyKTU1vr41ic8OPbNq5ZdLfEpof8h/Pow3GFUkEifBINS/b5j7QfLyrTy6C&#10;7CZnJ7czGLz+FrJsfl8NXxZPG1tObPFPA6yRup/qrKD/AEP0PHt91Dgg8D0lilaFg64INR0JvcGF&#10;x0ldhuyNs0cNHtLs2lkzdPQUgtDjcrG4TNYdeSEWjq28sC8H7KopGt6vae2c0KNxXH2jyPSzcohq&#10;WdPhkFfsb8Q/bny+WB0H+0d012zNy4vcdDFDVNQyMlXjqq/grKSdHgrKGpCkFqatpZJIJl/McjD6&#10;+3pYxKpU/t9D69J7W4Nq4cZpxHkQeI8+I6duxNrUO2s3T1GCmlrNn7ox6bl2dXynUzUM7Opp5mso&#10;NXjqiOWjqbC3ngkK3QqTSCQyCjfEMN9v+zx6cv7YQNVMow1Ifl6faOB8/XrrZWToZlyGy9wVUdJt&#10;7dLxBMjUE+PG5KLUKHJtYEiGPyvBVWDXpJpnVGmjh0tTqQdQ4j+Y8x/lHz6ds5FZfCkNFfz8lbyb&#10;P7DwweOOkdlcbXYTJ12IytNLR5DG1clBX0kws0csTFHU/UXVgeRwfwbG/t6Jg4qOHSGWNoWKsKEG&#10;hHTWRYke3uqddqfqD9G/P+9H/ffj37r3XE8cH6j37r3Xf1H+I9scen+HUc/U/wCv711vrr37r3Xv&#10;fuvde9+6unHr3vR4dO9e9sde697917r3v3Xuve3U4dOpw6wH6n/X9tnj1frr3rr3Wb+x/wAg/wDE&#10;e/dbHHrD790/1737r3Xvfuvde91fh17r3tnr3Uf2o691737r3XvfuvdY5Px7917rH7917r3v3Xuv&#10;e2X49PJw697r1br3v3Xuve/de697917r3v3Xuuj9D/re2fP8+tjj1g9vdP8AXvfuvde9+6unHr3v&#10;3TvXvbcnXuve2+vde9+691hf9R9+691x9+691737r3Xvfuvde9+691H9+691737r3XvfurJx6xyf&#10;j37p7rH7917r3v3Xuve2X49e697r17r3u6cerpx6978/Hp3r3unXuve/de6wH6n/AF/fuvdde/de&#10;697917r3v3V049e91fh071wf6f7H3ROPXusXt3pp+PXvfutx9e9+6q/Hr3v3Vo+ve/dOdY5Px791&#10;7rkn6R7Zfj17rl7r17rAfqf9f2+OHT44dde9Pw63172z17r3v3Xuscn49+691j9+691737r3Xvfu&#10;rpx6xP8AX/Ye/dO9cPfuvdZU+n+x9+691yP0P+t7917rB7917r3v3XusL/qPv3XuuPv3Xuve/dXT&#10;j1737p3r3v3XuvsXfyxv+3bH8vX/AMUd6m/94LAe4k3L/ciX/mo//Hj1O+z/AO4kH/NGP/ji9Hi9&#10;oujH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i3+8oOuf8A0YbC+ap+K3YMAMSw4zvXa2SJN9TebB7qp2W9yOCE&#10;I4H9rk8AImOm4HzQj+dejlEMlgx/hm1ftVV/y9F59reibr3v3Xuh97ckWq64+NFZ4FikbqjI0DOO&#10;Sy0u890RLdrC/wCWt/Z1n/XKO2GmSQf0gf2qD0b7gwlggelDpZfyQhR/lP59AF7WdFHXvfuvdDd8&#10;h0UdoVMwcSGv2PtDLO4tbXWbQwVW4W39gPMQv19IFyTz7SWIpEB82/48ejTen13Ln10f8cXoEfav&#10;or6z0tRJR1NNVxaTLSzpURhxcakYMLi4uLjn3pl1Aj1x1eKQxMGHEEEfaDXoWPkFTwU3e3ciUppj&#10;SSdn52qovs7eLwT5KpmhCABQFEUiiwFh9BcWPti0bVEn+lA/YKdK9zjMVxIDx1E/713f5egg9qOk&#10;PSh2lWtjd17ZyKatdBuGirV0toN4qmOQWcAlDdfr+Pr7anFUYf0T/g6VWLaZ4z6Oh/40OrQfhgsW&#10;U338t+hKuSnWi3fi8tFEoGlEFPV12HqSij6I8eUjuNJsI1taxBJL4EJFIOIAz+QI/wAvQq21w01x&#10;E2R4jHTjgWZW/wCfR1VLWUlRQVdVQ1cbQ1VFUvSVMLfVJI2KOp/xVgR7P1YOAR556B0kZiYq3EEg&#10;/aDTp62hkGxO7Nr5RGZGxu4qLIK6toIMNTFICH/skafr+Pr7bnGpGH9E/wCDp+xbTPGfR0P/ABod&#10;Gv8Ai9uFuuPmRg6Ocyx01fvfKdf10TMNTGuepoadXZRpJWvMDGwsdNha4IQXaeLbA+gVv8H+Q9HF&#10;jJ4N+6+TNIpr9pI/mo6Cr5R7L/uD8ge1duJD4KUbsnzWOiF9K02UC5KnRCfqscVWqDkn02JJB9qb&#10;GTxIlPoKfsx0X7vF4Nw/HJ1VPnqGo/zJH5dAH7V9FvS2613dNsHsLZO9YCwfau6aHOuq39cdNUxy&#10;yxkDkrLErIR+QxHtqePxUZfUH9vl0qsZ/ppkcmgDCv8ApTg/yr0ar+YHtGHb/wAgq3cNAsTYrsTb&#10;OP3fRz0xBid/EaGdlI4LSPR+U2+vlDf2vaHapNUWn+Ekfkc/5+jXmGHw5g/8Sip/pL2/yGnoj/sz&#10;6IOnLDZWtwOXxWcxsnhyOGyUGVoJefTNTyrNE3BB9LoDwR/r+6ugkBU8CCP29OQymF1ccVIYV4VB&#10;r0eD594qjyXYGwO4MPC6YTubrXHbkgkaxvUQQRRumoABjHQS0d/zc/0sAWbUxCsh4q3+H/ZB6P8A&#10;mONS6SqQQ60x56c1/MMKfZ0Q32a9Bzp2wOartuZzDbhxcpgyeBy1PmsdMpIKT0syTwsCCCCskYPB&#10;v7q6eIpU+YI/b07BKYHVxkqwb9hr0cT51Yahquzdr9sYOHRt3urr/Gb1oZFAt51po6eeMlRpMiwL&#10;TvIRyXlJPJPsu2tzoKHirEft/wBmvR3zDEBIsq0IdePqV8/s0ladEl9mfQf6Enp7fkvWPaOxN+xl&#10;/HtnclNX1yR6gz0hfxVsQ083mpJJE/P6uQRwWLqLx42T1GPt4j+fSzb7j6SdJDwBz59pweHyJ6E3&#10;5d7Di2B35vmloUjGC3PVrvrbssAtFJSZcGqJhtx4oqppoVtxaPiw49sbbL4sIrxHafy/2KdK98t/&#10;p7hqcG7x+fH/AI0D0Wn2u6KOjcfDnN46fsPPdUbinSLa/eGza7ryv8wZkjrZYnlxlSqgj/KI6hTF&#10;C39l57gqfUC7clIQSDihB/L/AFU6PdhlHiNC3wyKQR60B8/9KW/OnRXc/g8ltnO5nbeZp2pMvgMr&#10;UYXKUr3vHUUsrwTIbgH0yIR9Pa9HEihhwIqPz6J5ojA7I3FSQfTBp00+7dNdG9r79q/EzGZLV9zu&#10;r45bpOFrh9ZG2zn3VqSRzq1MtJkozCgKkRxAkMASPZaP8XuCPKQV/wBsP9X8+hA/+P2QPFoTT1Ok&#10;0HAeVKfkh+fRQvZl0H+hU6T7C/0XdnbU3jNH9ziaKv8AstyUDDUtTi6xGpcjA8dmEgeklfSpBGsK&#10;bEge093D48ZXz4j7Rw6MNsu/oplcnHBuPwn7ONONPUdcu7uvB1b2fuzZ1PKKrD0lcK/bNejiRKnF&#10;VqLV42dZQSsmujmjDMCRrDi9wffrSbx4w3nwP2jj1rc7T6OZkHCtV/0p+3jThX1HQU+9nj0nHDoz&#10;XYS/6TOl9idqwgTbk6/aHqLsYqp1yQRRvLtvJSkE6/LRpJRySt6mkp4wx9SXQxfoStH5N3r/AJR/&#10;m+XR3d/47bJPxZP034mo8ian5ip8y3y6LIfof9b2t6JejCdcH/SR1pu3qOf97ce2vuez+r9XLvJT&#10;wD+8GIi/J++x0C1caD6z0WkDVKbo5v0HEnke1v8AIejuxP1kLW5+Je+P/Kv51wPUknh0Xz2s6LOh&#10;z6nki3nic/0tkJIxJu2Vc315NMQop9z00ZSnhD/2Y83S66FwTpMzUjt/mQQkuR4REo8sN81P+bj0&#10;aWBFwrWzfi7kPo4H+UY/wZPQFTxSwSvDPHJDNC5hlilBVlZSQysrepWU8EHm/tWDXoroVwcEGhB9&#10;R0L+xz/fva+R6sqSZM3SzT7q6ykNixrxEn8Rw4ZiLR5ekgV4VF711NAiAfcysUs36LCTy4N9nkfy&#10;/wAHRpaf45Gbc/EKtH9tMr9h4+Qrk9A2QfyCCDYg+3nFc9FfDH59CNlR/fXaaZ5P3Nz7LpIcduRR&#10;cvV4oNHTUGRP+qkoXaOinPH7bUTAM3nf2niPgtp8m4fI+Y/PiPz6MpP8di8T/REoH9WTgG+0cDxx&#10;Qk9Bp+pL/lOD/rf8a9q+i3rH7317rkfUL/kcH/iD/wAR711vrj7Y4dPEV6xOObj6E/7z72evDrh7&#10;11vr3v3Xuve/dXTj173o8Oneve2Ovde9+691737r3XvbqcOnU4dYD9T/AK/ts8er9de9de6zf2P+&#10;Qf8AiPfutjj1h9+6f697917r3v3Xuve6vw69172z17qP7Ude697917r3v3Xuscn49+691j9+6917&#10;37r3XvbL8enk4de916t1737r3Xvfuvde9+691737r3XR+h/1vbPn+fWxx6we3un+ve/de69791dO&#10;PXvfuneve6Pw69172117r3v3XusL/qPv3XuuPv3Xuve/de697917r3v3Xuo/v3Xuve/de69791ZO&#10;PWOT8e/dPdY/fuvde9+69172y/Hr3Xvdevde93Tj1dOPXvfn49O9e90691737r3WA/U/6/v3Xuuv&#10;fuvde9+691737q6ceve6tw6d64P9P9j7onHr3WL2700/Hr3v3W4+ve/dafj1737rcfXvfunOscn4&#10;9+691yT9I9svx691y91691hb9R9vLw6eXh1x9+fh1br3tnr3XvfuvdY5Px7917rH7917r3v3Xuve&#10;/dXTj1if6/7D37p3rh7917rKn0/2Pv3XuuR+h/1vfuvdYPfuvde9+691hf8AUffuvdcffuvde9+6&#10;unHr3v3TvXvfuvdfYu/ljf8Abtj+Xr/4o71N/wC8FgPcSbl/uRL/AM1H/wCPHqd9n/3Eg/5ox/8A&#10;HF6PF7RdGP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fFv8AeUHXP/oxG2ZIz8Xu24Q6mVO3tnSPGDyFbHbrCkj6&#10;gMUYD+tj/T2hkH+MIf6LdHluwNhKPMOpp8iUp/gPRd/a7oj697917oeuyHq5umfjlJML0tPg9zY6&#10;iewHCbkq6iROOSVer1XP+qABsLBFB/bS/wC0/wCO9G94KWlv/wA3v+PjoBfa3oo697917ob+95DU&#10;Z3YNXpCJUdIbKjjS9z/ku3MfQsTwANclKzAC/pIub3AR2ZqH/wCaj/4ejXdV0+D84Iz/AIegQ9rO&#10;irr3v3Xuhe751P2vumrY0rNlBQZwtRcRt9/jKOt1LwOW89z9fUTy31KPb/7FfzH7GPRvv1Pq3p/R&#10;/wCOL0EPtZ0Ude9+691YR0zvT+7H8wCsykkifZ747JzeLqxEbI43A9TLSiNiSDF99UQMhudaAWJL&#10;A+yeZfFtAfQD+WP8HQpg/wAV3F0BwxYGvzHif4QB0AHyz2g2yPkZ21hfAKeCfdcu4qNE/R4cskeU&#10;jCfjSoq9NhwpUr9VI9rLB/EhU+gp+zH+Dop3mLwrl6VoaN9pYAn+dei7e1nRZ0L3ZOZnwvem890Y&#10;poIp6Xsys3XijR60jQtkXr6cR6iZFVNSgXJIt9SefaS3HiwKPVNP8qdGt8TZ3jNxKya/tzr/AMvR&#10;tf5i+Io67ffWHa2JhZMR2j1tT1kExIIklpCsmq44uKKvpAbccA/n2j2hjpZD5H/D/wAV0YcyRgOj&#10;g8QV/JTWv56uq7PZv0Guve/de6sV+RxHZPxF+Mvba6JsjtdZess/MnMhaOJ6eN5/yLvhS9zbmpBH&#10;Dj2TWf6E7x8Acj/CP5HoUbofq7SKbJIpU/aNLH/elA/wdV1eznoL9e9+691YJucDtH4CbJ3AoNRm&#10;+hewptr5KcnUy42vYBAV5Kpetx8at+m0LD6/Qoj/AELojycVH28f8IPQmmP1m3q1cxkA4/hOgD/e&#10;WBP2dV9+zfoM9e9+690fPPn/AEqfBPaeaH7+e+PXYE22q9v1OMRljG0cjDkqnmqKSFDwumnYEXFw&#10;Up/i90R5OK/nx/wg/t6E8v8Aju3K3nEQDjyGKD/aspP2dEM9m3QY697917o8Hd1+zvjD0D3At6nN&#10;bJNR0lvSpFiwFGGmw/k+hJ+0Quz25epAY6iCxVa/oTvH5HuH+r8/5dCTcf8AHLSOfzXtbzP8JJP2&#10;qKf6boj/ALNeg306YPM1+3c1h9wYqY02UwWUp8zjagXvHUUsqTwuLEG6yIDwR9Pr7q6hwVPAgg/n&#10;05DKYXVxxUhhXhUGvRp/mRh8dV9g7d7c29AsO2e89l0PYFFHHciGteFIMnSsx4M8dQgklseHmI4+&#10;gLtschDGeKMR+X+qvR1v8QMizL8Mqgj7QB5eWCv516KJ7M+iHoz/AMTNx4yk7Nm2BuWYR7P7n29V&#10;9XZ/WFYRvkUtjqhVdlQTQ5BYgjk3QSOV549oNxjLJrXih1D/AC/5/wAujrY5wkpjb4ZAVIrQE+X7&#10;cqP9N0X/AHVtvJ7O3NuDaeahMGW23manCZGOxAE1NM8LlbgEoxS6n8qQRwfayKQSqGHmAeiu4gNt&#10;I0Z4qSPt+f2HiPl0we79M9Gt31ftL46bA7FX9/c/TtcOod6NctI+ImD1W26x7jiKC81FcsSXC2UL&#10;7Lof8XmZPJ+5ft8/9XpTo+uv8etEm/FGdDnGRih41PEfmzHoqXtUePRQOHRgvjrnMYd2ZXrTc1Ul&#10;Ls7uXCtsDMVE1tFJWTOsuEydmdE14/KpC+pjpWNpbg+0l4p0hxxQ6h9nmOjbaJB4hhf4ZV0Hhhvw&#10;kYOckD5mvl0Ce4cFk9r5zNbbzVM1Hl8Dk6jD5Ole9456aRopV5AuA6Gx/I59qEcSAMOBz0XzQtbu&#10;UbipIP8Aq9PTrNs7c+V2VunAbuwcxp8vtvLQZnHyc28lPIsgVwCC0b6dLr9GQlTwfepEEqlT5jq9&#10;pMbeQOOINft9R+Yx0JfeW2cTid20+6Np0wp9h9l4tN+bOjTlaeGrd1rMaW+nlxORjnpGX62iRvo6&#10;3ZtXLLpb4lND/kP59GO5QhH1p8Eg1L+fEft8vIEdA9TVNRR1EFXSTy01VSzJU01TAxSSORGDI6Op&#10;DK6MAQQbgi49qCK4PRerFCCMEZBHkehn7gpKbdFJt7uXEQwRUm/fJQ7xpaVQq0e6KOOI5RSii0ce&#10;UWWPIQ82JqJY1H7B9pbYmMmI/h4fNTw/Zw6MdwQShblaUfDgfhkHH9vEVJJ4nj0ClDW1eNraTI0F&#10;RLSV1BVR1tFVQHS8UsTiSORGHIdHUEH8Ee1TKGFDwOOi9HMZDDBBBB+Y6FDsqipM1Dh+0MLBBT43&#10;ezyx7gx9KqolBuCnCNk6dY0ssNNV+VK2lFtKxVBgW7U0lkkJ8MmNvLh818j+XA9GV+onVbhBhviA&#10;8pBxHnx4ipqa1x0gNu7gqdsZqjy9NFFVLCJKeux9Tq8NXSTxtBV0c4UhjBVU0jxPYhtLEqQwBDrR&#10;eICpx6H0I4HpFbTm3cOMjzB4Mp4g8eI6mbwwNNgcpBPiZZavbOeoxmts10365KOV3TxTEAL91RzR&#10;yU1QB6RPC5W6FGO4ZC4z8QwR8/8AMeI6cvIBC1UyjDUh+R8vtBwfmOkkw0m31H1B/wAPboNekpFO&#10;ugbH/D6H34ivXgadeIsbfUfg+2SKdPA16w35ZT9Cfqfx/j78OvHriRYkH6j3rrfXXv3Xuve/dWTj&#10;173o8Onuve2Ovde9+691737r3XvbqcOnU4dYD9T/AK/ts8er9de9de6zf2P+Qf8AiPfutjj1h9+6&#10;f697917r3v3Xuve9Nw69172x17qP7Ude697917r3v3Xuscn49+691j9+691737r3XvbL8enk4de9&#10;16t1737r3Xvfuvde9+691737r3XR+h/1vbPn+fWxx6we3un+ve/de69791dOPXvfuneve6Pw6917&#10;2117r3v3XusT/X/Ye/de64e/de697917r3v3Xuve/de6j+/de697917r3v3Vk49Y5Px79091j9+6&#10;91737r3XvbL8evde9169173dOPV049e9+fj07173Tr3XvfuvdYD9T/r+/de669+691737r3Xvfur&#10;px6970eHTvXB/p/sfbacevdYvbvTT8eve/deTr3v3Xn49e9+63H1737pzrHJ+Pfuvdck/SPbL8ev&#10;dcvdevdYX/UfbycOnk4dcffn4dW697Z691737r3WOT8e/de6x+/de697917r3v3V049Yn+v+w9+6&#10;d64e/de6yp9P9j7917rmeePfuvdR/fuvde9+691hf9R9+691x9+691737q6ceve/dO9e9+6919i7&#10;+WN/27Y/l6/+KO9Tf+8FgPcSbl/uRL/zUf8A48ep32f/AHEg/wCaMf8Axxejxe0XRj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xb/eUHXP/oxWxFU/Gr5CsQCU3zsAqSPoT/ewXH9DYkf6x9op/wC2i/2/+AdG1n/u&#10;LcfZF/x/ouvtb0U9e9+690PW+IKk9BdC1skvkpm3DvTHUyFiShhqMJPIoU8IhNWGFvqzMbfkooP7&#10;aX/af4D0b3h/xS3H/Nb/AI+OgF9reijr3v3Xuhq7kUNSdOVnqdq7pXFM87XIf7atylANN+LRLSCL&#10;08AxkH1avaOzx4n/ADUb/J0b7ua+B/zzx/8AP3QK+1nRR1737r3Qz98pfe+HrglNGuW6n2LlCtL+&#10;jyS7LwPn4uSG+5WS4JJv9Te/tLaUCFR5M4/40ejHdNTSCRvxxxtj5oB/hB/LoGParou697917oce&#10;w81WbV7kxW7qBpFr6Cm2nvuhkPF5ZcLh8tE6cC0bNIGj+voK3J+pQ20eqDRw+Nf+NMOjrcbkLe+K&#10;MgGJ8edEQ9Gu/mT4Sjm7G637LxKE4fsXruKSCrtxPLRSmTyX5XV9lX0oIBNgFP5uUuzv2svoQf2i&#10;n+TpXzLFpdHrxDLT/Smv/P3VcHs46DXQldtqx3tNVOZWbK7Z2/ndU6eNiMht/GVwJUcciouCOCPU&#10;OD7TWY0xgehYfsYjoy3eQTXDOODLGf2xqeju9o27M/l+dObxXXPlupd0f3QykhF/FR6p8fGlx9AY&#10;xjeTx/Z+tvZdB+jdMv8AFX+fd/n6OLv/ABnb0fhp0/8AGSYv51r1Wx7Ougr1737r3Vi3x/jHZnwy&#10;+SnV5VKnKbGq4OzcHG5/cVFiWplWAfVuMPMhAvzU24Lr7J7v9C4R/I4P+A/yI6FG2/43ZyQ5JWtA&#10;Ps1KPzZT1XT7OOgv1737r3VgPwkdd87b+Q/QdRombsPraTN7ehmYALksdrhhMeohS7S1kEpv+KYH&#10;gBj7KNzHhsko8jQ/4R/gPQl2BvGSWAnDCo+QI0Mf5r0QB0eN2jkVkdGKOjgggg2IIPIIP1Hs3Br0&#10;GyCpocEcR1x9+610e34STRbvfuvoWvlUUvbnWVT/AAeOWxVcvjVkejddXCNGlTJMTwD4E1X0rYq3&#10;MeHolHFW/wBn/J/PoR7A/iiWA1o61+wfCaD1Oofs6IvPBNSzzU1RG8NRTytBPE4syuhKspH4KsCD&#10;7NAQwqPPoPOhjJVsEEgj0Ix1i976r0eH4tAdi9W/InoKYpLWbg2avY+yqZhdjlcHJHI0UPF/LVgU&#10;6Np9XiR+GXWPZXf/AKMiS+h0n7D/AKj0I9mAu4ZbY8SNSjIzgVJHkCE/nx6I97NOg51737r3R0Mf&#10;/wAZV+GmVxwP3G5fjhvdc1SITd/7u7hYrUIi8s3iyIaVz9EiiX+oHsrP+L3NfKQU/Mf6h+3oRIfr&#10;rAr+KE19Tp4+fAUJ/wB56Jf7NOg71npamooqmnrKSaSmq6SdKmlqISVeOSNg6OrDkMrAEH8Ee9MA&#10;woeB6sjmMhlNCCCD6EZ6Nj8raan3ZVdbd+YqGJMf3TsuGszopkRI4dxYlUx2agCxlgo8kcbgtZpC&#10;zuRfV7LtuYpqhbihx81OR/q+fR7vaCXw7lOEi586MPU/Zj/anoo/sy6IOjNfFzMYyq3lnOp9yVEc&#10;G1+8duS9e1UtRcx0+TkImwNbouA0tPlEjWP+nlJ9oL9DpEi8UNfy8+jrZZl1tC/wyrp8uOacfPJA&#10;+ZHReM3hsjt3M5bAZimejy2EyU+JydJJ+qKoppWhmjP+KSIR/sPbyuJBqHA5H59IJIjAxRuKkg/a&#10;MdNqsyMrKxVlIZWU2II5BBH0I976qDTI6Mt3yo35tzr7vukQNPvbGnaXYZjAHj3PhYooKiaQKiop&#10;y9AYKxQNRLGYsb39orX9ItEfI1X/AEp/zdHW6D6pI7oD4hpf/Trj1PGhp8gOixp9f9h7W9E6cejG&#10;bGt2P1Ju/rSUGo3PsJp+0eulPLyUqRom5sZEbFm8lHFFXxxr9XpJtPMjXRy/oyB/Ju1v8h6O7b/H&#10;IGh/Enen2fiHD54HmT8ui8e1nRT0NfTuRpM1Jn+os7UwU+E7Mp4qbD1dYVEdBuOl8jYOuDsQIVlm&#10;keinYED7erdmv41skugUpIOK8fmvmP8AL0abawl1W78JB2n+FxwPH8sZOBw6BjI4+txOQrsXkqWa&#10;hyONrJaCvoqgaZIZ4XaOWJ1PKvHIpUj8Ee1SsGFRwOei1kMZKtggkEehBoehI6yy1DUSZfrzcNWl&#10;Ltnf6RUQrag/tY7LwFzh8qf9SkE0r09QfxR1NSQCwSyS6BFHHFf5jzH+rz6MtucPWFzRZMV46Xxp&#10;P7cHh88DoOM1isjg8nkMNlqSagymIrpcbkqKoFninhcxyRuP9UrqQf8AePamNg41Dz6LpY2hYowo&#10;QSCOlvs9l3XiarruqYGvmnfMbCne90yehVmxoPNos1DGsai3/A2Kj9UcbTsWJv0m8QcODfZ6/l/g&#10;r0vtD9Uht245aI4w3mufJvtA1AdBwysAUcMskTEFWFiP6gj63B9qR0XEEYPl1i97611y+q2/K8j/&#10;AFvz/tv+K+2ePT3DqO36j7r1brs+pb/leD/xX3vj1oY64e9db69791ZOPXvejw6e697Y691737r3&#10;Xvfuvde9upw6dTh1gb9R/wBf223Hq/XXvXXus39j/kH/AIj37rY49Yffun+ve/de697917r3vR4d&#10;e697Y691H9qOvde9+691737r3WOT8e/de6x+/de697917r3tl+PTycOve69W697917r3v3Xuve/d&#10;e697917ro/Q/63tnz/PrY49YPb3T/Xvfuvde9+6unHr3v3TvXvdH4de697a691737r3WJ/r/ALD3&#10;7r3XD37r3Xvfuvde9+691737r3Uf37r3Xvfuvde9+6snHrHJ+Pfunusfv3Xuve/de697Zfj17r3u&#10;vXuve7px6unHr3vz8eneve6de697917rAfqf9f37r3XXv3Xuve/de69791dOPXvejw6d64P9P9j7&#10;bTj17rF7d6afj1737ryceve/defj1737rcfXvfunOscn49+691yT9I9svx691y91691hf9R9vJw6&#10;eTh1x9+fh1br3tnr3XvfuvdY5Px7917rH7917r3v3Xuve/dXTj1if6g/4e/dO9cPfuvdZU+n+x9+&#10;691z9+691H9+691737r3WF/1H37r3XH37r3Xvfurpx6979071737r3X2Lv5Y3/btj+Xr/wCKO9Tf&#10;+8FgPcSbl/uRL/zUf/jx6nfZ/wDcSD/mjH/xxejxe0XRj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xb/eUHXP/&#10;AKMHsBqmX4+fIakj8Ipos3snMVLOG1kw1uYpI1Qg6bE15LXH9kWItZkU/wDbRf7f/jo6N7If4pcH&#10;/mj/AMf6L57W9FHXvfuvdD9ueASfGnp+rWVCKTtje1HJGOSGmx+zZBf+llivY8kMD9PaKM0nceqq&#10;f2V/z9HFymqzhevws6kf6Yk/8+/z6AH2t6J+ve/de6HTtstU7F+N+RIVEk6cq8YsYJJvR723fGXJ&#10;sBZwwIH45HNrlJb9rSL/AEq/70o6M7/9SOGThWPRT/mmSK/nXoC/avos697917oXu3h5J+uaz7V6&#10;b73qHb5uxLCX7amag8qkgCzfaWsBYEEckElHZ/j/AOajf5D0b7uKeD/zzx/5egh9rOijr3v3XuhX&#10;7gkNVndqZAtrNb1PtGPyAWU/ZbcxuMAXj+wKHQ39XVj7S2rVDD0dx/xon/L0ZbnEIzGR+KGJj9um&#10;n+To8veTHs34CdA7/wBX3GT68y0ez8i9uY6aJarDnyEX9btQUTXP6tYYnU1iW236F0y+tafn3D+X&#10;R1ff41YI4/DoJJ4mlYz+1jXqsP2edBPoSu0WM+W2zXsKkGu612yoNSdVxR4SixoMZt/m7UVlHNrE&#10;cAWCa1aoYejuP+NE/wCXoy3OIRtGf4oYm/4wF/596O/8Rbdi/Gb5UdMSS66uDCLvrbtE1yZKkUzv&#10;6R+FWsxFGrH8GUEBuR7Ltw/Rmjk8vP8AI5/kejjZa3NtLCBnNK8O9aD9hUnqtb2ddBXr3v3Xuj2f&#10;y890U+K76faGSWKfEdl7NyW1KykqDaN3jiGQS/IuzR0csQH5ExAGoixXuyaow38JH7Dj/DTo/wCX&#10;ZtExSvxLgerKa/yGronu+trVex967u2ZXavu9qblrtu1DPb1NR1MlPrBHBV/HqBHBBBHBHswhk8V&#10;A3qAeii6h+nlZM0ViBXiRXB/MZ6SvtzpP0Yj4n73/wBH/wAher87LULTUNTuNNuZSSQ2jFNlVbHy&#10;NKfpohNSJST9Cgb8e0d/H4kTfLP7M/4OjTZpvBuF9Gqp+eoUH/GqdQvlBsb/AEdd+9o7YjgNPRx7&#10;nlzOLiHKrSZNUyVMiEcFYoqpY/yQVKt6gfe7GTxYlPyp+zHVd3i8G4fjk6s/0smnyBJH5dAJ7V9F&#10;vQtdD78PWXcfXO+GmanpcFumnfKyo2k/Y1BNLkBe4A1UM8q8mxvY8X9p7uPxY2X5Y+0Z/wAnS7bJ&#10;hbzoxpStCTwAbtJ/IGvS++YOwh158iOx8VDCIcdmMv8A3uxQQEJ4cqorHVAQLJDUyyxADgeOw4Ht&#10;rb5fFiHyx+z/AGKdKN6g8C4Y+TUcfnx/40D0Wf2t6Kehx+NnYX+i/vHrjeElQabH0m4osdm5LBgK&#10;CvDUNaxU8N46eoZx+QyqRyAfaS9i8aJh50qPtGejPZ7j6e4Q+ROk/wC2x/I0P5dcvkr17/ov7y7H&#10;2hFTmmx1NuGTJ4SPiwoK8Cto1UjgiOCdYz/RkYEAggespfGiU+dKH7Rjr28QfT3DjyY6h/tsmnyB&#10;qPy6Az2r6LOjY/DXcWOo+3W2FuB7bV7m2xX9V52MgHnJQkUbKDwJTWJHEjfVfK1vZfuSEx6xxQhh&#10;/q/n+XR5sMwWYxtlZFII8iQK5/Ko/Potu6tuZHZ+59w7TzEfiyu2s3VYHIpYgCakneCS1/7JZCQf&#10;yLH2tjcSqGHmAf29FNzAbaRoz+EkV4VoeP58emD3fpno33WFuzvjZ291bJeo3D1hVx937JjC65DR&#10;xhaLcMCG4ZIo6d45wihg0jEkA8+yy4H086SeTdjfb5f6vl0IbI/W2kkB+JO9PWnEgD9o+1uig+zP&#10;oPdZ6WpqKKpp6ykmkpquknSppaiElXjkjYOjqw5DKwBB/BHvTAMKHgerI5jIZTQggg+hGejOfJqk&#10;pdzVWwu9sTFFHju6drrks7DThVSn3JjNFDnoAqn0q86x1ClgpfzMwW3Psrsz4eqI8UOPmDw6P92U&#10;TaLhRiRRXJNGA4V/l89JPRXPa3om6Mr0K6b4w3YXQ9a6F+wcP/eDYRlItFujCxy1NCiFiFj/AIpS&#10;fcUTtyT5IwFLBbIroeEVl/hND/pT/m6Otqb6hJLU/jGpPk4ofQ8aAn5D59Fn0PFK8UqPHJGxSSNw&#10;QysDYgg8gg8EH6e1oNeilVKkg4IwQfLpXbG3fk9gbw23vTDaGyO28vDlIIZb+OZY2Hlp5bcmGpiL&#10;RSD8xuw/PtuWMSqVPmOlVvObZ1kXipr9o8x+Yx0se6to4va282rdsBm2NvfGw762JKQOMZkdUiUr&#10;W4E2OnWWjlX6iSBr/Ue2rWQutG+Je1vtH+fpTuMAhk1J8DgOuKYbNOApT08hToH2ZldWUlWWzKy8&#10;EEHgg/gj2p6Qg0yOh47YiXfO29sd2UZjkrM6V2l2VDH+qLcVFAoWtkH4TPY9Eqg3AaqStH9n2ktz&#10;4TGI+WV/0p/zHozvx9Sq3I/F2v8AJ1HH8x5eWPM9AH7efj0XD4ehi3hbfezcT2JCNedwX2+y+xlW&#10;2qR1jZcLmCAAT95SwNS1Dm/+U0qyyMXq1HtNAfCcp5HK/wCUf5R8ujK7/wAciE4+JaJJ/wA+t+Yw&#10;SfMAAdAwrvDIrxu0ckbh0kQkFWBuGUjkEHkEe1vHorBKmo+0EdCPvMR7koaPsajVPuMrU/w7e9LE&#10;thBmNLP9yQLgQ5qFGqU/SPuFrYlQRwoWTw1jJjPllT6r/scPsp0Y3gFyouFpk0kA8n9fsYZ+2ueg&#10;3YWP+B5B/wAPanot4dcfbANOnyK46xSCzXH0PI9+PWlPl6dcQbG/1/qD711sivXmFj/UHkH37rwN&#10;euvfurpx6970eHT3XvbHXuve/de697917r3t1OHTqcOsL/qPuj8er9cfdevdZxyoH+Hv3XhjrB79&#10;0o697917r3v3Xuve9Hh17r3tjr3Uf2o691737r3XvfuvdY5Px7917rH7917r3v3Xuve2X49PJw69&#10;7r1br3v3Xuve/de697917r3v3Xuuj9D/AK3tnz/PrY49YPb3T/Xvfuvde9+6unHr3v3TvXvdH4de&#10;697a691737r3WJ/r/sPfuvdcPfuvde9+691737r3XvfuvdR/fuvde9+691737qyceuD/AEB/x9+6&#10;e6xe/de697917r3tl+PXuve69e697unHq6ceve/Px6d697p17r3v3XusB+p/1/fuvdde/de69791&#10;7r3v3V049e96PDp3rg/0/wBj7bTj17rF7d6afj1737ryceve/defj1737rcfXvfunOscn49+691y&#10;T9I9svx691y91691hf8AUfbycOnk4dcffn4dW697Z691737r3WOT8e/de6x+/de697917r3v3V04&#10;9Y5Px79071j9+691lT6f7H37r3XP37r3Uf37r3XvfuvdYn+v+w9+691w9+691737q6ceve/dO9e9&#10;+6919i7+WN/27Y/l6/8AijvU3/vBYD3Em5f7kS/81H/48ep32f8A3Eg/5ox/8cXo8XtF0Y9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8W/3lB1z/wCjEdb/APMgfkp/5J3/ALup/aGf+2i/2/8Ax3o4sv8AcS5/5s/8&#10;fPRd/a7on697917ofsjHFJ8W9nSioj89H39uWOSlFi+ip27tQpIwvdVJpWC3FmIax9JHtGD/AIwR&#10;/wALH/Hj0a0/xGv/AA//AKx9AD7WdFXXvfuvdDX2Ewl6p6AkaQySQbcz+OUFrhI03LkahYwP7P7l&#10;VI/9Tr/pb2jgP6sv2p/x3o3vB/iluf8Amt/x8dAp7WdFHXvfuvdDJ2okLbZ6FrIpJpDX9Nl5hNb0&#10;vTbt3ZQFV/2i1ICL/wBfwLAJbZdJk/05P7VU9GW4yiUQkeUKr+aswP8AMdA37VdFvXvfuvdCp2YF&#10;kxvU9aG1mv6rpSzLYpely2Yx9kt/qRRgPybSBxx+kJLUULj/AIYf5hT/AJejXdGDiEg1/QQY+RYf&#10;yp0en4weTsn4W/KDqolair2wjb1xlP8A2zemTIU8Kj6ENW4BtPH65DdgLWL739G4R+ANKn86H+R6&#10;Ntq/xqzki+IjUFXGKiq/8aqc9VhezvoKdCXv+L/cJ1LXeCaH+JdaeXVKSRJ9tuHcGO1oSB6D9law&#10;+hBH1B9prcaS4/p/4VU/5ejG/k8VYT6Qgf7y7r/k6M//AC7t3/3b+R2Lw0sqpR772zkdsTpJ+hnS&#10;IZKG4II1F6DQv0/WVv6rFLu0eqKvoR+w4/zdLeXptExSvxKaD5rn+Q1dFW7Z2gdg9n9gbK06I9sb&#10;wyGGpfr6oIKqRKdxcA6ZIAjDj6Ee1ltJ4sat6gV+3z/n0W7hD9PO60oAxIHopyP5EdB97f6R9CD1&#10;PvCTr/s7YO9UfQu2d20GXqb3AaCKpjNRG1udMkGtDbmzH2xcx+LGy+oNPt8v59LNvm+nnR60AYAn&#10;0U4P8iejK/zANnLtb5IbhydPCkWO31hcfvGhMXKMZIPsqlw3ILSVdFLI3P1kvwpX2k2qTXFT+Ekf&#10;5f8AL0YcwQ+HPqz3KD8qjtp+wD9vRKfZl0R9ZIZZYJYp4ZHimhkWWKVDZlZSCrAjkEEXB96I1Ch6&#10;srFCGGCDUH0I6P786o4d4w9C97USRGDtHq6CDKy04soyNB45ahXH9mRPvxD/AEIgIW+kn2U7WShe&#10;M/hP+wf8A6EfMCiURzLWjLT7Ae5fzyeq/vZv0Guve/de6Pn8pwOw+kvjJ3rGfNXV20JOsN11J5Jr&#10;MRJIsLObkh55Y62SzG+nSRcH2U2H6MkkXz1D7P8AiiOhJvH+NQRXGKntY+pIr+wFW/b0Qz2bdBvr&#10;3v3Xujw/Ka3YfV/x179h0zVu4tlt11vSoQ3P8VwcjxrLORe01YDO6hvV4o05ZbH2VWH6LyReh1D7&#10;P9VOhHvP+NQxXPmRpY/PjQD5EP8Ay6I97Neg51PxeTrcLk8dmMbO9LkcTXw5OgqYzZo54JFlikU/&#10;gpIgI/xHurqHBB4EUP59ORSGFg68VII+0GvRs/mXjaHK732f3Ng4I4cD3psKg3qEg/zcOTihjpMp&#10;SA/mSCRI2l/5uStfn2X7axCtGeKMR+R/2a9HfMEYLpOvCVAfmSAPLy7Sv8+ie+zLog6G/wCOXYVP&#10;1l3JsrcuSMZ27NkTt/dsE41QyYrJI1FXCaP6SpFDMZgpuC0a8ce0l9D40RA4jI+0f6qdGe0XP0s6&#10;nyPafLB4fkDQ/l0wd1deVHVPau+dgTLMIdu5+anxks6lWloZCJ6CYgkn96jljf6nknk/X3e1m8eM&#10;N6jP2jj0zuNt9JMyDhWq/wClORx40rT7R0F/tR0i6NV1SG7K6O7Y6jkImzezAO7NgIxGsmiRaXP0&#10;cZPqYT45kmSJPrJCW0kkkFVz+hKsnke1vz4f6vl0JNu/x22kg/Ev6icScYIH+D7Wr0VX2t6I+nXA&#10;5vJ7azeI3Fhal6LL4LJwZfGVcf1jqKaVZonFrfpdAf8AH6e6uocEHgcdOQymBw68VII/L/Vnoa/k&#10;Zg8X/fHF9kbYpI6TZ/cmBj7Bw9NBfx0tZO7Q5rHA6I1D0OVimXSo0rG8duD7TWbHSUbih0n7PLo2&#10;3WICQSp8Mq6h9uK/nkE/M9F/9q+i3owuAK9j9JZ7acn7+7OnJ5t9bVuRrl29Vsq5+iT6FhQVXhr0&#10;XnTG1a4/PtG/6MobyftP+m8v83RrCfq7Zoz8UVXX/SH4h+XH9gHRdX+v+w9rOiroaOlcrj6rKZnr&#10;LcVVFSbY7VoU25JW1JtFQZeN/Lgsmx/sLTV5EUzcWpKipH59pbpSAJF4rn7R5j9nRltsgYtC/wAM&#10;gp9jD4T+3H554dBJl8VkMFlclhMtSy0OUw9fNi8lRTizxTwSNFLG4/DJIpB/xHtwsHoRwIr0jdDF&#10;VW4g0P2jpWdd7pots56SHOJNUbQ3Pj5Nr7zooRqaTH1LRs00a3GqpoKiOKsp+R+/Tx39NwWpYjIv&#10;b8Qyv2/7PT9hcCB6PlGBVx/RPn58OOM+nTJvPa9ds7cmV27XvFUS42oCQ11Pcw1VPIizUlbAT+qn&#10;raWSOeJvzHIp9vQyCZQw8/5Hpm5tzayNGfI4PqOIPnxGfl1n2Zm6HGV1Vjc5rfbG5KT+DbgEa63h&#10;jZ1eGugS4LVOPqFSeMAqZAr07MI5pAdTRlxVfiXI/wA32Hp2ynETFX+Bxpf5CuG+1TkYPmPPpqz2&#10;Drtu5bIYPJLGKzGz+MyQsHjljYB4p4ZB6ZaeoiZZYpFuskbq6kqwPu0cgkAYcD01cQG3do24qfyP&#10;z/MZ/Z0ye2+t9cf1ak/P1T/Xt9P9j72OqnGesPvXVuuQ5Gn8/Vf+Ke98eqnGeuPvXTiceve9Hh09&#10;172x17r3v3Xuve/de697dTp1OsL/AKj7o/Hq/XH3Xr3WcfQf63v3XusHv3Sjr3v3Xuve/de6970e&#10;HXuve2OvdR/ajr3Xvfuvde9+691jk/Hv3Xusfv3Xuve/de697Zfj08nDr3uvVuve/de697917r3v&#10;3Xuve/de68eePbBwevDHUf2/0o697917r3v3V049e9+6d697o/Dr3XvbXXuve/de6xP9f9h7917r&#10;h7917r3v3Xuve/de697917qOeOPfuvde9+691737qyceuD/T/Y+/dPdYvfuvde9+691720/Hr3Xv&#10;dOvde93Tj1dOPXve5Oneve2+vde9+691gb6n/X9+69117917r3v3Xuve/dWTj173o8OnuuD/AE/2&#10;PttOPXusXt3pp+ve/deTj1737rz8eve/deTr3v3TvWOT8e/de65J+ke2X49e65e69e6wv+o+3k4d&#10;PJw64+9nh1br3tjr3XvfuvdY5Px7917rH7917r3v3Xuve/dXTj1jk/Hv3TvWP37r3WVPp/sffuvd&#10;c/fuvdR/fuvde9+691if6/7D37r3XD37r3Xvfurpx6979071737r3X2Lv5Y3/btj+Xr/AOKO9Tf+&#10;8FgPcSbl/uRL/wA1H/48ep32f/cSD/mjH/xxejxe0XRj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xb/eUHXP8A&#10;6MJ1dSpU9K/JySR5R9htTbNdCiGymT+9uLpwXFjcCOpe30IJ+trgo5/7WL7X/wCO9G1oaWtx/wA2&#10;v+PnovftZ0U9e9+690PD06SfGKnqxOnko++Jqd6YWLFanb0DK5Oq6gGlYDj1XNiNJBRf8Sf+bf8A&#10;z90cf8s//qI/6x9AP7W9E/XvfuvdDZvBS/RvStSsbCJNy7wxrTECxlifA1DoPydEdXGf6eqw5B9o&#10;4RSaT7E/wHo3vDW0tx/zW/4+OgT9rOijr3v3Xuhl7BkqJ+tOg5JXjeCl2hmsVTBdOpQm6czVOjWF&#10;/wBVbqBPNmt9APaSA/qyD5r/AMdHRteLS1tz6+L/AMf6Br2r6Keve/de6FrsJ2n2N0RM2lRS9dZH&#10;Eoig3Ij3juir1k3+rNXFbACwQG5J4TQtV5B/SB/ai/5ujC6i0wwPX4lcU/0sjf8AQX8ujc/y09zw&#10;4/u3cOza4CbHb92FV0Jo3sUlqKOSKqXWp4ZRRiqW3+1f0v7RbulUDeh/w/8AFDo05blKyOnqob81&#10;NP8An49EZ39teo2RvneWzapWWo2pumv27Lq5uaOqlp9QPIYN47ggkEEEEg39mMD+Iit6gH+XRHeR&#10;CCV0FaBmAr6Vx/Lp83kyz7L6jnC1Aal2rkcOzyf5s+LcOXrAI/6W+/8AUP6m9ubluE/qSD5qf2qP&#10;83Su7jAt4H8ysg/JZGI/48eovVO7n2D2bsDeqvoXbG8MdmqjmwaCCqieojYjnTLAHRrc2Y2593uY&#10;/FjZfUGn2+X8+k9hN4E6NWgDCp/onB/kT0a3+Yns8bb+RuRzUMarSb72xjtzxPH+gyRxtjZrH6ai&#10;1AJGA/46Bj+r2i2mTVFT0J/Yc/5+jPmGHRMHp8Sip+a4/kNPRE/Zn0Q9e9+691Yz8rgOxPjR8Vu6&#10;Yg0tVBgZOuNx1l9WuppovEpc29JNTiqx7Hn9z82v7JrD9GaSP8x9gOP5HoUbwfqraKatTitOFWXu&#10;/YVp1XN7Oegv1737r3Vg9N/xk7+XtVwErPmOg+zhURoeZlxuQkuTf6mIy5iQ2JuFpfoFRfZQf0Lv&#10;5OP9X81/n0JlH1e3EZJjP81Nf2BH/l1Xx7N+gz1737r3R9OmwOzPh18gesmvPmus8tSdwbajJuwg&#10;VNORCL9CkVLSVHANw9SD6v0kpuf0LhH8m7T/AIP8o/Z0JbH/ABuylirlKkYrQfGAPmSrD8+iF+zb&#10;oNde9+690eLpy/ZnxO786rcmfMdcV9J3VtKAjU/jiUwZfxrwdMVJE/AP66m4BuQSq5/QnR/Ju0/4&#10;P8o/Z0I7D/HLOWLzTuXFf6QA+ZKsP9t0R32a9Bzr3v3Xujo4s/6UPhfn8Y5M+4Pjlv2HO0BPLDA7&#10;idoZ4Yx+rSmRDzyH6Kka+ytv8XuQfKQU/Mf8UP29CJD9bYFfxRNUetPn8qFv956Jd7NOg71737r3&#10;Rv8Av4DsTqTozvWAebIy4Vun+wpwOf4tg1vQzzEXBnr8a3kJ49Ma+kfQFtn+jI8XlXUv2H/UP59C&#10;Ddf8bghufMjQ9eNRXyGOIY/mOigezLoP9CZ032BP1b2ds3fMYaSnwmYRstSgX89BODT5CnKkEMJ6&#10;OWRLEEXINuPaS8h8ZCP2faOHRjtl19JMrVoK0PH4Tg8PTiPmB05989fQdZdrbu2tj5EqMAtcuZ2p&#10;WREMk+JyEa1uOkR1usgFLOiMw4Lq3A+gatZfGjB8+B+0f6q9P7nbfSzMvAE6lxQUPkPsNR+XQQHj&#10;n2o6L+jL7HA7J6I3516/725uqqp+3NkpYGSTGSCKl3NRoSQQkcYp67SAxJhlPAuQhl/QlV/Ju0/b&#10;5dH1mfrLV4fxRnWn+l8x/h+0kdFo9ruinpdda73qeu977f3bDAK2nxtZ48vi3sUrcfOrU+QoZFPp&#10;aOro5ZIiG4Gq/wBQPbU8XjIV/Z8j5dKbS5NnIsg4A5Hqpwf84r506l9v7Kpthb8y2Gxc7Vu26yOH&#10;cOzskb/5VhsjEtZjZrtyX+1lVJP6SpIp5U+620vioCePA/aOnNwthaylR8J7lP8ARPD9nCvnSvQZ&#10;AkEEEgg3BHt/pF0YftlV7A2bs7u6kUPlK3RsDtIRjlc7QU6/Z5GSwH/F9xaJKzW9dVT1hJJPsviH&#10;gsY/IZX/AEp8vyPRxfH6uJbgcT2Sf6Yef5j8hgdF0k/HtZH0T9DJMR2B1nFV2Em7eqaeOgr7WMlZ&#10;tuefTSzkBdbthK6YU7sSx+2qqVBpipT7T/2En9F/5N/s9GrH62AH8cIofUxn/oH9gHE9AueOD9R7&#10;WdFXQlk/3w2aJwA+5uv6VY5+RrrME0ipG1rBpJsRUS6GN2Y0c0dlSGhdil/sXp+F/wCTf7P+H7ej&#10;T/c2Cv44h+bRfzyhPy7T8ug2YWPH0PI/1vd2FOkSmvUduGuPqPeut9dvY2cfRvqB+D+fez1oY64e&#10;9db65N+GH5+v+v72fXrceDTrj7qeHT/XvbHXuve/de697917r3tyPpyPrC/6j7q/Hpzrj7r17rMv&#10;Kj37r3WH37pR1737r3Xvfuvde96PDr3XvbHXuo/tR17r3v3Xuve/de64P9P9j7917rF7917r3v3X&#10;uve2X49PJw697r1br3v3Xuve/de697917r3v3Xuve2Dx691H9v8ASjr3v3Xuve/dWTj1737p7r3u&#10;j8Ovde9tde697917rE/1/wBh7917rh7917r3v3Xuve/de697917rAfqf9f37r3XXv3Xuve/dbXB6&#10;4P8AT/Y+/dP9Yvfuvde9+691720/Hr3XvdOvde93Tj1dOPXve5Oneve2+vde9+691hf9R9+691x9&#10;+691737r3XvfurJx6970eHT3XB/p/sfbacevdYvbvTcnXvfutJx697915+PXvfuvJx6979071jk/&#10;Hv3Xuu0+n+x9tPx691z90691hf8AUfbycOnk4dcfezw6t172x17r3v3XuuD/AE/2Pv3XusXv3Xuv&#10;e/de69791ZOPWOT8e/dPdY/fuvdZE+hH+Pv3Xusnv3Xuo/v3Xuve/de6xP8AX/Ye/de64e/de697&#10;91ZOPXvfunuve/de6+xd/LG/7dsfy9f/ABR3qb/3gsB7iTcv9yJf+aj/APHj1O+z/wC4kH/NGP8A&#10;44vR4vaLox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4t/vKDrn/wBGO6m/5kj8q/8ADY+2P/e1wftHP/axfa//&#10;AB3o1tP9xbj/AJtf8ePRcfazoq697917oeqWilf4wZ3Iho/DS99YmikUk6i0+3szIhUWtpAp21XI&#10;NytgbmyP/iR/zbP/AB4dG9f8Qp/y8f8AWPoBfazoo697917oddw66r43dVThUSLF9wb2xj3Ylnaf&#10;E7HqVYDSAAAGU83uARe5CpU7ZmHqqn9hYdGUxMtrGfJHdPmdVHr/AIR0BXtV0W9e9+690Lm61p5O&#10;oeoqmPzCePMbnxlQH06P2p8XUoUtzyKwgkn6iwAtdkcOJpP9p/gP+bo3vDW0t/8Am9/x8dBH7WdF&#10;HXvfuvdCnulfJ1d1TVKlljrNw4tpTa5eKqo6kqOdWhUrUIvYama359pIf7WT/af4D/m6N7zNpb/8&#10;3v8Aj46UXxj3f/cX5A9R7lac0tPTb2o8dX1AOkJS5BjjqtmP+oFLVyah+VuPz73fJ4kTD5V/Zn/J&#10;0ztMnhXMZpWp0/mwK/yr0K/z72gNp/Jze8sUbRUm66Wg3fSBvyamlSGpYGwuGrqac/7wSSD7Y2t9&#10;cQHoSP8AL/l6Vb/FouNX8Sq32Uqn/PvRe86Fl6u67qRUSStDuXceJaBwbReJMJVAKSbWcV1yBwDc&#10;/Umz8YpK/wAwh/48P8nSe5kD2sAH4WlB+2qN/gI6Df2q6LOrLPl6q9h/GX4p90Rxa6uPBHYu4a5e&#10;fJVClRbMbmwWrxFayj6jyMGJNvZLt/6M0kfl5fkf9noVb1/jNtFMTnFQOHetT+wqB1Wn7Ougr173&#10;7r3VjHVAPZnwJ7z2QwNRlupd0wb/AMSAb+Gjk8VTL6SLgeKmyRuCOX+npbUTT/o3SN/FQfmar/m6&#10;FFmTdWEiVA0aqetFpJ6+ZqOq5/Zz0F+ve/de6P78D5od11vd/R1bLGtL211VVw49J/0/xCiWSOnZ&#10;f9S8cVfLNf8A5sgn6L7Kd0GjRIOKt/s/5OhJy8wk8SFq0Za/YPhP5nUP2dEHngmpZ5qaojeGop5W&#10;gnicWZXQlWUj8FWBB9moIYVHn0HXQxkq2CCQR6EY6xe99V6OV8Et10eD78x22cuUfb3aG3cj15mq&#10;aa5jkWrh89OhX/VS1VNHCG+oErC4Vm9lu6R6otQ4qQf8n+Xo95fm8OfTnuUj5VXuqfyBH59Fg31t&#10;St2LvXdmy8jq+92ruOs2/UM1vU1JUSQaxbgrIE1Ajgggjg+1sMnioG9QD0VXcH00rR57WIFeJHkf&#10;zGekp7d6T9Gs+F28qbafyA2nQZTRJt/f8VR1vuCjma0c8OWTwwRSD9LI1etPcHgj+hsQg3KPxIiR&#10;xXu/Z/sdHOxT+DcAHgwK59eI/MkUH29AT2Vs2q687B3psas1mbam5qzBiR/rJHTzukMw+npnhCyL&#10;9OGHA9qoJPGRW9QP2+f8+kF7B9NK6eQY0rx0nI/aCOkT7d6S9G3+GWfx8XbFX1zuCQrtbuvaWR6v&#10;zSmxCvXQM1FKqngziqjWKM/2TMSLey7ckrGHHFCCP9X8/wAujzYZQJTE2VkUgjyqATn8tQ/PosW5&#10;MDkNq7iz22MtEYMrt3M1ODyULAgrPSTPBKtjzw8Z9ro3Eihh5gH9vRRPEYHZD+EkV9aGlemX3fpr&#10;o4Hx3t2H1l3p0NMPPkcvtte0uvoXLkjM7f8A3KiCnRbqajJY5jF6hbTEbkHSQW3v6LpL6HS32H/U&#10;ehDtH+Nwy23mRrXgO4UHH7Qv5V6J/wCzLoPde9t8ajpzhQ9Gs7AP+kz46dZ9ioPuNx9TV7dNbzkH&#10;MjY1lat21UP9SsMMRnpAxJu6qoC8XLIv0ZmTybuH2+f+r0HQguh9ZapL+KPsbHl5f5PzY9FSP0P+&#10;t7X9EfQi9Rb8frXsTam8/AKyixWQ8OcxzKGWrxtSj0uRpGRvQ4qKKaRAGuAxB/Htm4i8ZCv7Pt8u&#10;lu3XP0kyv5VofsPH9nEfMDqZ3NsKPrbsnc21qOX7rCQ1a5Ta2QB1rU4mujSsxk4f+2Xo5o9Z/Egd&#10;TyCPeraXxkDefA/aMHpRuFt9JKyjhxX7D/m4V+XQX+3+kXRgam/ZHQ9PUWE26+iKwUNRbmWfauXq&#10;WaFybanXD5qUxjmyw1y8KsfKL+wmp5OP+ND/ADj+fRsP8cta8WhND6mNuHl5U/IAnou3tb0U9Dp0&#10;XmcZUZfOdXbmqoqTafbmNTa9TW1J/boMsknlwOVJP6BSZHTHM3H+Sz1I+h9ortThhxXP2jzH7OjT&#10;bHBJif4ZO0/Jvwn9vD50J4dAvmcVkMHk8jhctSy0OUxFfNjMjRTizxTwSNFLG4/DJIhB/wAR7fib&#10;VkcCK9F0kZiYq3EEg/l097E3U+zN0Y3OGmXIUCF6HO4iQkR12Oqo2p8hQyWI9FVSSPHf6oxDrZlB&#10;G54vGUjgeIPoRkHp+zuPpZA3EcGHkynBFPPHrivUjsLake0Ny1GPo6o5DB11NDnNsZXj/K8ZWxrU&#10;UU7BSVWYwOEnQE+KoSWEnVGfeoJPFWp4jBHofPrd9bfSyaRlSAyH1Q8D5fZ9oPTHt3O1W2s1Q5mk&#10;SKd6SQiejqQTDUwSK0VTSTqCC9PV07vDKtxqjdhcX93kjEilT/xR9fy6btpzbOHGacQeBHmD9ox0&#10;77zwNLhslDPiWlm23naJdwbXqprlmo5mdTBI1lD1FBURy0s5A0meCQrdCpLETlwQ3xA0P2/7PEdK&#10;buEQuCnwONSfYfLicg4Nc46Q7/qPu3SfrtLG6H+19L/g/j3sdaOOuHvXW+ux/Q/Q/n+nvY68ONR1&#10;0eOD9R710+DXr3tP1vr3v3Xuve/de697cj6cj6wv+o+6vx6c64+69e6zJ+ke/de6w+/dKOve/de6&#10;97917r3vR4de697Y691gP1P+v7fHDr3XXvfXuve/de64P9P9j7917rF7917r3v3Xuve2n49Opw69&#10;7p1fr3v3Xuve/de697917r3v3Xuve2W49e6j+3ulHXvfuvde9+6snHr3v3T3XvdH4de697a69173&#10;7r3WJ/r/ALD37r3XD37r3Xvfuvde9+691737r3WA/U/6/v3Xuuvfuvde9+62OPXB/p/sffun+sXv&#10;3Xuve/de697afj17r3unXuve7Jx6snHr3u0nT3XvbfXuve/de6wv+o+/de64+/de697917r3v3Vk&#10;49e96PDp7rg/6f8AWPttOPXusXt3puTr3v3Wk49e9+68/Hr3v3Xk49e9+6d6xyfj37r3XafT/Y+2&#10;n49e65+6de6wv+o+3k4dPJw64+9nh1br3tjr3XvfuvdcH+n+x9+691i9+691737r3XvfurJx6xyf&#10;j37p7rH7917rJH+ffuvdZPfuvdR/fuvde9+691if6/7D37r3XD37r3XvfurJx6979091737r3X2L&#10;v5Y3/btj+Xr/AOKO9Tf+8FgPcSbl/uRL/wA1H/48ep32f/cSD/mjH/xxejxe0XRj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xb/eUHXP8A6MP03Tir6y+T8Du6RjqbG1ZCH6tT7y21Mlwbj6rb+tibW9obptMkR/pE&#10;ftFOjnbkEkFwD/Cp/NdTD/B0Xj2u6Juve/de6HzDxyyfF/sBkV3Sn722lLKRyFU4HeSaj/QFmUX/&#10;AKkD2jJpOPmh/wCPDo1VS1kaeU1T8hop/hI6AP2s6Kuve/de6HCteSb42bZjJRYsd3hnHQAHUzVu&#10;B28Gu2qwVBQLYWuS5ueAPaMH/GD/AM0x/wAePRrp/wARr/w+n/VPoD/azoq697917oas/wCSf49d&#10;WTmnjC0Xbe98aalFsSrYnYlRGkj83OqWUqOABewvqJTIAsrfNUP7Cw6Xys0ltHjCPItft0tn55P5&#10;DoFfanpB1737r3Qu52IP0X1lWMzGQdn7zxSrxpEcOM2PUqfpfWZK2S5JtYKABYkp0WkrfNUP83H+&#10;TpdNKXt41P4WlA+w+G3+E9BLFLJDJHNE7RyxOJYpENirKbqQfwQRf2+RXB6RqxQhhgg1B9COrO/5&#10;h0ce9dsfG7vCl8bpvjr8Ude0f0RmhpcpTpwOCGr6lSpsVKEWvexNtX6bPGeI/wAhIP8Ak6FHMKia&#10;OOVfhqc+ZDgMv8geiIZNp5el9lIFi+2ouz90MzAKJNdVitoABj+pkK0Z0/hTq/LH2ZKf1WH9Bf5F&#10;/wDP0SNGTaq/kJXB+0pGR/x09Bh7UdIOrLOuv+Ml/wAu3tjazs82V6g3oNzYuEHV4qNpaauke1xp&#10;DJPkuPoCNXJJAJZv0btW/ip/MFf83Qqtf8Z2904adWeNdJEv+WnVafs66CvXvfuvdWC/y7cvSVfZ&#10;m/erctI4w3a3WlfhJ4Fsdc9ONYup4OmgmrLfXk2+hPsp3dOxXHk3+H/iuhJy3LR3SmCob/eTSn/G&#10;+iHZvE1eAzWXwWQQx1+FylRia2NhYrNTSvDIpB5BDoR7NEfWob1AP7eiCeLwHZDnSxX9hp01+7dN&#10;dDz8YN7/AOjzv7qvc7z/AG1JFuyDE5OY/pWkyWrHVTMPyqQVTP8A66gjkD2kvo/FiYfKv7M9GW0S&#10;+DcIc5On/ehpH7CQfy6cvlpsn+4HyJ7UwUcKwUdTuWTcmNRBZBT5ZEyUax/7RF90Y7fgoR+PerCT&#10;xIl+WP2Y/wAHVt5h8G4bjRqMK+erj/xqvRdPazor6UG09xV20N07c3XjXaPIbaztJnqJ0JUiWknj&#10;nTkfS7Rj23KniqV9QR+3p+2m+nkV/wCFgaeoB4fnw6Np88du0NF3fHvjCx/797tnZ2L7AxUy8K/n&#10;pxTyki5tI7U4mcXIvKCPr7QbVJqj0nipI/I5/wA/RxzDB4cwccGUVPkSuP8ABp6JX7M+iDqXj66q&#10;xdfRZOhmanrsdVx11HOn1SWF1kjcf4q6gj/W91ZQ4IPAin7erxSGFg68VII+0GvRzfm/Q0uc3tsD&#10;unFQxx4jvDrTGbscRX0x5Gnp4qWtpgT+pqeEUwYmx1swIuLsXbY1FaM8UYj8j/sg9Hm/xguky8JE&#10;FPU0oan/AGrKPy6JP7M+iDp1wWZyG3M3h9w4mY02VwOVp8zjKgXvHUUsyTwuLEH0yIDwR9Pr7q6C&#10;QFTwII/b05DKYXVxxUhhXhUGvRp/mfhqCXs7DdoYGCOLbfduyMZ2Pj/A2tEqainWKvgLcHzpUReS&#10;Ufh5rWU3VUG2udBQ8UJH+r+fRzv8Q8VZVysigg+pGP8Ajuk/n0UP2Y9EXQndMdhVPVXamxd/00ki&#10;JtzcENTkVivqkoZCYK+Eaef36KWWP6H9X0P09sXUXjxsvqMfaMjpZt9x9LMrngDRvPtODw9Aaj59&#10;KT5JdfU/WfdO+dtY7Q2AlyY3BtaaHmJ8Zk0WuovE44kSGKcQ6hwWjb23Yy+NEp8xg/aMf7PT+723&#10;01ww8m7h/tuP7DUfl0Bvt+tG6QUqvRo/i5WUufzm9OksxPHDhu79ozbao3nNo4M7RXyGAqmGlwSl&#10;bCYhwD+9+pbX9l18pQCQcUNfyOD0fbK4lLwN8Mi+laMMg/kKn7QOiyVtHVY+rq8fWwSU1bRVElHV&#10;00os8csTFJEYfhkdSD/iPawEMKjz6J3QxsVbBBII9CMdQkPNv6/T3vqox0ZzdY/0j/H3Zm9Y1Eu4&#10;+msivV27GFzI+FrTNWbcqpOLCOnmFVRDm/EQC2ufaGP9CZl8n7h9o4/5+hBPS7tUkHxR9jcPhxQ/&#10;YMAfMsei0e13RP0KPTm8sfsrfmOqs+sk+zs/Sz7Q33RoAfLhsnH9rWkKQQ0lMrCphFv8/BEfx7T3&#10;URlQ04jK/aP9VOlu3XAtpgW+FgUcHgVPr8vP8ukv2Ds2v693ruXZeSZZanb2VkoVqo/0VEPD01VG&#10;ebxVVM6TRn8o6n8+7wSiZAw8+mru3NrI0Z8j/I5H7QR0jwSpDAkEG4I/r78/HpoYHQ89tRnfO1No&#10;910yiStzLDZPZGixK5/HU6eKtkA5H8axojnLEDXVRVh/HtPb/pMY/Liv2H/MejO+H1Ma3A4nsk/0&#10;wGD+Y/Zj16L77W9FPQz4nVv/AKzr9usTLufq6Go3Rt7VcvUYKV0bLUKc8nGzt9/Gv4hkyDk+kD2j&#10;YeBJq8nwfk3kfz4fbTo0Q/WW5Q/FFVl+aGlR5cDnPlgdAx7WdFfQkbWI3Rgq/Y013ytM8u49jta5&#10;arWNfv8AGg3HpyVJCGiUBmarp4IYwDUyEopD4L6/Lg32eR/I/wAuja2H1cZgPEVaP7aZXgeIz5ZH&#10;z6DOQWb/AAPKn/ffn28wp0XqajrH711brm3qAf8AJ4b/AF/+N+9nrQxjrh711dOPXI8gH8jg/wDE&#10;e98erjtNPXh1x9pur9e9+691737r3XvbkfTkfWF/1H3V+PTnXH3Xr3WZP0j37r3WH37pR1737r3X&#10;vfuvde96PDr3XvbHXusB+p/1/b44de6697691737r3XB/p/sffuvdYvfuvde9+691720/Hp1OHXv&#10;dOr9e9+691737r3Xvfuvde9+69172y/Hr3Uf290o697917r3v3Vk49e9+6e697o/Dr3XvbXXuve/&#10;de6xP9f9h7917rh7917r3v3Xuve/de697917rAfqf9f37r3XXv3Xuve/dbHHrg/0/wBj790/1i9+&#10;691737r3XvbT8evde9069173ZOPVk49e92k6e697b691737r3WF/1H37r3XH37r3Xvfuvde9+6sn&#10;Hr3vR4dPdcX/AEn20nHr3WH2903J1737rSceve/dbk69791pOPXvfuneuD/Qf6/v3XuvJ9P9j7af&#10;j17rn7p17rC/6j7eTh08nDrj72eHVuve2Ovde9+691wf6f7H37r3WL37r3Xvfuvde9+6snHrHJ+P&#10;funusfv3Xuskf59+691k9+691H9+691737r3WJ/r/sPfuvdcPfuvde9+6snHr3v3T3XvfuvdfYu/&#10;ljf9u2P5ev8A4o71N/7wWA9xJuX+5Ev/ADUf/jx6nfZ/9xIP+aMf/HF6PF7RdGP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fFv95Qdc/wDox/SP/MuflD/4hyk/96zbvtBd/HF/pv8AJ0ebV/Y3H+k/yP0XD2v6I+ve&#10;/de6MDtWpkb40dzUh0+KDtXY1ShA51S0O8la5v8AS0K2/wBj/sEcq/rof6Lj9lP8/RtbSE2ky+QK&#10;H9rU/wCfR0X72s6Keve/de6GsLLN8c3YyKIcd3WqxxBeWaswT62L6uAgoFAFudRN+LFH/wASP+bf&#10;+Bv9no3/AOIH/UR/1j6BT2s6KOve/de6GWsFTJ8e9uN5GNHSdy5oCItwstRhMBdlX6XdKYBj/tKg&#10;/j2kB/xgj/hY/wCPHo20/wCI1/4eR/1THQNe1fRT1737r3Qp1Zjk6SwIVdU1H2nljM+k+hanEYTx&#10;jXa37ppX4Bv+3cj6e0gP65/5pj/jx/z9GpH+Ig/8POftjH+boLPavoq6tCz3/GTf5Z+3Ml4hU5Lp&#10;jfa0lVODqdYxXTUiKP7aotFnKfUvItGJCAFGkkT9G7I8m/yiv+EdCyX/ABrbgTkqBSlcaG0f8crX&#10;9vRA7U8vUgOqT7qi7GIK8aPHVYwcni5bVScc8C9wbixh/o//ADb/AMDf7PRV/wAQP+oj/DH/ALHQ&#10;c+1fRR1ZN/Llr4M/mu7+mcjPGmM7P6unR4ZhcNJT+WhcL/Qmmy8rMB+pU5vpHsn3cFQjjyPH58R/&#10;g6E3LjqxkjbIIBoeFBVW+WdQ6rjrqOox1bWY+rQxVVDVSUdTGf7MkTlHX/YMpHs2Vg4BHmK/t6Dk&#10;sZhYo3FSQftBp1F926p0N3xs3l/cDvnqjdT1DUlLQ7zpKPJVCm2ijrn+wrSf6r9pVSah+Rcfn2lv&#10;U8SJh8q/sz/k6Mdpk8K5jPGraf8AegV/lWvS++bWzRsr5Mdm00Ueik3BlI95UjAW1/xWGOrqWt/h&#10;XSTr/jpv+fbe2yeJCPlUfs4fyp09vkPhXBNAAwDCn2UP5kgnoqftd0Udc45HidJYneOSNxJHJGSG&#10;VgbhlIsQQRcEfT34ivW1YqajBGQR5dWB/OtY96UHx872pliYdn9WQ0uZenWyrkKART1CyADSJFbI&#10;tDxx/k5C3C39lG1nwy8R/C3+wf8AAOhJv6iZYp1Boy0z5A0ZR9vceq+fZv0Guve/de6Pr2sg7J+F&#10;PRHYaATZbqbctb1LnZASWFNKolodRtbxwU9PSIAeVab08E+ym3Pg3Lp5N3D7eP8AlPQlvB9VYxyU&#10;ylAc8F+A/mSFPRCvZt0Guve/de6PJUf8ZO+C1FP6qjO/HjsxqNrcsmDzxDAta7ENkKhFBP6UgI+g&#10;FiofoXXydf5/6h/PoSH/ABzb65rE32k0/wAgVx/vPRG/Zr0G+ve/de6OlXg9nfCrEVwVqjP/ABz7&#10;ElxFQVszJgNyESxySG+qwyYSJOLKkVhwOCwfoXJHk61/Mf8AFH9vQhb/ABywDfiialeJp6D0FGH+&#10;89Et9mfQe697917o3/biHsj46dI9vIzVGZ2O03RG9pf1NahD12Bkc31WOPlZWdgdTlV1XsCW236E&#10;zx+Td6+XHjT/AFeXR/f/AOOWsU/4l/TfiT8iT+Vftf8AaUD2sbj0TLw6c8Ll8ht/MYnP4moakyuE&#10;ycGXxlUn1iqKaVJoZB/ikiAj/W91kUOKHgRQ/wCDpyCQwsGHFSCK/I1HRhflPiMfLv8AxvZuAp1g&#10;2x3Xtik7Lx0cRLJDWVamPMUZfSgM1NlIpi4A9IkT+vtFYv2lDxQkfl5f6vl0bb1EPEEq/DIoYfbQ&#10;f5KE/M9FhX9Q9reihRU9GJ+OGWx0u9Mj1tuGpjp9rdyYGbrvJSz3MdPWVLLLhK4rcDXR5eKBgx/S&#10;jSfgn2jvVOkOvFDqH2ef8ujrZpRrMT/DICp+3yP28QPmegPzWIyG38xlcDl6Z6PK4XIz4nJUkn6o&#10;56eRoZoz/ikiEf7D2qRg4DDgRX9vSCWMwsUbiCQfy6aX/Hu3TTcOjBb9J7C6j2L2TGVm3BsUxdSb&#10;90j9xoIo3n21kZLXuJqBJaJnbkvRLckuo9oof0JGTybuX7fMdHFyfrLdJvxJ2P8AZ+E8T65J4k/L&#10;ovHtQ/HosXgehx6TraTM12e6kzdVFS4Ltehjw1JV1TWjos9Ts02ArybgKq1pNLKf+Varn/w9ppwV&#10;AkHFDX7VPEdL9sYSFoGPbKKfY4yp4+uKeZoOgRr6CsxdfW4zIU8lJX46rkoK6ll4eKaF2jljYc2Z&#10;HUg/4j2tVgwqOBz0XOhjYq2CCQR6EY6eNobnyGzNzYbdGLET1eHrRUfb1ADQ1ERBjqKWoQgiSmq6&#10;d3hmQgh4pHQggke6SxiVSp8/9X8unbac2zq48jw9RwI/MY6UXZ+16Dbe5RUbf80mzd1UEe7Nk1Up&#10;LFsdVl9MDyWAeox1QktFUECwqKaUfS3ulvIZF7viGG+0f5+nr6AQPVPgbuQ/I5p58OGc+vSBpaqp&#10;oaqmraOeWlrKOoSqpKmBirxyRsHjkRhYq6MAQRyCLj3pxqqD03GxQhhgihB9COlvvmjpsjHjt8Yq&#10;CODHbpMr5Ckp1tHR5aHR/EqRVVESOKRpErKeNAUjpqmOEMzwyWahalUPFeHzXy/zHpXeIGInUYkr&#10;qA/C44jieNaj5H5dBz7d6R9clP1B+jcH3sdVb1HXEgg2PBHvXV0OeuwbHnkfke/dPMK9eIsf+J9s&#10;MKHrwNeuveut9e9+691725H05H1hf9R91fj051x91691mT9I9+691h9+6Ude9+691737r3Xvejw6&#10;9172x17rAfqf9f2+OHXuuve+vde9+691wf6f7H37r3WL37r3Xvfuvde9tPx6dTh173Tq/Xvfuvde&#10;9+691737r3Xvfuvde9svx691H9vdKOve/de69791ZOPXvfunuve6vw69172z17r3v3XusT/Uf63v&#10;3XuuHv3Xuve/de697917r3v3XusB+p/1/fuvdde/de69791sceuD/T/Y+/dP9Yvfuvde9+691720&#10;/Hr3XvdOvde92Tj1ZOPXvdpOnuve2+vde9+691hf9R9+691x9+691737r3XvfurJx6970c9PdcX/&#10;AEn20nHr3WH2903J1737rSceve/dbk69791pOPXvfuneuD/T/Y+/de68n0/2Ptp+PXuufunXusT/&#10;AF/2Ht1OHTqcOuHux4dX697Y691737r3XB/p/sffuvdYvfuvde9+691737qycescn49+6e6x+/de&#10;6yR/n37r3WT37r3Uf37r3XvfuvdYn+v+w9+691w9+691737qyceve/dPde9+6919i7+WN/27Y/l6&#10;/wDijvU3/vBYD3Em5f7kS/8ANR/+PHqd9n/3Eg/5ox/8cXo8XtF0Y9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8&#10;W/3lB1z/AOjIdIf8y4+UX/iG6T/3rduey+8/tIv9P/k6Ptp/sLj/AEn/AD6/Rb/Zh0Q9e9+690Yb&#10;ZEUEvxs7/MjDy02/dg1VOl7G+nd0LG31KhZiD/Qkf4e0cxpNH9j/AOAdGtmK2twfTwv+P9F59rOi&#10;rr3v3XuhvoUnm+Nu55B4hTY7u/BIxJOtnrcDuIrYW06FWgNzcG7CwIvZIf8Acgf80z/x4dGur/Ea&#10;f8Pr/wBUz0CHtX0Vde9+690MC0sr9BT1oZPDTdwRUrISdWqfCzOpUWta1OdXIP6bA82Sf6P/AM2/&#10;+fujf/iB/wBRH/WPoH/avoo697917oVIw8vSNaVT9uh7UphM5I+tXiKvxgD6mwopL/gen+vtJT9f&#10;/m3/AM/D/P0b1/xCn/Lx/hjP+boK/avoo6tF+DQ/0gdCfKvpVi09VktsHcO36AclquooKum8qKAS&#10;THVUVFfjm6geyTc/0pUk/wBXaa/5ehZsP+MQSQ8Kkgn/AJqLp/lpPRBce3k6d3Yhp1P2XZe3mWr0&#10;3Yfc4vc4aPVb0hvtA1r+rTcj0j2ZFaTA+qMP2Mv+fojWWtoyekyNX/TI4/59/n0GntT0X9Gk+Fu7&#10;W2d8muqK0y6KfMZ5tpVSH6SDLwS4+FT/AK1VUROv+1Kt7i4KLcY/Ehb5Z/Z/sV6Ntkl8K4XNAwKn&#10;51FQP96A6ZvlttE7J+SHbuEEAp4J92y7hpI0/QIcskeUj0WuNKrWabD9JBXgqQN2D+JCp+VP2Y6p&#10;vEQiuXpWhIb7SwBP869F09rOizrkjvG6yRsySIwdHQkEEG4II5BB+h9+Ir1sEqajBHA9WNfPdBvX&#10;AfG3vSDxSf6Q+rYsblpIQRoq6QQ1zJJwBq8uTnQW5/ZYfQL7J9rPhl4z5H/OD/gHQm5gUTLHMowR&#10;x+TAMo/491XH7OOgx1737r3Vg9l7K/l5X/4EZfoPtTn8yx43Jy/7doXnzH+JUU34jT2Uf2N38nH+&#10;T/OvQm/3K27zJjP25Df4Aj/lT5dV8ezfoM9e9+690ff4sBuwuiflL0jIfNUz7Ph7S2xTW1EVeIkV&#10;59A+oeokhootQ+gJBuDb2U3/AOjLHJ86H7P+KJ6Euzj6q3lgxU5UepIoPyBVeiEezboNde9+690d&#10;74STxboz3a/Rtc6Gh7o6uyGJx8MzWQZbHxSVWPnI/wBVTRPUSA/gqDYi/sr3MFAsg4q3+H/iuhDs&#10;DhzJC3B1/P8AhIH5MT+XRJ6innpKielqYngqaaZqeohkFmR0Yq6sPwysCCP6+zMEMKjz6IHQxkq2&#10;CCQR6EY6w+99V6OV8MKulz27ewOlMrLCmL7w63yO1qb7hiiJlqSCStxlQWHGqApNoFjd2UAH9LFu&#10;5KVVZBxRgfyP+zTo/wBhkDO8LcJEI+ZIqMf7VmP5dE9rKSpx9XVUFbC9NWUVS9JV08vDRyxsUkRh&#10;+GVlIP8AiPZirBhUcDnojkQxMVbBBII9CMHqP731To4Xxh/3/u0+8ugprTVG/djnd+yoGBZjn9uM&#10;a6nhgA9SPWU/kWRhcmOKxBHBLL/9Fkm9DQ/Yf9R/b0INm/xqOW2P4l1LU0AYUH28dJ+xT0T32tfj&#10;0Spw6979xHXuB6NXiD/pL+LGfwrfv7k+P+603ViQeXbbu4HWmyUUa8tppMpHFUSEEKqPcg/qBc36&#10;M4Pk4p/th0fR/wCOWZXi0RqMZ0mp4/70T8lHRTk/UPa/olTj1Jhmlp5op4JHimgkWaGWM2ZWUhlY&#10;EchlYXBH0PvRFcdOqxjaoweIPzHRj/kTDFueXYnduPhSOk7d2ytXuFYQAkW5MUVoM5GFX9HnlSKr&#10;ANiwqdXtFZHw9UR/Acf6U5HRxuqiXRcLwkXPyZcH/N86E9Fpk/Htd0UdDn0Hk6Cq3Lles89VQ0m2&#10;e4MOdkVlTU/5qlyLyLPgsgx+i/Z5aOEM34gkmH59o7xSFDrxQ1/LzH7OjLaXUu0L/DINP2Hip+2u&#10;B8yD5dAtlMZXYXJ5HD5Smko8lia+bGZGkl4aKeCRopo2/wBqSRCp/wAR7eLBwGHAivSNkMRZG4gk&#10;H7Rj/J1CWV4Xjljdo5I5A6SISCpHIYEcgg8j/H35RXpkErkYIyCPI9Dp3PCu7sdtLuqhhAXfNM2F&#10;3wIxxFujGRxR5B3sSF/itM8Fev8AqnnnXkxt7ZtT4RaI/hyv+lP+bo23EfUqlyPxjS/ydcflUDA9&#10;BU8egC9rOinoaNskb661zuyJLSbj2G1Rv7ZIPMk9CyINxYxLIXcxwQx5KJSwSNKWvKgvPykk/RkD&#10;+Tdrfb5H/J0aQH6uExfiSrp8x+Jf8tBkn5DoF/bh49Ihw6XexqylrJclsrKTRw43doiioaqdlRKT&#10;LQaxjKp3chY4XeaSlndjpSnqZZSC0aFWJarRxxHH5r5/5/y6XWZElYW4PSh/hcfCeB48D8j0ha2k&#10;qKCrqaGrhlp6qknemqKeYFXR0Yq6Op5VlYEEHkEWPt6oORwOR0iKlCVbBBII9CMHqN7917rm3IDf&#10;n6N7sc560mDTrh7r0p65fVf8R/vX/GvbXxD7P8HVeB+3/D1x906t1737r3XvbkfTkfWF/wBR91fj&#10;051x91691mT9I9+691h9+6Ude9+691737r3Xvfuvde9p+vdYD9T/AK/t8cOvdde99e697917rg/0&#10;/wBj7917rF7917r3v3Xuve2n49Opw697p1fr3v3Xuve/de697917r3v3Xuve2X49e6j+3ulHXvfu&#10;vde9+6snHr3v3T3XvdX4de697Z691737r3WOT8e/de6x+/de697917r3v3Xuve/de6wH6n/X9+69&#10;117917r3v3Wxx64P9P8AY+/dP9Yvfuvde9+691720/Hr3XvdOvde92Tj1ZOPXvdpOnuve2+vde9+&#10;691hf9R9+691x9+691737r3XvfurJx6979091xf9J9spx691h9vdNyde9+6qnHr3v3VpOve/daTj&#10;1737p3rg/wBP9j7917ryfT/Y+2n49e65+6de6xP9f9h7dTh06nDrh7seHV+ve2Ovde9+691wf6f7&#10;H37r3WL37r3Xvfuvde9+6snHrHJ+Pfunusfv3Xuskf59+691k9+691gPBI/x9+69117917rE/wBf&#10;9h7917rh7917r3v3Vk49e9+6e697917r7F38sb/t2x/L1/8AFHepv/eCwHuJNy/3Il/5qP8A8ePU&#10;77P/ALiQf80Y/wDji9Hi9oujH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i3+8oOuf/AEPnSzN/dL5JpqbSehtR&#10;W/BI3ns0AkfQkBjb/XP9faO7GY/+ag/wN0a7WTSYf8Jf/J/n6AP2s6Kuve/de6HDZX/Mju8v+11t&#10;H/3Jy/tFP/bRf7f/AADo4sv9xLn/AJs/8fPQH+1vRP1737r3Q6YiaN/jR2FTKxM0HeezqiVAD6Uk&#10;wG+URibW9TRsPrcW5tcXSkUnB/oMP2MvRiGBtCo4iUE/IFCB/gPQF+1XRd1737r3Qx0FLO/x93XW&#10;qt6am7k2/SyNccST4TczoNN7nUtO/I4Fhf6j2kP9uP8Ammf+PDo0B/xIj/h4/wCrZ6Bz2r6K+ve/&#10;de6FrGrJN0TvR1VRDju2tsLK5PJatw+7jGAtvoooHub/ANpRb6+0xX9YH+gw/Yy/5+jBZQbRk9JV&#10;b9qOP8nQS+1PRf0fj+W7uz+7vyUoMO8gSHfG0cntwq59JkhjTKxnn+1/uNKr+fUVH19le7Jqir6E&#10;fsOP83R9y9LomKk/EpoPUgg/yFegj7R2zU7Fp/kXsSnV/wCG4D5BYWJQE/3RTQb4hopWIHoVoKof&#10;0Ul1HJ0+3beQP4Z9Y2H5gpX/AAdN30Bj8fHCaNseSsJSP8I/Posftf0S9OmDy1TgM3h87REiswuV&#10;p8tSEG1paaZJo+RyPWg590kTxFK+oI/b07BL4Eivx0sGp60NerBv5k+HoZ+0uvux8QHOI7I6yo8h&#10;BNIADJJTSyeu4JF/sqmlBFzYj6kEWK9oeqMvoa/t/wCK6EHMkWl0evEFaf6U1r+ev+XVcvs36DXX&#10;vfuvdWP5AHsr+W/iasIlRkejO0mop5l5lWkqpmGki1/HbPQA24tACT6G9kw/Ru/k4/yV/wAI6FD/&#10;AONbcDUkpT9qtT+SN/l6rg9nPQX697917qwn4KMN64n5FdFTmKUdk9UVFfhoJza2RoBJT07xXsPI&#10;r5FJbfnwAkFVPso3MeGUl9G/2R/gPQl2BhMssBJGoV+wEFWP816r3ZWRmVlKspKsrCxBHBBB+hHs&#10;3Br0GyKYPXXv3WujW/Cbeg2X8k+upJ3/ANx26a2XY2ShJsJVy0TU1MjX4Zf4gadipB1abcEghBuU&#10;fiQn5UP7OP8AIno32OfwbgCoAYFST+0U+ZIA6Bjt/Zb9ddpdgbHZGSPbO7a7F0eoEaqZJ3NJIAeb&#10;S0xjcf4MPai2k8WNW9QK/aMH+fSTcYPp53SlBqJA9FOR/IjoOfb/AEj6EvprfEnWva3X2+lkeOLb&#10;W66PIV/jNi9H5VStiv8AjzUjyIf8G9sXUfjRsvqMfaMj+fS3bp/p50etBqoSfJW7T/InoTvmFsZN&#10;g/IrsrG0scaYzNZj++OIaAARNBl0WvYRBbKI4qiaWJQPSPHZfTb2zt0vixL8u39nD+VOlO9QeBcN&#10;6NRx+fH/AI0D0Wb2t6Kelf1/u+t2BvnaG98eC9ZtPcdHn4ogbeT7WdJWhY/6iZFKN/VWI9tTx+Mh&#10;X1BH59KbOf6WVZM9pBNOJHmPzFR0OnzH2lQ7Y773VkcMyy7b7Bp6Xs3bdUg0rNTZqL7mWRAAAE++&#10;+4Vf9pUX5v7S7bJ4kQB4rVf2f7B6X77B4NwSKdwDY/MH9pBP59Fc9r+ifoRuod+1PV/Z+xt/0xk/&#10;36+46bI1ccXDS0mvx1sAt/x3pHkj/wBZvbFzF40bL6jH28R/PpZt9x9JMkh4A58+04P8ielt8nti&#10;UvXneG/MLi/E+38lkxuva81OQ0T47LxrkKUQsPrHCtQYQfz4zyfqUlnL4sYPmMH8sdL93t/prhh5&#10;MdY4fiyeHzqB9nQB+1XRZ0YX4wbqxm3e2sVh9xORtDsjHVXV28Iy2lWoc3H9qGc2ICwVZhmuQQvj&#10;vxa4SXqFo6jip1D8ujXZphFMFbKuChHrXh+04+wnoGt47VyWxt4bl2bmFC5Ta+dqsFXFf0tJSzPC&#10;XTkgpJp1KQSCpBBIN/aiJxKoYeYr0jmgNtKYz+EkelR5H8xnpPH/AH1/d+qN69GW6v1dgdO9qdUO&#10;fNl9tRr3TsSJramlx0Yps9SRf22epxMgnWNb6mpL2J5CGf8ARkWTyPa358Ojqy/xqCSDiR+onE8O&#10;IH+AD1J6LNJ+Pa7on66jd43SSN2jkjcPHJGSGVgbggjkEECx/HvxFevAlSCMH16MB3oibsh2T3VR&#10;KGTsvDGm3f41ssO58SI6TLhgo0oa+M0+QUcX+6cAWQ+y63/TrEfwnHzU5HR1uQ8cLcDg60bjh1wf&#10;s4Y9aE9F5f6f7H2sTj0S9Dz0w8e76LdfTNaysewKJa3ZbTMFSDc+NWWbGWJB0fxKF58ex+hapjZv&#10;82LJ7r9IrKPw4PzU/wCbo22wi4D2zfjGpK+TjP5V8z+Xn0AkkckMkkUsbxSxOY5YpAVZWU2ZWU2I&#10;YEWIPIPtaDXoqZSpocEYIPl09bX3Fkto7iwu58PIsWSwWSiydIZFDIzROG8ciH0yRSgFJEPpdGZW&#10;BBI90kjEqlT59O28zW7q68VNf9j8+B6VnaW3cbhdxQ5XbkTx7N3njk3dtAMS3ipKpnWWhZ7APLi6&#10;yOajkP8AaaAuOHBKSBywo3FTQ/5/z6X30So+tPgcal+VeIxjBxTyFOgxf6/7D290i6EndpO6tv4z&#10;f0bCXJJLHtreq3Zn++jiJo8hISLf7laSFizEs71VNWSuQJEBZiHhkp+a/Z5j8j/IjpddH6hRP5mi&#10;yD+kBhuP4gPTiD0Gft7pD1yU2JB+jCx/4r/sD72OtH19OuJBBseCPeulANc9e+ntgHSa9eIrjrsi&#10;3+seR78RTrymvXXvXW+ve3I+nI+sL/q/1/en49OdcfdOvdZk/SPfuvdYffulHXvfuvde9+691737&#10;r3Xvafr3WA/U/wCv7fHDr3XXvfXuve/de64P9P8AY+/de6xe/de697917r3tp+PTqcOve6dX6979&#10;17r3v3Xuve/de697917r3tl+PXuo/t7pR1737r3XvfurJx697909173V+HXuve2evde9+691jk/H&#10;v3Xusfv3Xuve/de697917r3v3XusB+p/1/fuvdde/de69791sceuD/T/AGPv3T/WL37r3Xvfuvde&#10;9tPx69173Tr3Xvdk49WTj173aTp7r3tvr3XvfuvdYX/Uffuvdcffuvde9+691737qyceve/dPdcX&#10;/SfbKcevdYfb3TcnXvfuqpx69791aTr3v3Wk49e9+6d64P8AT/Y+/de68n0/2Ptp+PXuufunXusT&#10;/X/Ye3U4dOpw64e7Hh1fr3tjr3XvfuvdcH+n+x9+691i9+691737r3XvfurJx6xv9Af8ffunusfv&#10;3Xuskf59+691k9+691gP1P8Ar+/de669+691if6/7D37r3XD37r3XvfurJx6979091737r3X2Lv5&#10;Y3/btj+Xr/4o71N/7wWA9xJuX+5Ev/NR/wDjx6nfZ/8AcSD/AJox/wDHF6PF7RdGP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fFv95Qdc/+jIfH5Vbb/wAmAyhgPjfkGswvyNzbUIP+uCLj/H2ju+Mf/NRf8B6Ntp4z&#10;f80Jf8A6Lf7WdFPXvfuvdGC68pIqnoP5FzSFw9BU7OqoQp4LNla2A6uORomb+nNj+LFDP/bRf7f/&#10;AI6Ojiy/3Euf+bP/AB89F99ruifr3v3Xuh52l/2Tj3af+/m7C/8AcLfHtJL/AG0f2P8A8+9Gdr/u&#10;NP8A82v+PHoBvavos697917oZ8LNI3x47KgLkwx9z7HmSP8AAZ8H2Ern/XYRqP8AYD2nYfqqf6Df&#10;4U/z9LFcm3ZfISIR9pWSv+AdAx7UdI+ve/de6FzBzA9Fdl0axyNIe1Nl5FnUDSsUOK31AxY3uCZK&#10;uMCwN7n6W5TuaSr/AKV/8KHpbEhaCQjgHjJ+QIkH+E9BH7UdIuhb6E3aNi919V7seUw02G33jZsg&#10;4Nv8keqjhrBc8DVSySDnjnn2mvE8SJh8ifzGf8nS/a5fCuIyPNgv5N2n+R6Ov8+Ns1O2ezu5KmOM&#10;Q47fdLszeKpGo0tJDDlcSz3tdW8tJKWANiX1Nckeyvbn1aB6GQftCnoR7tGESZh+JYCftDOv+ADq&#10;s32e9A3r3v3XurLvkDr7D+Cfxg7GLJVVmxsjN17XMOXihEdRjwXJ5AP8Cpr83YyI1iDcE1p+jcun&#10;rU0/Oo/kehTuP+M2UcgFdOmpPEUBRuOcsB/h6rR9nPQW697917qx34Tad89SfK3paYvLNuDrwbr2&#10;/AvOmrpIqqIvpNw16pqG9rGyWvyCpPuX6ckcnoc/kQf8/Qo2GtxDLDUAHgfOrqVJ4+WkdVxezjoL&#10;9e9+690Zv4b70/uL8lOqcrJLHFSZPcP91K7zHShjy8UmOUufwI5qlJAbgAoNXpv7RbjH4kLfLP7P&#10;9ivRrss3hXC5oGqp+dRgf70B0kvknsv/AEfd89rbUWB6amoN51dXjYHABWjrmFfRCwsLfaVUdiAA&#10;RY2F7e72T+JEp+VP2Y/ydNbtH4VxIK1q2r/egG/lWnQI+1XRf04YnKVmEyuMzWOlMOQxGQhylDML&#10;+iankWWJuCD6XQH6j3V1DgqeBBB/PpyGUwOrjipDCvCoNejs/PzG0Nd2rtHtPDxaMP3L1hht707D&#10;n9z7cU5TUAFcrSR0zFh9df0HFy3amOgoeKsR9lf9mvR5zDEPEWRaEOvEfiK+f7CtOiLezToP9e9+&#10;690eT5N/8ZA6R+MPdsQSWsqNmz9T7rmUWYVmClaOlaU3JMlWoqpbG1lClbqwClVj+jLJF89Q+z/i&#10;iOhFu/8AjUENx6jSx4EsR/gBVv29Eb9mvQd697917o6nbd+x/ij0H2crGoy3W2Uruj91zFgzCKNR&#10;W4QEXLLHDQJpuf7UoH0K3K7f9C4dPJu4f6vzP7OhDe/43ZxS+aHQ1M0/DU/PtU/7bolfs06D3Xvf&#10;uvdG+7hUdh/HXobtuNvPltnrU9D7zm4JDY4NW4HUR6iTjJH1M3JJUXPBJTCPBmePyPePz4/6vl0I&#10;7w/V2sU3mv6beZxgVP5V/wBv0UH2u6JOuSO8brJGzI6MHR0JBBBuCCOQQfoffutglTUdGj+TSJu9&#10;eq+9qTxunbmx4o9zvEFAXceCCYvMBlQWj8wSCdQ1mYSFjcG5Q2R0aoj+E4/0pyOj3dgJvDuFp+ou&#10;aeTD5/nT/a9Fa9ruik56EDqnfM/W3Ym0t7QxGoiwWXSbI0R5FTRSgwV9Kw+jLU0UssRBuCHsQRcF&#10;m4i8ZCvqMfb5dKdvuPpZVc+RofsOD/I4+fU/u7Y0HXXZu6dsY+RajBR1wyu1q1DqWfE5CNK7GTK/&#10;0fVRVEYY/hwwIBBA1bS+MgPnwP2jp3cbf6aZlHCtR6UOcfZw/LoKPb/SAivRhOpiN7bI7H6dn/cy&#10;FbQHsrr9GJJGZwkEr1tJCv8Ax0ymFM6WH6paenBvYWQXY8Jlk/2rfYf8x6ONt/xqKS38yNaf6cDI&#10;HzIFPkKnovD/AE/2PtUnHoo6k42uq8ZXUmRx9RJR19BVR11DVwmzxTQuJIpEP4ZHUMP8QPd2UMKH&#10;gcdWRzEwZcFSCD6Uz0MneVDSZPK4DtTDU0dNhO28S25Z6anULFSZuFxBuGhQC1liyN54xYEU9TBf&#10;63KWzYgGM8UNPtU8D0Z7qgdlnUUEo1U9GGGH7eJ8zXoDfazoq6Gba3+/468z2xXHlz+zvuN/bJP1&#10;eWnWJf4/jk4LNqo4Er41uFU0dQFGuc3QTfpuH8j2t/kP+To4tf8AGYTCfiWrx/8APy/5QBxPHoFH&#10;+v8AsPb/AEX9LTYeaoMdlKnE56WSPa26qM4DcTxjUYY3dJKeuRLHVJjquOOoCixkVHhuFlb21KtR&#10;UcRkf5vz6V2coVij/A40t8vQ/kc/ZX16Tmbw1ft7MZLB5SIQ1+KrJKGqRSGXVGxXUjj0yRuPUjrd&#10;XUhlJBB93Vg4BHn0xLE0LFGwQaH/AFf4Omv3bqg49c29ShvyPS3/ABB/23vZz1de00/MdcPabpzr&#10;v6i3+xHu4yKfs6ocGv7euvdOr9e9uR9OR9Yn+v8AsPen49OdcPdOvdZk/SPfuvdYjwSP8ffunxnr&#10;r37rfXvfuvde9+69172n691gP1P+v7fHDr3XXvfXuve/de64P9P9j7917rF7917r3v3Xuve2n49O&#10;pw697p1fr3v3Xuve/de697917r3v3Xuve2X49e6j+3ulHXvfuvde9+6snHr3v3T3XvdX4de697Z6&#10;91737r3WOT8e/de6x+/de697917r3v3Xuve/de6wH6n/AF/fuvdde/de69791sceuL/p/wBb37p/&#10;rD7917r3v3Xuve2n49e697p17r3uycerJx697tJ09172317r3v3XusL/AKj7917rj7917r3v3Xuv&#10;e/dWXj1737p7ri/6T7ZTj17rD7e6bk69791VOPXvfurSde9+60nHr3v3TvXB/p/sffuvdeT6f7H2&#10;0/Hr3XP3Tr3WJ/r/ALD26nDp1OHXD3Y8Or9e9sde697917rg/wBP9j7917rF7917r3v3Xuve/dWT&#10;j1wf6f7H37p7rF7917rJH+ffuvdZPfuvdYD9T/r+/de669+691jk/Hv3Xusfv3Xuve/dWTj1737p&#10;7r3v3XuvsXfyxv8At2x/L1/8Ud6m/wDeCwHuJNy/3Il/5qP/AMePU77P/uJB/wA0Y/8Aji9Hi9ou&#10;jH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i3+8oOuf/Rkfj5/xYPkz/wCK3ZH/AN6XavtHecY/+ai/4G6Ntp4z&#10;f80Jf8A6Ld7WdFPXvfuvdD/1xWaOj/kdQeO/3NFtSs8t/wBPgzypp0251fcXvcW0/Q34RTj9aI/6&#10;f/jvRxZf7iXP/Nn/AI+egA9reifr3v3Xuhu2rWInQPcmO8chkqewdk1yyC2lVp6bd8bBvzdjVLb8&#10;cG/4ukl/to/sf/n3o1tB/itwf+aX/Hj0CPtX0Vde9+690N21qmnX4/8AcdC4JqZuxdj1sHFwFhpN&#10;5RyG/wCGvUqB/UE+0kv9tH9j/wDPvRnaittOfnF/x5ugR9q+izr3v3Xuhb23/wAyZ7V/8O/af/Wv&#10;cftJL/bR/Y//AD70a2v+4s/2w/8AHm6CT2r6KuuwSCCCQQbgj8e/deBp1cX816xd6/Hfq7tqOMy1&#10;O9euMQuarLniUVOLrYYTxbUJq6s1f4rx7Dm3r4c2n0LD9gI6Hm6yCWzdxwYIw+xmUjqnP2I+gH17&#10;37r3Vl3SWnsH4AfIzY327VOR683DHvuiePloqYCir3YLY20x4yt1N9DG7W0ldXsmuP0bpGH4qD9t&#10;V/zdCmy/xmwkRj8OulPRaSD9p6rR9nPQW697917o7X8vbdo2t8ntpUstQ1NSbwxGS2lVNc6X8tK1&#10;ZTxuB9RJW0MKgfTWVJsBcF26pqir6EH/ACf5ejvYJAlxSnxKwHypRv8AAp6LZ3DtEbC7W7H2Ykfi&#10;g2zvbJ4ejUCwNPDVyrTMoP0V4NDD/Aj2qtZPFjVuNQK/b5/z6Q7jF4E7rSg1EgDgFOR/IjoOPb/S&#10;LqbjchVYnI0GVoZDFW4ytiyFHKL+mWF1kjbgg+l1B+vurKHBB8xT9vTkUhhdXHFSCPtBr0fH+YVQ&#10;UmT7I677WxcZTFdudUYvc0bH8zIhUi9+dNFJS/7f2V7S1FZDxVv8P/FdCDmOMa0kBqCpUfPSa1/P&#10;WOiA+zboN9e9+690ffsiM9i/BXpPew/yjK9P77yXWeXlHJWlrQamnLG11WGGOhiCknl9QsGsCmH9&#10;G6dfJhUfbx/z9CW6H1VhG+KoQD8lBKftPYT0Qj2bdBrr3v3Xujy9Tn/SL8N+/uu31VGV6t3Fju49&#10;uwEFmEDqaTKMgH0jpqOCZ2/AM9/oWsVXH6Nwj+Tdp+3h/lHQjsj9VZSxnincCeAHxY+3S37eiNez&#10;XoOde9+690dP4z6N+9UfJLpCZkkrMvsaPtDaEL31fxLbkomlhg5t5q2F44z+SiMf0hvZXffoyRy+&#10;h0n7D/qPQh2j/GoZbbiSNSjhnA4/6YJ/Polns06D3XvfuvdG9+OYXffW/wAgOkZVimrc7sxOy9lp&#10;LqLjLbbf7iSCmAuBPXUMjxm45SMgsovcqvv0pEk9DpP2H/UehHtH+Mwy2/Go1KPngcftC/z6KF7W&#10;9EnXvfuvdGn64Kdh/HDtzrmQmXO9X5GDu7aMdgWNEAmM3HHqvrWKOmkgqNIBUuhY6TclBN+jMr+T&#10;dh+3iOj2zYXVrJEeMZ8Rany8/wBmfzYdFY9r+irrr8/j/ff74+/dVGD0ZPf1+wehOtOwl1TZ3rOu&#10;fprd0hN2ahIkyO26hlAGmOOBqqk1EtcwxqSPSChiPgysnk3cPt8+jq5/xq2SXzT9NseWKfsx9pbo&#10;svtd0T9KTaG6cpsndW3d4YSUw5bbWZp81QtfgyU8qyBHFjqjk0lXUghlYqQQSCzOgkWh88dP2kxt&#10;3DjyINK0qPMfnw/Ppc97bWxm29+1lbtyFotmb2oaff8Asi9rLjMshqY6fgmzUE5lpHBJIenYEn6l&#10;mzcstDxHaftHSrdIBFKWX4XGtT8mz/h4D0p0DYNiCPqDf2s6Luh966/3/XX++uqZB5ctQwydp9eh&#10;iS33uOpyM1Qx82vkMMjTaQPXLQwryxUe0M/6LrJ5fC32HgfyPRxY/wCNwvbniP1I/wDTDiOPmDgc&#10;BUk9AD7XdE/T/tXcWQ2luPC7lxTomQwmSiyNL5AGRmicNokU8PFIBokU3DIzKQQSPad0EgKnzqOl&#10;dvMbdlkXipB+31H5jHSg7R21j9v7kSs2+ko2fu3HR7t2a8pLFaCraQGkeQqvknxlVHNQzsAAZqaQ&#10;j0kEswOWFDxBoftH+fj0qvoVjfUnwOA6/YfL8jinQce3ukXQmZof3t2Vjd0Roz5vaAp9p7qYG7S0&#10;WgphK9rnV+1FE2PlIASNYKEEmSo5YX9NtPkcj7fMf5f29L5f8ZiEn4kor/NeCnh8tJyTw6DP2/0h&#10;HHrkv9D9Dwfex1eQYqOI64njg/Ue05FMdXBrnr3vQx1s567P9R9D7s3VV6692j6ej6xP9f8AYe9P&#10;x6c64e6de6zJ+ke/de6xH6n/AF/funxw669+631737r3Xvfuvde9p+vdYD9T/r+3xw69117317r3&#10;v3XuuD/T/Y+/de6xe/de697917r3tp+PTqcOve6dX697917r3v3Xuve/de697917r3tl+PXusB4J&#10;H+Pt0Z6fGeuve+t9e9+6snHr3v3T3XvdX4de697Z691737r3WOT8e/de6x+/de697917r3v3Xuve&#10;/de6wN+o/wCv7917rr37r3Xvfutjj1xf9J9+6f6w+/de697917r3tuTr3XvbfXuve7Jx6snHr3u7&#10;8Onuve2uvde9+691hf8AUffuvdcffuvde9+691737rY49e9+6f64v+k+2U49e6w+3um369791VOP&#10;XvfurSde9+6qnHr3v3T3XB/p/sffuvdeT6f7H20/Hr3XP3Tr3WJ/r/sPbqcOnU4dcPd+r9e9p+vd&#10;e9+691wf6f7H37r3WL37r3Xvfuvde9+6svHrg/0/2Pv3T3WL37r3WSP8+/de6ye/de6wH6n/AF/f&#10;uvdde/de6xyfj37r3WP37r3XvfurJx6979091737r3X2Lv5Y3/btj+Xr/wCKO9Tf+8FgPcSbl/uR&#10;L/zUf/jx6nfZ/wDcSD/mjH/xxejxe0XRj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xb/eUHXP/AKMD0fPLT7X+&#10;SskLaHb4+ywE2B9Eu8dnRSDkEepHIv8AUXuLGx9o7vjH/wA1B/x1ujTazTxv+aEn+Tov3tZ0V9e9&#10;+690OXXn/MoPkJ/2pdt/+9FSe0c/9rF9r/8AHejez/3EuP8Amz/x89Ab7WdFHXvfuvdDlsn/AJkZ&#10;3p/2utof+5WX9o5v7aP7H/wDo4sv9xLn/mz/AMfPQG+1nRP1737r3Qt7b/5kz2r/AOHftP8A617j&#10;9pJf7aP7H/596NrT/cS4+2H/AI83QSe1fRT1737r3Qo7XjabrDtQGaVI6as2/XeFT6HcVVZApdfo&#10;SiVD2P1FzY2JukmNJY/9v/gHRvZitpcfLwf+Pkf5egu9q+ijr3v3XurYHrxv/wDlczMQ8lf1fumL&#10;GSMBcsEz9OVA5uEjoMvHf8ft3t9CCIDwrz7f8q/5+heztPtvqdIGPRHA/wCOr1U/7Pegh1737r3V&#10;kv8ALcrKfNbu7m6orqhoMf2T1TUQygn0u9NL9pbQTZpFpstOwuD6VfkXsSfd1oqP6NT9uf8AJ0Ju&#10;W5AGdCOIVvyUkH/jw6rkraOox9bV4+rQxVVDVSUdTE1wVkico6kEA3DKRz7N1bUAR556DksZiYoe&#10;Kkg/aDTqL731Tpf9UbsbYnZ3Xu81ZVXa+88bnJtfCtFTVkUsyObg6JIlZWsQdJNiPr7ZuE8SNl9Q&#10;afbTHSuwl8GdGrQahU/0SaH+RPRov5iG1f7tfJ7dFakHgp94YHF7qp1AsG1Uwx8zr/XXVY+Usf8A&#10;VFvaPan1RU9CR/l/y9GPMEYSeo/Eik/aKr/gUdEe9mXRH1737r3VhXbluwfgf8et7L+/kOr935Dr&#10;fK/kxQ1HmMNjz6Pt6ChBvYhnAAIsSUQHwrl1/iz+fH/KehNeD6mwjkoKpQV9FFY/5kKeq9fZv0Ge&#10;ve/de6Px8WlXfvQHyw6blIlqm2ZT9p7bpiLn7jDOZanQOSJJnho4gR+GIY2Pspv/ANGWOT50P2f8&#10;UT0JdnH1VvNBQHzUerMDT9hQdEH9m3Qa697917o5fwUz9HSd5x7JzE3j2725s/Ldb5tGtpZaukee&#10;FeQbSST0yxIbfWWx9LN7Ld0SseocVIP+To95fm0TlDUh1OPKq92fyBH59FP3NgK/am5NwbXyiGPJ&#10;7bzlXgMjGQRpno55KeZbHkWkjIt7Xxv4ihvUA/tFeieeLwHZK10sVr60NOmT3fprofvi3vxet+/e&#10;stzVEwhxp3HHgsy720Ciyitjql5AeGSGOpMtv6oCOQPaS/i8WJh6Co/LPRns8/gXCcaMdJp/SwPy&#10;Bofy6SveOxP9Gfb3YuxVjeKl29uurpcWrixNDJIZ6ByP6vRSxN/sfd7STxo1b5Z+0YP+DprcoPp5&#10;3UUArUAcAG7gPyBp0FftR0h6F/oLsFure5Ou98mZoKPC7lgXLup0/wCQVJNJkBc8c0c8n14va/8A&#10;X2ivI/FRl+WPtGejTap/p5kY8K0NTQUbFT9la/l1y+QHX/8Aou7m7E2RFD4aDEbkmmwiCxH8Oq9N&#10;ZjrEcH/IqiK9uL3H+HutrJ4sat8s/aMdW3KD6ed14CtRQUFGzQfZWn5dA97f6Q9DZ8bN50WyO5dn&#10;V2Z0PtnOVcmzN2wTX8cmMzMT46q8tiG8cK1AmNje8Y+v0KW8j8SM+oyPy6M9on8C4X0btPz1cPyr&#10;Qn7OkV2Vsqt643/vDYuQYyVO1twVOH85/wB3RxSEQTi4U6aiDRIvA9LDgfT27DJ4yBvUfz8+qXcH&#10;00jJ6HH2HI/kR0hz/sf9h7d6StjPRkPjlLFuTKb16XrpY0oe5tpS4PFGdgqR7gxxOS2/OWNrE1kL&#10;Uw5UEVTAm17ob2qBZB+A1P8ApTg9HO0kSl4G4SKafJlqQfyyfmQOi2TQy080tPPG8M8EjQzQyAhl&#10;dSVZWB5DKRYj8H2tBrkdFLKUJBwQaEehHXD/AA9+bOOtcM/l+3ofnI398ftJBl3F0bngwb6tJtrP&#10;zWI/1TLjM4B/gq5DiwB9oEPhTfJx/wAaH+x0cf7l2n9KE/8AGG/2f2AdF49mHRP0ptoboymy9y7f&#10;3bhZFjyu2cvBmKEuLqWhkD6HU8NHJYq6nhkJUix9tSxiVSp4EU6et5zbOsi+R/1D8wSOln3RtfF7&#10;c3tLW7bQrszemOg33sk8kLjskGlWmuQCXx1Ss1HJfnyU7X59t2khdKH4lOk/aOlW5wCKXUnwuA6+&#10;WGzw8s8B6U6Cb3duPSVeHQwYQf3260zm1mbXnuv3qN+7YUgFpcc6RpuCjU6dZMCRQ5BFLaEjirnC&#10;6pCSll/TkDeTUU/b5f5ujOA/UwNGfijq6/6Q/EP8vz6Bf2o6LulfsjOUmEzgXLCWTbuapJNv7mgh&#10;GpmoarSskkaEgPPSSKlVTg+kVEETHge25ULjHHiPtH+qn2HpTaTCF6t8JBV/9KePkeHEU8x017jw&#10;VXtnOZHB1rwTTY+o8aVVKS0NREyiSCqgYgF6eqgdJYmsNUbq1ufe43EgBHn1WaE28hQ+R4+oOQfz&#10;GemT3frfXI8gN/sD/wAR/tx7bfOfyPVF7TT8x1x9t9X67HPH+292Gcfs6qcZ/b1172nHp1OPWJ/r&#10;/sPfn49O9cPdOvdZU/T/AKx9+691jP1P+v790+OHXXv3W+ve/de697917r3tP17rAfqf9f2+OHXu&#10;uve+vde9+691xf8ASffuvdYffuvde9+691720/Tqde906v1737r3Xvfuvde9+691737r3XvbL8ev&#10;dYD9T/r+3Rw6fHDrr3vrfXvfutrx69790/173V+HXuve2evde9+691jk/Hv3Xusfv3Xuve/de697&#10;917r3v3XusL/AKj7917rj7917r3v3Xhjri/6T790o6w+/de697917r3tuTr3XvbfXuve7Jx6snHr&#10;3u78Onuve2uvde9+691if6/7D37r3XD37r3Xvfuvde9+62OPXvfun+uL/pPtlOPXusPt7qj8Ove/&#10;dUTj1737q0nXvfuqpx6979091wf6f7H37r3XUf59tyde6ye2+vdYn+v+w9upw6dTh1w936v172n6&#10;91737r3XF/0n37r3WH37r3Xvfuvde9+62OPXB/p/sffun+sXv3XuuafUj/D37r3WX37r3WA/U/6/&#10;v3XuuvfuvdY5Px7917rH7917r3v3Wxx69790/wBe9+6919i7+WN/27Y/l6/+KO9Tf+8FgPcSbl/u&#10;RL/zUf8A48ep32f/AHEg/wCaMf8Axxejxe0XRj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xb/eUHXP/ox3R8MT&#10;de/KKoKAzRdJ00McnPCybw2uzj+nqMa/7b/X9obs98Y/p/5OjzaUBiuG8xGQD8iGr/gHRcfa7oj6&#10;97917ocuvP8AmUHyE/7Uu2//AHoqT2jn/tYvtf8A470b2f8AuJcf82f+PnoDfazoo697917octk/&#10;8yM70/7XW0P/AHKy/tHN/bR/Y/8AgHRvZ/7iXH/Nr/j/AEBvtZ0Ude9+690Nez6eKbpDuqVwddJu&#10;HaNRDY/2jLm4jf8AqNErf7Gx/HtHN/bR/Y/+AdG9mK2lx/zZ/wCPnoFPazoo697917oVto/8yw7d&#10;/wDIB/7sJfaOb+2j/wBv/wAd6OLL/cS5/wCbP/Hz0FPtZ0T9e9+691aR8Iim/fjh8s+nZpJJJZdt&#10;tujCUX6r1VRjquISot+THVYyj1jgn0AH8qSbl+lLHJ/q7TX/AC9CvYv8YgkhGCSRXy/UXSP2aT1V&#10;v7O+gp1737r3RsPg/un+6fyg6rqXYinzOVn2rUIDbV/E6Ooo4AeQCFqpYmtzfTwL29oNyTXCflQ/&#10;z6ONikKXAH8QYH9hb/Co6Rvyo2qdmfIvuPBeBqWJd9VmXpadhp0QZNhk6cKOP2/BWJo/2jSefbli&#10;+uFT8qfsx/k6Y3eMRXLgZqdX5sAx/megB9q+i7r3v3XurIPnCRvLqv4mdwJKZ6jcvWQ29m3Ivpqq&#10;WChnZfJ/bP3U9Wpvb9FwPUbE+2/pvJH6HH5Ej/N0KN+JuIYpqAVyftdVYD8qHqt/2cdBfr3v3Xur&#10;DPjxff3w4+VvWJtLV7S+x7Xw8J/WPAqz1jxfU8Q4QIwA/wB3WHLXBRd/pXEb+uP50P8AJuhLttLi&#10;zmizUVb+WpQP9shx1Xn7N+g11737r3Rwvghu6DanyW2RT1xT+Fbyp63Y+TikAZZBX0z/AGsTI3pd&#10;JMhDTqQeLE8G1iX7pHrhJ9CD/k/y9HWwSmO4AH4lYfZTv/59p0XTsvaU2wuw98bKnRkfau7K/Arq&#10;udSUtVLFG4JJJWSNVYG5uCD7VW8nioreoFft8+i++h+nmdAKAMaD+jxH8qdIj290l6VOx901uxt6&#10;bS3njmZa7am5KLcVLpty9HUx1AUg+llfx6SD6WBIIIJ9tzR+KhX1BHSi1m+nlV89rAmnEiuR+Yx0&#10;ZT5y7Yo8D8iNzZnEjVgOxsTj+yMDOBYTQ5OmXzzKbC6y18FQw44vpNyCSj2x9cQH8JI/y/5ejLf4&#10;vDuCa/Eqn7Kdn/Ptfz6KF7MOiXrtWZGVlYqykMrKbEEcggj6Ee/EV62DTI6Ol8xETdy9H950yyun&#10;bfU9EufqXFw+dwtqDKDXxfReFBcAnQW/taVLNu/T1xH8LY+w/wDFfz6P99HjeFOMa0GB5H4uP+2p&#10;+XRLPZn0H+ve2X49PJw6N/8AI+2+Ot/jx3ZCsTVW4NiN1tu+SK2o5XbMxpVnqOb+euo5Ecfjxxrw&#10;Ba5dafpO8fodQ+w/6h0IN2/xmKK441XSx/pCvl9ur9nRQPa/oh6xEWf/AGN/futjj0bH5KP/AH1w&#10;3TXeEWqabsXYUeA3dUk6i24NtsuLrnk41IaimWmkRXuSh1BmXkILP9MvF/Caj/SnoQbr+usc4/Gt&#10;GoKDUDn+ZIHyXoqftf0SkV6ccJmsjtvNYbceHqGpMtgcrT5jGVSEgx1FNKk8LgghgVkQHgg/4+6u&#10;gkBU8CKdXglMTK44qQfzB6Gn5K4bGw9jneu34BBtbtvB0naOBjSxWI5VC+QpLoqoHo8qlTCUABQK&#10;oIB9pLFyU0nihKn8uH8ujPd4gsviL8Mihxj14/n5n0r0X32qY0I6LAKg9DD0ZuTF4DsKhoNxzeHa&#10;G96Cp693k1wFXHZiP7V52vcf5BUGGrX+j06n8e0l3GWUkcV7h9oz0v2mcRygN8Lgo32Nj8s0r8q9&#10;Bxu7bGT2XuncO0c1H4srtrM1GEr1H0MlNK0TMt/qj6dSn8qQR9fauKQSqGHmK9JLiE27sh/Cafb8&#10;/wA+PTAhswB+jek/7H3Y9M9DzQX390flMS1pdx9KZFtxYsADyS7cy88cGSiBuCyY3LtBOo5KrW1D&#10;D0hiqM/oTA+UmD/phw/zdHCD6y1K/ihOofNG4+fkRUnyAAHHoA/b78ei1OHSl2duit2bubD7lx8c&#10;NRUYirFU1FUi8NTAwaKqo5xzqp6yleSGVf7Ubsv59tyR+MpQ+f8Ah6ft5zaSLIPI/tHmOB4jFep/&#10;ZO2aHa27K2mwsj1G2MrDFuPaFXIwdpcVXoKij8jD6zwRt4Jx9VqIpUIBUj23BIZFzxGD9o6fvoBb&#10;yEL8J7kP9Fsjj6cPy6Qft7pH0I+R/wB/TsihzC/uZrZAjwWYty8uKmc/w6qb6lvsqhmo5HY2WOXH&#10;xKOD7YH6b08myP8ATDj+3j+3pef8YhDfiiop+cZPafyNV+ynQce3+mOuSn6r+GFv9j+PbY4kevVH&#10;9fTrj7bOOrjPXvfuvddn+v8AX26uTX16tFxp1hf6/wCw91fj091w90691lT6f7H37r3WM/U/6/v3&#10;T44dde/db697917r3v3Xuve0/XusLfqPt5eHXuuPu3Xuve/de64v+k+/de6w+/de697917r3tuTp&#10;yPr3tvpzr3v3Xuve/de697917r3v3Xuve2n49e6wH6n/AF/bg4dPjh11731vr3v3Wxx69790/wBe&#10;91fh17r3tnr3XvfuvdY5Px7917rH7917r3v3Xuve/de697917rC/6j7917rj7917r3v3XuuL/pPv&#10;3SjrD7917r3v3Xuve25Ovde9t9e6972vHra8eve3H4dP9e9tde697917rE/1/wBh7917rh7917r3&#10;v3Xuve/dbHHr3v3T/XFuVPtlcHr3WH291R+HXvfuqJx69791aTr3v3VU49e9+6e64P8AT/Y+/de6&#10;6j/PtuTr3WT2317rE/1/2Ht1OHTqcOuHu/V+ve0/Xuve/de64v8ApPv3XusPv3Xuve/de69791sc&#10;euD/AE/2Pv3T/WL37r3XNPr/ALD37r3WX37r3WA/U/6/v3XuuvfuvdY5Px7917rH7917r3v3Wxx6&#10;9790/wBe9+6919i7+WN/27Y/l6/+KO9Tf+8FgPcSbl/uRL/zUf8A48ep32f/AHEg/wCaMf8Axxej&#10;xe0XRj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xb/eUHXP/oyXR/8AzLf5S/8AiGaP/wB67bftBd/HF/pv8nR9&#10;tP8AYXH+k/59fotvtf0Q9e9+690OvXcbnpz5DShHMaYfbSNIAdIZtxUxUE/QFgpIH5sf6H2jn/tY&#10;vtf/AI70cWf+4lz/AM2f+PnoCvazon697917octk/wDMjO9P+11tD/3Ky/tHN/bR/Y/+AdG9n/uL&#10;cf8ANr/j/QG+1nRR1737r3Q5bJ/5kZ3p/wBrraH/ALlZf2jm/to/sf8AwDo3sv8AcS5/5s/8fPQG&#10;+1nRR1737r3Qr7RH/GL+3j/T+7//ALsZfaSYfqx/7f8AwdHFl/uJc/8ANn/j56Cj2r6J+ve/de6s&#10;p/lcZSal773VixIwpst1dWM0I+jS0+SxTxsf8UjaUD/gx9lG8AeGD6NT9oP+boRcuORI6+RSp+0M&#10;AP8Ajx6Ih2ftZtj9k7/2aylP7q7zye30BFrpSVk0EbAXPpZEBHJ4I9mNu/iRq3qo/bToov4vBmdQ&#10;KAM1B/RrUfyp0hfb3STpT7J3FNtDee0d2U5ZZ9r7noNxQMhIIeiq4qlSCOQQ0Qtbn+ntuZPERl9Q&#10;R+0dP2sgilR24K6k/YCD0eL+ZbtxMX8hqXcdMYpqPfOwsbnI6qBgySPAZ8cbEcN+xRwsCLgq62J5&#10;ALtoesZHo38iB/s9HXMcZWVWpgrSvqQTX+RHVe3s16D3XvfuvdWSZgtv/wDlqbcq9KTVPTPbTUNR&#10;URjU6w1NROqpKb+gf7+GnUAWBCRcX59k6jwrsj+If5K/4R0J5CLjbgSalCPyIfSB/vLdVt+zjoMd&#10;e9+690fn+XXk6SXuzcOwMpeTEdodZZfadZTg21FUjqyw/qwpaedR/g5Psq3daxhvMN/hH/FdCLly&#10;UrKy+RWtPUqRT+THoi2XxlVhMrk8NXJ467E5CbGVkZ/sy08jRSL/ALB0I9maP4ihh5gH9vRFNEYH&#10;ZDxVip+0GnTf7t010o9n7iqtn7t2vuyhZ1rNsbhotwUrRmzeSjqY6hLG451Rj8j23KniKV9QR+0d&#10;P2svgSI54KwJp5gGp6Nn8/duUmI+ROX3Hi1H8F7I2xid+4maMftyJUUq0ksqH8+aoonkb/anP4I9&#10;odqk1xU/hJH+X/L0bcww+HPqz3KCfSoqtB+QH7eiU+zLoi697917o9HyBX+/nxe+LPbKM1RXbfx1&#10;f0xuaoIuUfGyMcRE7f6tqOknluSS6yAmzBrldp+lPInr3D/V/tv5dCLcz9RaQy+nbniTShNa+sZ/&#10;b0Rf2adB3r3v3XujrYtG7F+Dm46PQZ8t8fe1KbOQvqu0WF3IGpniRPqFbKM8zW/CFuAHuWN+jdA+&#10;TrT8x/xQ/b0IU/xrbyPOJ6gDJIrWp+VHb/eeiU+zPoPde9tPx6dTh0cDqwf6QPi93v1w7PNlOucp&#10;j+8tr0wXWfDEDjM82q2qOOGheOQgcFjcgepvZbN+lMjfxdp/yf6vl0ILP/GbOWM8UOsE+WK4/wB5&#10;P+9dE/8Aa/oi6xt9VP8Ajz791scejW9cj+//AMcO5OvpP3sr1pkqPu3asfLOKYacVuBAQNSQpSzU&#10;8xHKF11MFPq9oJv0ZkfybsP2+XQgtf8AGbWSM8UIkWp+Rrj5AH826Kt7X9E3WN/p/sffuqjBp0ZO&#10;3+kD4x3/AM/n+g942/2r+7e5n/pwzrSZ2H/aggrP7A/Wg/sZ/lIP+NL/ALHR1/uVZ/0oW+ddDf7P&#10;7AvRaPauToqXgeun/Sfexmh6bGOh+7p/3+O3Osu5IhrqN2bf/ubvSQG5/j+3Y4aOWaU3JD5DFNRV&#10;J/1Ujyt/UKltf0maL0NV/wBK2f5Ho43IfUJHcfxDS/8Ap1qKn7aY+QHReva3oo6EzqfeFJsnfmEz&#10;GWieq2zXrNt3eVAtj9xh8lC9Dk4tNiGb7WZnQEcSKjAggEJ7mLxUIHEZH2jI6XbdcC2lBb4T2sDw&#10;KnBr8hxp50p0ydg7Pq9gb13Ls6tlSpkwOUkpIK2L9FTTG0lJVx/1iq6V45kP5SRfdI5fGUN6j+fn&#10;1u6tzaSNGfI4+w5H8iOkWW0urf09uDHSc56F+MHefVVTRH93P9STtkqH0kyS7cydUi1EQIY/t4vM&#10;VCzKoUHTkah2bTHYJ3/Sk+T/APHh/nH+DoyjP1dtT8URr8yhOeHocn0HQN+3+i7pYbG3BTbez0M2&#10;Shlq8DkaeXC7koIbap8fVoYapY9QKiojjby07EHx1EcUoF0HuksfirQceK/aP9VOlFpOLaQMfhNV&#10;ceqNg/s4j5jpu3Tt6p2ruDJ4GpmiqjQTj7avgBEVVTSos1JWQ6rMaespZI54ibExyKSOffo38RQ3&#10;r/I+Y/Lp64hNu5Q5oePqOIPnxGemD22ePTPXJubN/Xg/6/8Axv3Zzqz/AKq9UTGPT/B1x906v12O&#10;eP8Abe3Iz5derpNf2/Z1hf6/7D3p+PSjrh7p17rKn0/2Pv3XusZ+p/1/funxw669+631737r3Xvf&#10;uvde9p+vdYX/AFH28nDr3XH3br3XvfuvdcX/AEn37r3WH37r3Xvfuvde9tydOR9e9t9Ode9+6917&#10;37r3Xvfuvde9+691720/Hr3WA/U/6/twcOnxw6697631737rY49e9+6f697q/Dr3XvbPXuve/de6&#10;xyfj37r3WP37r3Xvfuvde9+691737r3WF/1H37r3XH37r3XvfuvdcX/SffulHWH37r3Xvfuvde9t&#10;yde697b69173scetjj1724/Dp/r3trr3XvfuvdYn+v8AsPfuvdcPfuvde9+691737rY49e9+6f66&#10;P0P+t7YHHr3WD2/1R+HXvfuqJx69791d+ve/dUTj1737p7ri/wCk+/de64x/n23J17rJ7b691if6&#10;/wCw9upw6dTh1w936v172n691737r3XF/wBJ9+691h9+691737r3Xvfutjj1wf6f7H37p/rF7917&#10;rmn1/wBh7917rL7917rAfqf9f37r3XXv3Xuscn49+691j9+691737rY49e9+6f697917r7F38sb/&#10;ALdsfy9f/FHepv8A3gsB7iTcv9yJf+aj/wDHj1O+z/7iQf8ANGP/AI4vR4vaLox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4t/vKDrn/0Y3pppqbqn5T16RCSGPqnEY+ViwFmq967aiXjkmyhm+lvTYkXHtDcjVJEP&#10;6TH9i16Odvk8K3uGpXCL/vWpf8vRcva7om697917oxvWhA+PnyZBIBY7MCg/k/xuoNh/sB7Qz/20&#10;X+3/AOO9HFl/uJc/82f+PnouXtd0T9e9+690OWyf+ZF96H/q9bQ/9ysv7Rzf20f2P/gHRvZf7iXP&#10;/Nn/AI+egN9rOijr3v3Xuhy2T/zIzvT/ALXW0P8A3Ky/tHN/bR/Y/wDgHRvZ/wC4tx/za/4/0Bvt&#10;Z0Ude9+690LG0P8AmV3cH/kv/wDuxl9pZf7WP/bf4Ojiy/3Euf8Amz/x89BP7VdE/XvfuvdHH+De&#10;6Ts7umLOeZqeP7TFYapmUkaYMpu/bGMnLEc6PDWNqH5W4II49lm6p4kYHzJ/YjH/ACdH3L0gjmYn&#10;zTT+bSRqP5nrn8+9qja3yl7EMUUkdJuNaDdVLrAGo1dDAKllIADKa2Kext/gSSCTvaZNcI+RI/nX&#10;/L03v8ei41fxKp+ynZ/z7Xomvsy6Jeve/de6st+aHh3p8ePh/wBqwKXqJ9kNtHNVWn9VRFRUF0LW&#10;vZKqjrNIJ5DEj83Jtu/Tlkj+f+Akf5ehVvlZ7eKY8cY+ciBv5aeq0vZz0Feve/de6sk+JQO9vix8&#10;w+sGk1TUO2od+4mjt/nJoKapnfSfpcy4emQ3IALqf9VYmv8A9OaN/sH5A5/490KNmPjW00QBJ7qc&#10;Ml0oP5r1W37Oegv1737r3Q8fF/dX9y/kL0/uBp2pYIt9UWMrahf7FNkJP4dUsQASUFPVPqABJW4H&#10;NvaW+TxImHyr+zP+Tox2iTwrlDxqdP5sCo/w9PPy+2q2zvkt3DiTD4I6vd8u5YFH6THmEjyqlLEj&#10;T/llrD9JBWwKkCtg+uFT8qfsNOrbxEIrl6DBo3nksATx+dei3e1nRZ1737r3R+fk4Y97fGv4i9qo&#10;xmrabalb1bnai+ol8O8cFGr/AJWU/aVTnVy4cNx9SU2P6U0ifOo+yv8AsjoSbt/jFrDLWtKKfUsy&#10;5/YUPRBvZt0G+ve/de6PN06Tv74d/JDrt3Mld11m8V3Jt+E8nSf8kyrL+fHDRUhJHADzBhe7eyu5&#10;/SuI3/i7fz4f5R+zoRWB+pspos1XuqcgDDUGf6Dftr0Rn2adB3r3v3Xujn/CmWPcW8ex+mavxSUn&#10;dfU+Z2rRRTtpVcpS0z1+PqLk6ddOIZmW/wBGIP4IJZua6VWQcUYH8j/sgdH+wuGZ4WNBIn5kiox/&#10;tWY/l0TWeCalnmpqiN4ainlaCeJxZldCVZSPwVYEH2ZAhhUefRE6GMlWwQSCPQjHWL3V+tp0Zv4g&#10;7mx+A722vic2Ne2+xKWs6v3JT6gglpc7A1EiMxuAorGgY3/C/wBefZdfpqjJ/ho37P8AY6O9lm8K&#10;cDHcCufyI/aQB+fQEbx2zXbL3bufaGTUrkdrbgrNv1txa8tHUSU7sOSCrGO4IJBBBBI59qY38RQ3&#10;qAei+5h+nkZP4WIz5iuD+Yz0mBzf/B/+J936aHHowHxj3Zj9p907QOdCPtfdUs+wN2QSm0b47OQP&#10;jZ/KR/uuFqhJj/yzHtJfR+JGacR3D7Rno52ibwZ1rwbtOK1rw/nToLd9bTr9ib03VsvJgiu2tuCr&#10;wVQ34c007xCRTYXSVVDqfoVYEfX2/FJ4qhvUV6SXUP08jJ6EgfMeR/MZ6STDg/4+3Okxweh/+M+V&#10;of8ASM+w83MsO3O4Nv1fVmYkk5WKTKKoxlUFPp8lLloqWRW4KgNY8kFHfKSmocUIYflx6N9okAlM&#10;bfDIpQ5pxGPz8h9vQF5fFV2Cy2UwmUgalyeGyM+KyNM/1jnp5WhmQ/4pIhB/1vbxYOAR5iv7ekLR&#10;mJmQ8QSDT1BI6biLqw/w92Q9Jz0PnUt957D7T6kkHmranEDtDZERALDK7fimkroIh9S9bgpaoEc3&#10;aniA/wAU1z+k6SeVdLfYeH7D0cbf/jMUkB4ka04fEvED5kUHyFei9+1vRR1zHKMPyPWP96PvXXuh&#10;335/v+OqtgdjJeXM7UK9Sb2YXLMKWJ6nbtZITc3nxgko7k/XHj6agPZen6UjJ5HuH58R0eXBN1bp&#10;N5r+m35ZB/ZxPmT0AD/X/Ye1PRX0t+vt0Q7R3TiszW08lbhj5cNubGxnT93iq+GSkyFNf6apaSaQ&#10;ITfRJocC6j23PH4qU8/I+hGR0osZxbSgn4Thh6qcH7fWnqOoO+dqzbK3ZmttS1C1sWPqg2OyUYZU&#10;rKKZFqKGtiDBW8VZRyxzJcA6XFwDx79DJ4qhvXj9vn1u7t/pZGT0OD6g5H8ukoDYgj6g39udJqV6&#10;ETI/7+fZVHlVvJmNkCPC5UfVpMTUSMcfUtxc/ZVTvSSOxsI5aCJRZT7ZH6TkeTZH2+f+f9vRmD9T&#10;AGPxRdjfND8J/I4/MdB170ePSTrkvN1/ryP9f/jfuy5x/qr1RsZ/1U64+6dX697unHq6Z6xyfUH8&#10;Ee/P1ZD5en+Dy6x+6dX6yp9P9j7917rGfqf9f37p8cOuvfut9e9+691737r3Xvafr3WF/wBR9vJw&#10;691x92691737r3XF/wBJ9+691h9+691737r3XvbcnTkfXvbfTnXvfuvde9+691737r3Xvfuvde9t&#10;Px691gP1P+v7cHDp8cOuve+t9e9+62OPXvfun+ve9Hh17r3tjr3XvfuvdY5Px7917rH7917r3v3X&#10;uve/de697917rC/6j7917rj7917r3v3XuuL/AKT790o6w+/de697917r3tuTr3XvbfXuve9jj1sc&#10;eve3H4dP9e9tde697917rE/1/wBh7917rh7917r3v3Xuve/dbHHr3v3T/XR+h/1vbAwevdYPb/VH&#10;4de9+6onHr3v3V34de9+6onHr3v3T3XF/wBJ9+691xj/AD7bk691k9t9e6xyfj25H05H1j9udOde&#10;9p+vde9+691xf9J9+691h9+691737r3Xvfutjj1wf6f7H37p/rF7917rmn1/2Hv3Xusvv3XusB+p&#10;/wBf37r3XXv3Xuscn49+691j9+691737rY49e9+6f697917r7F38sb/t2x/L1/8AFHepv/eCwHuJ&#10;Ny/3Il/5qP8A8ePU77P/ALiQf80Y/wDji9Hi9oujH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i3+8oOuf/AEZT&#10;qH/mRvyz/wDDD2v/AO9xgPaG4/tovtf/AI70bWn+4lx9sP8Ax5ui1+13RT1737r3Q57J/wCZFd6/&#10;9rvZ/wD7lZf2in/tov8Ab/4B0cWX+4lz/wA2f+PnoDPa3on697917obdomoi6I7pmSHXSzbu2bjZ&#10;5if0NJ/eOpjFvqS4o2/wsDfm10c39tH9j/4F6NrM0tLgevg/8fPQJe1nRT1737r3QwbXlkj6V7bR&#10;HKrUbs2lFMo/tKF3DIAf8NaKf9cD2kl/to/sf/AvRraf7i3H/Nr/AI+egf8Aavoq697917oWNof8&#10;yu7g/wDJf/8AdjL7Sy/2sf8Atv8AB0cWX+4lz/zZ/wCPnoJ/aron697917oYus55MbtTuDOUp0ZH&#10;EbVw89FKb2Vhu3b83IuAf3IEP9eOPqfaO5Gp0XyJav8AvDD/AC9G+3HwoppR8SeFT/nKp/wqOjxf&#10;zOqCmzO5ekO1sdCFx2/+s/tqeeM6lZaWZMhGCQAC3hzS2awLAf0WwQ7O1A6ehB/bg/4OjHmWIAo4&#10;49yk+VBQj/Cequ/Z10F+ve/de6sxqvJvz+WNQy2E8nTvbnilk1amSOerkVQfyNK7mRQv4TSfoAAS&#10;gmK9pwDD/J/nHQoNJtt41K/OpBElP5Kf2dVnezroL9e9+691Yf8Ay1cvRr3fufZmTVZsb2B1lksH&#10;LTMeHeKWlqSLEFW/ySOoFiP7V72BBKd3WqBvRv8ACD/m6EfLchWR1xQqG/NWAH/Hj0QXO4mowGbz&#10;GCrAwq8LlajE1QdShElNM8L3U3KnUhuD9Pp7M438RQ3qAf29ENxF4EjJx0sVr60JHTV7v011IpKq&#10;ehq6WtpZDFU0dQlVTyr9VkjYOjD/ABDAH3pl1Ag+eOrxyGJgw4ggj7Qa9H3/AJiFLT5LtLr7sigh&#10;WOh7R6hxG5tQ+pmBnQj6kELSGmAIJvz/AEuSraG7GU8Q3+Ef7B6EHMkdJEfyKlR61Uk/4GHRAPZt&#10;0HOve/de6Pxs/Xvv+X72lgTplrenu3cdvaljNyRSZJIqAhRzZkaprJCbgFLgcj1FUn6V0p/iWh/n&#10;/mHQkgBudvYUBKMdPqACrk/sZvy6IP7Neg31737r3R1vgVlKVu7q3r/JzCLDdv8AXmc65yWsXW1R&#10;RtVoQp9JkJoyi3+vkK/2vZbuiVj1DipB/wAn+GnR9y9KEmKHgynHkSM5/LV0TrMYurweWymFyEZh&#10;r8PkZ8XWxNwVmp5WikUj8FXQj2YI/iKGHmAf29E08RgdkPFWKn8jTpu926a6Ejp7er9c9qde75Vy&#10;ke2N3UOUrLEjVTJOgq4yRzaWmMiH/Bj7YuY/FjZfUGn2jI/n0t26b6edHrQagCT5Ke0/yJ6ET5a7&#10;KTYXyJ7TwtPHHHj63cb7nxPhsYzTZdEycQiI4Mcf3RjFuBoI/Htqwk8SJflj9mP8HSjeofBuWxhq&#10;N9urj/xqvRc/apsjosXB6l0FdVYyuo8lQzPT1uPq466jqI+GSWJxJG6n8FXUEf63thlDCh88dKY5&#10;DEwYcQQR9oNejU/Mejo8j2VgO0cTBBBh+7OvMP2TDDS38cVVPTClyEHq58qVdKzyA3OqS5NzYIrA&#10;kIUPFWI6N97jHiLKtdMiggnzoP8AoHT+3oo6/qYf19ruiXrMjsjLIjMjowdHUkEEcggjkEH37pQD&#10;TI6NJ8pI03JkutO56WMCDuPriizGXlQAKc5ih/CM0g0gISJ6WN2IszNIWdQx5Q2J0Boz+Bj+w5HR&#10;xvAEhSYU/UQVoa9wpXy8gQPy6KwTa3+Jt7XdEzZHXdNU1FDVU9ZSTSU1XR1CVVLURGzxyRsHR1I+&#10;jKwBB/qPeiAwofPq8blCGXBBBB9CM9GH+TVLTZPeeB7SxkMcWJ7n2dQ9g6KcftxZORTSZymB+hki&#10;y1LM7/08q/19l9oaIUPFGK/lxHRxuihpFlXhIgbywQAKfspX5nouF7c+1a8eiQ9KnYO767r7fG1t&#10;6Y5RJU7azlPlhTt+maOOQGanf+sdTAWicflXI97mj8VCvqKfn0ps7g20iyCuCK0404EZ9RUdKPur&#10;Z1FsfsrcmHwxMm2ayaLcez6n8S4fKQx5DGOv9f8AJKhFb6EMrAgEEBu0l8aME8Rg/aMdP7nbi2mY&#10;D4T3LThQ+nyBqPy6C1DZhf6fQ/6x9qT0gHQ6dFSQ5vMbk6myEiLQ9tYJtt41pjpSLPU7/d7enuSA&#10;rPkYxSEnjxVcoNgSQX3gpRxxU1/I4PRztTB9ULcJFI+xhUqf9jzNOgJqoZqaolp6iKSGenkaGeGU&#10;FWR0Yqysp5DKwIIP0Pt8Guei9lKEg4INCPmOscXJKH6Oun/Y/Uf7yPdh6dUb19Ohdz1t4dXbe3Mu&#10;l8515VR7B3GRpDy42o89Tgqphq1OYClVROwWyRxUaM13UFKn6UhXybuH2+f+fo1m/wAat1k/FH2N&#10;/pT8J9McPU9A97U9FnSv2Vm6PCZuKTKxvPgshTy4TcVPGNTNQViGGd0S6hp6YstRBc2Woiib+zcU&#10;mQyLjiMj7f8AV/h6W2swt5QW+FgVYfI/6q/aOmjcGFq9uZrJYStaKSfHVTQeenOqKZP1RTwv/bgq&#10;IiskTjh42VhwR7ZV/EFR59enhNu5Q+R/aPI/mM9M/vYx00c9cm+t/wANz/xX3Zh5+vVV9PTrj72n&#10;Hp1OPXE83T+ouv8Ar/8AGx7s2cdWbBB/I/Z1h9tdX6yp9P8AY+/de6xn6n/X9+6fHDrr37rfXvfu&#10;vde9+69172wePXusL/qPt1OHXuuPu3Xuve/de64v+k+/de6w+/de697917r3tuTpyPr3tvpzr3v3&#10;Xuve/de697917r3v3Xuve2n49e6wH6n/AF/bg4dPjh11731vr3v3Wxx69790/wBe96PDr3XvbHXu&#10;ve/de64P9P8AY+/de6xe/de697917r3v3Xuve/de6wv+o+/de64+/de697917ri/6T790o6w+/de&#10;697917r3tuTr3XvbfXuve9jj1sceve3H4dP9e9tde697917rE/1/2Hv3XuuHv3Xuve/de69791sc&#10;eve/dP8AXR+h/wBb2z5/n17rB7e6o/Dr3v3Ta8eve/dOPw69791ROPXvfunuuL/pPv3XuuMf59ty&#10;de6ye2+vdY5Px7cj6cj6x+3OnOve0/Xuve/de64v+k+/de6w+/de697917r3v3Wxx64P9P8AY+/d&#10;P9Yvfuvdc0+v+w9+691l9+691hb9R9+691x9+691jk/Hv3Xusfv3Xuve/dbHHr3v3T/XvfuvdfYu&#10;/ljf9u2P5ev/AIo71N/7wWA9xJuX+5Ev/NR/+PHqd9n/ANxIP+aMf/HF6PF7RdGP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fFv95Qdc/8AoxPWkMZ6D+S9SV/fjg2fTJICf83JnXd1texDNCh5H1UW9oZ/7aL/AG//&#10;AB3o4sv9xLn/AJs/8fPRdva7on697917oxGxhSR/Gv5AzzIPu5N+bAx9HLYkgSLu6eRLjgBhSgm/&#10;5QD/AF0U39vF9kn+AdG1maWtwPXwv+P9F39reinr3v3Xuh82l/2Td3f/AOJQ2B/7hb69pJf7aP7H&#10;/wCfejS0/wBxp/8Am1/x89AH7V9FfXvfuvdDRteimfojt/ILo+3pd+bMopQT6tc9Pux0sLcjTTPc&#10;34NvrfhJL/bR/Y//AD70a2h/xW4/5tf8ePQL+1fRV1737r3QqbZWePqjtSqjaLwvmdt4uoRr6j5Z&#10;cpUqV/As1FY3/rYDm4Sy/wBrH/t/8A/z9G1maWtx/wA2f+PnoK/arop697917oRNqu67J7RVXZVk&#10;w+MSQKSAw/jFG1m/qNSg2P5AP1HtNL/aJ/tv+O9G1n/uLcfZF/x/qw35GX3/APy/PjD2Br+5q9n5&#10;GDZlQ+hSVghpq/EuzOv6bTYanU35csGY6hyW2n6Vy6+taftB/wAHRtuP+MWKMM08MsfsUof+NHPV&#10;V3s76CfXvfuvdWZfEVW3r8S/mR1sZbvi9vxb6x1GWUF5loqqe6K39ZcHAjt9BqjuVuD7JNwGieJ/&#10;KoH7D/s9CnZj41rLEoq3d+100j+a9Vm+zvoLde9+690Z74Y7kba3yf6dyAay1u6P7tupNgwy9NPi&#10;wD9QbNVggflgtrGxCLcV1Qt8qH9hHRrsj6LlamgOoH59pp/On59NXy226drfJXufFGHwCbfNVnY4&#10;rMoCZXTlIyA3IVkrARb02I0+m3u1g2uFSfSn7CR/k6pvEYjuXA9QfzZQx/mT0Xb2r6Leve/de6sI&#10;+Rd94/Dn4gdgD92TbtPleta2deSv27CmpYZCfUCkOEcop40sSPSQfZTZ1juJF9e7+df+fuhJuQWa&#10;zhkH4dKf8ZIP806r39m3Qb697917o/Pwd/39OL+S/UL/ALg7B6Qra/H0x+r1+MLx0ZRbeqSN8kXA&#10;+voPBA4Kd0/TMcn8Lf5j/k6EnL9JhLCfxqPyGVP/AB4dEG9m3Qb697917oROot3tsHtLrvegcRx7&#10;Y3njszVFiQDBDVRNUIxBB0vAHVv8CfbFzH4sbL6g/t8ulm3zeBOjVoNQBPopwf5E9C/80dof3L+T&#10;Xa+PSNUpsrn13ZSMgAVly8EWRlKgAW01FRIh4/Up+osSztz64V+WP2f7FOlW9xeFcNigajD51FCf&#10;zYHorntb0U9e9+690dT5Tr/fLrv4xd0Rqjybr6tOw9wVEZuWyW2KhqOaWb8iWoEpIv8AVY/6Aeyy&#10;w/SeSL0ao+w/6h0Id6/xmOG44krpY+VeNP26/wBnRK/Zj5/l0QeX59e9s9PdG93G39/vhzsHN6kl&#10;y3R3ZeQ2NWrY+UYnPxrk6SZ2As0SVsTQRhjdLEKAp5QJ+lOR5OAfzH+ono9lH1Vir5rExUkn8Jpw&#10;/ag/Lonl7P8A8he1/RF1m9+6eXI6NPhrb7+J268Tp82Z6O7Epd3URvdxhdxp/D62ONOSyRZKmglk&#10;IACB7sbEWQMPCuAfJ1oftH+qnR3H/jNmy+cTBgAPwmv+dj+XRVX+g/1/a/om64N+D/Ue/dVXHRla&#10;P/f+fGDKUR/ezXRO+Y81SX/UMBufTTVSIo5K0+apoZGP0X7kk2vf2XSDwpwfJxT/AGy/7HR5F/jN&#10;oR5xNXh+Fv8AZqT8h0WZ/wBJ9q049EvXF+Qrf1HP++/1/bvWh0P+7R/ffovYG81IlzPWeUl6o3KQ&#10;LucfUeXKbenc3/QuqupFJHAgjXj06kcf6MzL5MNQ+3z/AG8ejm4/xq1STzjPht/pcafyGB8yT0Xz&#10;2t6J+plNV1NBV0eRop5Kaso50q6WpiNnjliYMjqfwysoI/x9syLqwfPB6fhcoQRgggj7R0MHfdLS&#10;5LcuH7KxVOsGH7cwMe9/FCAI4cozvTZ+lXTwBDmYKh0XgiGWEkeq5SWxoCh4qafl5dGm5oGZZl+G&#10;Qavsbgw+0Hj8z0BYNiD/AEN/anos6FXqnK0NPuebbmbqUpdr9i4qTZWenmLCOnFWyNQ17hQxti8r&#10;FTVZspLJC6AWc+2LlSV1Dip1D8uI/MdLttkAfw2+FwUb8+B+0GlCeGeg7y+JyGBy2TweWppKLKYf&#10;ITYvI0kos0U8EjRSxsP6o6kH/W9uqwcAjgc9JJYzCxRuIJB/LqApsefoeD/rH3cGnVpF1D58R9vQ&#10;iZsncmzcRuEu0uX2pJFs3P35Z6IRs2EqmJJY6IopqFrAJFHTUak65hdHTw3K+uR9vn/n/b0YOfqo&#10;VkHFKI3+l/CeH2r+Q9eg5936RdchyCPyPUP+J/33+Hu4yKemeqHBr+XXH35OPTycesb8EEfX3t8Z&#10;6dOeuLfW4+jC/urdVU+Xp1zT6f7H3Xq3WM/U/wCv790+OHXXv3W+ve/de697917r3tg8evdYX/Uf&#10;bqcOvdcfduvde9+691xf9J9+691h9+691737r3XvbcnTkfXvbfTnXvfuvde9+691737r3Xvfuvde&#10;9tPx691gP1P+v7cHDp8cOuve+t9e9+62OPXvfun+ve9Hh17r3tjr3XvfuvdcH+n+x9+691i9+691&#10;737r3Xvfuvde9+691hf9R9+691x9+691737r3XF/0n37pR1h9+691737r3XvbcnXuve2+vde97HH&#10;rY49e9uPw6f697a691737r3WJ/r/ALD37r3XD37r3Xvfuvde9+62OPXvfun+uj9D/re2fP8APr3W&#10;D291R+HXvfumxx697904/Dr3v3VE49e9+6e64v8ApPv3XuuMf59tyde6ye2+vdY5Px7cj6cj6x+3&#10;OnOve0/Xuve/de64v+k+/de6w+/de697917r3v3Wxx64P+n/AFj790/1i9+691zT6/7D37r3WX37&#10;r3WF/wBR9+691x9+691jk/Hv3Xusfv3Xuve/dbHHr3v3T/XvfuvdfYu/ljf9u2P5ev8A4o71N/7w&#10;WA9xJuX+5Ev/ADUf/jx6nfZ/9xIP+aMf/HF6PF7RdGP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fFv95Qdc/wDo&#10;x3X0On41/I6uSWVJP717CxUka6dDwz1G46lgwKltSy0MRUgj+0CDfhDP/bxf83P8A6N7M/4rcD/m&#10;l/x/ouPtd0Ude9+690YfatOI/i93NWNIv+VdvbFo0iPBvDjt6yEg351Cb6W40k/6yGVqzoPRXP7a&#10;f5uji2j02cz14si0/wBKwP8Az9/LovHtd0T9e9+690POCjaD4ydnVUcjq2Q7w2Tj6iPjSY4cHvyd&#10;R9LgmRgTz/ZH+N0jGs6j0Rj+ZKjoyQaLRmB+KVVI+SqWH8z/AC6Ab2r6Leve/de6Gvb88sXx37Xj&#10;jcqlT3DsKGdePUow/YkgHP09aKeP6f09p3FZV+Sv/hTpZE5WCQDzeMH5ikh/wgdAp7UdI+ve/de6&#10;FvbrCPpbtJnDBZd8bRpI3sSpkam3TKELAWDNHA7AEi4RrfT2llFZk+x/+fejO2YLazg8SYgPmasf&#10;8A6CT2q6LOve/de6EzbNQkHWvaCGIO9ZU4GjSTi6f5VVTk/S5B8AFuObH8e00v8AaJ/tv8A6N7M0&#10;tLj/AJs/8fPVgnUujfv8tTvHbL/u13X28HzVEpJvFBDNiMsZBf0gSA1iW/4MeGIPstn/AEbtT/FT&#10;+dV6NbSlzt7qcaQ/5lf1f8oHVV/s76CfXvfuvdWSfyyMjRVHb/YGxco5GO351TXUDxAqDJJDVUl0&#10;UMCC32k9Q30NrcqRexRvC9it6NT9o/2OhLy1KVd09VDV/wBKaf8AP/8ALqunKY+bE5PI4qp/4EYy&#10;vmx89v8AVwyNG35P9pT7NUbWAfUA/t6D88XgOyH8LFf2GnUH3bprpTbKzz7V3jtLdEbtHJtvc1Bn&#10;o3S+pWo6qKoBFubgx8W5/p7bmXWjKPMEftHSi0kEMqO3BXUn7AQeju/zLdvjE/JOTMx6Wg3lsTFb&#10;gjnj5VzEKjGcMCQSFx6nj+yVP0IJLdmasRHox/yHo45jSkymnFB+0M3+SnVfns26D/XvfuvdWD7b&#10;H98v5cvYFAZBLV9Ud2Um4I6fhmSlr1oqRHUfVAZspUkmxFkc3sW0lDjw7sH+Jf8AIR/kHQliPj7c&#10;wp8BoPP8SuTw9GP5dV8ezfoNde9+690bv4J7nXa/yj6yklfRS5yqrNr1I/qa+hqYacfUD/gYYTzf&#10;gcC9iEG5pqhPyIP86f4D0c7DIUuAB+JWB+wDV/hUdAF2rtc7J7O7D2eY0jXbG9spgoljFl8dLWzQ&#10;xlB+EaNAV/wI9qbd/EjVvVR+2mekN/H4M7qBQamoPkTUfyI6QPt7pJ1737r3R5/maF3TgPjL27Er&#10;H+/fSFHhMpOf7eSwjCOuLNc6mWStCAmxKopIBuAVbb+mZI/4Wx/Mf5OhFv36wim83TI8hgMP+PHo&#10;jHs16DvXvfuvdHW20Bvz4NdiYfxLPkuj+28ZvWGa/rjxufhbGPEoP9g1aySsB9dOq3oJJY/6Vyp8&#10;nWh+0f8AFDoQxH6mwZeJjaoA8hWtT+TP+zolPswOCOiEZB697bbj04vDo3/xbf8AvZtv5B9LzSn/&#10;AIyD1TNuLAUunX5c1tmUZSgiUfVDInmuw/C8hiFHsuvf0ykno1D9h/4r+fR9s/66ywcSy1WvAEY/&#10;wlT+XROv7f8AyF/xPsw6Ixx6y+/dOJio6M/8Taymreysl1tk6iKnw3c+ycr1jWSzjUkdRW0zTY2c&#10;L+JYslTQaGALAsbfU+0N+KIHHFCG/n0dbM4MhiNaSIyn9hP+CoH29FoyNFVY2sq8dWwvT1tBVyUV&#10;XTycNHLEzJIjD8FXUg/4j2tVgwqPPPRXIhiYqeIJB+0Y6hfVf9Y/X3vprgejC/GLJUbdmf3Gy9Ql&#10;Pge3tuZDqvKvLyqyZaApjZbXtrhy8dK6t9VsSvPBRX61TUOKkMPy6ONmkCylG+GRShzTj/lPAfb0&#10;AmWxtbh8hkcRkYHpchiq6XG19NILNHNBI0UqMPwUdSD/AIj29G2qhHnn+XRZLGYmKniCQftBp03j&#10;lGH9Df8A33+8+3um6dD50E8e4K7e/UtW14O19nz4nDRn6DP40/xTAuDY2eWrp2pLi3oq3FwGPtHe&#10;9gWQfhOfsOD0cbTSUvAeEimn+mXIP2DJ/IdAC6NGzI6sjoxR0cEEEGxBB5BB9rQa9FJBU0PXY5Rh&#10;+R6x/vR9ttmvV1xTocdu23r0pvPabFZM11jlF7O24p5kfG1hp8ZuCnjuP0xP9hWWvwsVQ4HLEoX/&#10;AEpA3k3aft4j/N0cQ/4zbPH5xnWvrp4N9gHH5kjoA/aror6yfqjt+UN/9gf+N+7cR1Tgft/ydC52&#10;b/v5sVs7s+JS8258cdubtkUAAZ7DRU8FTK2lmOvI4+WjrHZgvkqJqnSCEJ9pLf8ATJj9Mj/Sn/Ma&#10;jo2v/wBdUnHFhpf/AE64z5CooQPz6B/2p6SdLfY2Vo6PLyY3LVAp9v7rx77X3DM99MUM0kckFU9u&#10;SMfWw09WAP1GDTYgkFPcqWUMOIP8x5fmOlG3yLHIUf4XGk/IN55/hYA9JjLYqvweVyWFylO1LksR&#10;XzYzIUz/AFjngkaKVDbi6upHvSsGFR556akjMTFTxBIP5dQAbEH62P092BoemyNQp14ixt+PqPbg&#10;FD1eI16xSfj3qTp7rocqV/I9S/8AEj3UZx1Q4NfyP+Trkn0/2PuvV+uDfqPv3Ty8OuPv3Vuve/de&#10;697917r3tg8evdYX/UfbqcOvdcfduvde9+691xf9J9+691h9+691737r3XvbcnTkfXvbfTnXvfuv&#10;de9+691737r3Xvfuvde9tPx691gP1P8Ar+3Bw6fHDrr3vrfXvfutjj1737p/r3vR4de697Y69173&#10;7r3XB/p/sffuvdYvfuvde9+691737r3XvfuvdYX/AFH37r3XH37r3XvfuvddN+k/63v3SjrB7917&#10;r3v3Xuve25Ovde9t9e6972OPWxx697cfh0/172117r3v3XusT/X/AGHv3XuuHv3Xuve/de69791s&#10;Y69790/10fof9b2z5/n17rB7e6o/Dr3v3TY49e9+6cfh1737qiceve/dPdcX/SffuvdcY/z7bk69&#10;1k9t9e6xyfj25H05H1j9udOde9p+vde9+691xf8ASffuvdYffuvde9+691737rY49cX/AEn37p/r&#10;D7917rmn1/2Hv3Xusvv3XusL/qPv3XuuPv3XuuD/AEH+v7917rF7917r3v3Wxx69790/1737r3X2&#10;Lv5Y3/btj+Xr/wCKO9Tf+8FgPcSbl/uRL/zUf/jx6nfZ/wDcSD/mjH/xxejxe0XRj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xb/eUHXP/AKMptGMQ/FLuypjZ1kru39j0NSAeGjioN3TItv8ACRr/AOwH9PaCU1uE&#10;HorH9tOju2QCxlbzLKD9ishH/Hj0Wv2v6JOve/de6MLjIkj+KO952mj8lX8hdrRRU5I1kU+294F3&#10;A+pUGpQEj6Ei/wCoe0RP+MD/AJpn/jw6Naf4jX/h/wD1j6L17W9FXXvfuvdDrQySwfGfdMI8bQZP&#10;vXAyPcHWr0O39yBbG9irjItcWuCgseT7Rn/cgf8ANM/zYf5ujbT/AIjX/h9P+qfQFe1nRT1737r3&#10;Q046tkj+Ou8McEQxVXdW2613N9QanwW641A5tpYVLX4vcC1ubpD/AG4/5pn/AI8OjWn+I1/4f/1j&#10;PQLe1fRV1737r3Qx4WWNPj92VA50y1Pcex5YFIPrWDCdhCUqbWPjNRHq/I1r/X2wx/VX/Sv/AIU6&#10;Vop+nY+XiRivz0ydA57f6Sde9+690JuEeGHqPsSRoQ89Rvba+PimvYor0u5qh/8AXDGlUEf1sfxy&#10;mkFZU+Qc/wDHR/l6MYJNFtMP4miH2fG3/PvVhH8t523dtL5Q9OsPK29uvFehiLhQDLTZPF1Ppf0f&#10;uffwAsSAukargjSV7wPDaOQeR/wEEdHXLp8WOSNsrUY9dYIP8lHVVZBBIIIINiD+PZ70FCKdde/d&#10;e6N38EdyDbPyp6qnkYiny1fW7bnUEjUchjqumgH0P0qnia1ubW4+oQbkmqE/Kh/n0cbE5W4AH4gw&#10;P2AFv8KjoPPlFt8bY+RXdOIWPwxL2NlMhTRc2WGuqXroVFwDpEVQoH+FuW+pdsX1xKflT9mP8nTG&#10;7x+FcuPU6vzYBj/h6Af2q6Luve/de6sp+eiLuPrn4h9oIwmk3X1CmNyEv9pZqalxVUUYklyRNXzj&#10;9TAFG55uxNtY8N5E9D/gJB6FPMDePHFKBg1Pl+MKwHH0B6rW9nPQW697917qwb4ff7+jpD5k9at+&#10;5NkOrIt64qEkf57DpXyMAtuWlmamGq40lRwb8FG4kRyRP/SofsqP9noTbJqmgmjHp2j+k6sP8g6r&#10;59m/QZ697917pb9abmfZnY2wt3pJ4m2vvPGbgL3AAFHWwzte/GkrGQQeCCQeL+2bhNcbD1U/tp0q&#10;sZPCmRiaAOtTWmKiv8uPRj/nvttNt/KbsgQqy02d/h+5KfUQSTV46lNQeLcGrSa1xe1r3/UUu2Pq&#10;hHyJH86/5el+/RlLgn+JVP7Bp/596Jz7MOibr3v3Xuj0bgLb2+AWxMnqWeu6c7trtpte2uLH5emf&#10;Ikk21FWq6qBFJ4sCoP7YUFafpXR/prUfaKf5j0IZD9Rt6kZMb91a+pAA/J1/Loi/s06D3XvfuvdH&#10;U+FVty7h7e6fmjNQnbvS2awWLpr8HK0cQrcdMB9GeDxzMl7ANYni4JXug0BJP4HB/I/8V0IeXz4p&#10;lhOA8ZqfPHbj8nPRLCCCQQQQbEH8e17nPRGopg9de9Px62nDoa/jjvgdcd59X7vlnamosdu2mpcr&#10;On9mhrSaGuNvyBSVMht+fp7SXaeJEw+Vf2Z/ydGW1y+FcIT5nT/vXb/KtemPvHZI647j7I2THF4a&#10;Xb+8KylxiadP+RPM01CdP0GqkkjNhxzxx7tayeLGreo/mMHqu4Q/T3DqKU1VAHABu4D8gadBf7f6&#10;TcD09bdzldtjcGC3Li5GhyW3szS5zHSoSpWeknSohYMOQVkjBBH091ddalfUEft6fhk8F1fjpYGn&#10;rQ16HP5ZYGhxXdGfzuFQrtzsmgoe1NuOQFD02fpUrpCoX06VrHnQW+oW/B49pLBy0YB4qSp/L/Y6&#10;MN4iEc5IpRwGFPniv5kE/n0W1fyP6j6n2t6KW9epFDW1WNraPI0Uz09bQVUdbSVEZsySxOHjdT+C&#10;rqCP9b23KNQoen4XMbBhxGR9oNeh9+T9DS1PYdP2Fi6dIMN3FtbHdpUaQnUiVOSitloNX+rgzENU&#10;rKSWXjUTcMyOxNBpPFSV/Zw6MN4jHiCRfhkVXGPUf4eBP29FzQ2bn6EW/wB9/r+zDopPTpgM1kds&#10;Z7DbixMzU2V2/lqfM46oUkFJ6WZJomBBB9MiA8e6SIJFKnzBH7enoZTA6uOKkH7aGvQqfIHD4+h7&#10;LyeewUIg2z2JQUvZm2olNwlLnIRWSU4sFt9lWvPSkWFmgIsCLBizYlKHipKn8v8AY6W7tGEmLL8L&#10;gSD5hvPPCpqadAsn6h/Q+k/7Hj28TRukIFV6ETqfd9NsbsLbuayiNPt+WeTBbto1v+/h8lE9BlIb&#10;Ai5aiqJNH9HCtwRf2luYvEUgceI+0ZHRht1x9PKrGlDhq8KHGfs4/l0n9/bSqth703Ps+rlSol29&#10;mZ8bHWREFKiFHJp6qMqSDFVQFJUIPKuD7tFJ4qhvUdN3cH00jJ6HFeNOI/aKdJSM2ax+jDSfby8e&#10;kr8Psz0LfW9tx4Te3Wk7R+bO4z+9e1fJwRmsJFUVCQoT/ayGMkrKZU48lQ9MOSqgpJ/0yH9DRv8A&#10;Sn/MadGlh/jCPB/ENSf6dc49KioJPQQ+1PSXrmvIZf6i4/1x/wAa90XNR/qqOm3xQ/t+w9CDuz/c&#10;/gNt71js1WYF2hucKACK2ghRaOpYD8V2MEQLNd5ammq5GN29pI+wlfzH2Hj+w/5OjO5HjRrN5/A/&#10;+mUYOTmq0/MHoO/b3SDrl9V/4Kbf7f26uf8AB+XXkw32/wCHrDJ+PepOlHXAGxBH49tjHWiKinWY&#10;C17fQm4/1vezjrSmo/w9Yn/UfeulCcOuPv3Vuve/de697917r3tg8evdYX/UfbqcOvdcfduvde9+&#10;691xb9J9+691h9+691737r3XvbcnTkfXvbfTnXvfuvde9+691737r3Xvfuvde9tPx691hb9R93Xh&#10;08vDrj7t1br3v3Wxx69790/173o8Ovde9sde697917rg/wBP9j7917rF7917r3v3Xuve/de69791&#10;7rC/6v8AX9+691x9+691737r3XR+h/1vfulHWD37r3Xvfuvde90fh17r3trr3Xvexx62OPXvbr8O&#10;n+ve2evde9+691if6j/W9+691w9+691737r3Xvfuvde9+6UddH6H/W9s+f59e6we3uqPw697902O&#10;PXvfunH4de9+6bXj1737p/ri/wCk+/de64x/n23J17rJ7b691jk/HtyPpyPrH7c6c697YPHr3Xve&#10;uvdcW/SffuvdYffuvde9+691737rwx1xf9J9+6UdYffuvdc0+v8AsPfuvdZffuvdYX/Uffuvdcff&#10;uvdcH+n+x9+691i9+691737rY49e9+6f697917r7F38sb/t2x/L1/wDFHepv/eCwHuJNy/3Il/5q&#10;P/x49Tvs/wDuJB/zRj/44vR4vaLox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4t/vKDrn/ANGRxzRQ/EPdw/zd&#10;TkPkdt5VIBHlipds7mLrqtZhC9UhIvwZFNufaE5uR/zTP/Hh0bZFjj/f5B/3gH/J0W72u6Keve/d&#10;e6H1Y6aH4uSSmZvu8h36kaU9jbx0e3ZCzhrWvqrlBBN/oQDZrIv+JP8Azb/5+6OP+Wf/ANRH/WPo&#10;Ava3on697917ocWDw/GyJlYGPJd4yCVCPoaLAR+Mqb/2hkH1C34W35ui/wCJH/Nv/n7o4/5Z/wD1&#10;Ef8AWPoDva3on697917oZRLVRfHqSHx2oq3uZJfKQeZaXCONKt9PSlXdh/tSnj8o/wDiR/zb/wCf&#10;ujj/AJZ//UR/1j6Br2s6J+ve/de6FqmfxdE5qN1b/Lu2sW9Owtb/ACTD5cTA83BH3sduLH1c8e0h&#10;/tx/zTP/AB4f5ujan+If9RA/6tnoJfavop697917oVcVLPH0hvyEwRfbVvau0pVqWX1h6bEb1BjR&#10;r8KVqwXFuSEIIsbp2P6qj+g3+FP83S5EItmbyMsYH2hZCf8ACP29G0/llbkbC/JykxHkKx7x2Rls&#10;A0dwAzQpDlVNiDdlGNNrWIBbm2oFFu6a4h8mH+Ajox5dakzAnihx6kMv+SvRRO69tf3N7h7T2oFC&#10;Rbf7CzGKpgLWMMNfOkDC3ADwhWA4sDYgHj2utW1xqf6I/bTot3JClxICKd7H8mNR/IjoMfb/AEi6&#10;EnprcX90e3er90lgqbf7Bw+XmvaxjgyFPJKpuyjS0asD6l4P1H19sXS642H9E/4Olu3MUuIyDTvU&#10;fkTQ/wAj0aL+Y7gP4L8qN21gjEabm2/h88tgAG00EWPZgAx+r0DX4Uk3NjfUyPaX1w/YSP8AL/l6&#10;X8wRhJwR+JAT9oJX/Ao6Ip7M+iPr3v3XurLu3lG7f5cvx03OHMlbs3ftXtarUhvRC0ucgT1WVT6K&#10;Sl+gYDXp16lYEngpHdOPUfzNG6FF4xudvRqU0la58l1R/wAzTqtH2cdBfr3v3Xuj9fy466J+/Mrt&#10;KrYmg7B6xzW06yI8gqVp60kKfSXWOjcC4PpZh9CfZTvI/SB9GH+A9CHltiJm/wBJWnkSGX/OeiIZ&#10;ChnxlfXY2qULVY+sloalRfiSJ2jccgHhlP1AP9QPZojBwCPMV/b0RTRGF2Q8VJU/aDTqJ7t03173&#10;7r3R+vnZp3D/ALLd2cmh/wC/nQGJ+7nTQNdVSXmqNYX6SR/xBUb8DSFH6TYp2vs1p/C3+cf5OhHz&#10;DSXwph+NT+zDD/j56IL7Nug51737r3R6PjiV3Z8Z/mD1zIqS1FDtTFdpYlHW5jGFqZKjISqwF1bw&#10;wQLxa6lgfSW9ld5+nNE48zp/bj/KehDth8a1njPBRr/PST/hjHRF/Zp0Huve/de6HL4zbv8A7i9/&#10;9SbmeZqenpN70VDXzr/Zpa9/sKsm/wCPtqqS/wDhf2kvo/EhcfKv7M/5OjHaJfCuYz6tp/3oFf8A&#10;L03/ACE2imw+8O1dqQxtFSYnfOQGOjYWIpJp3qKQf4/5NNHz+fr+fdLZ/EjQ/wBED9mP8nTm5ReF&#10;cSD1bV/vYDfyrToHfak5A6Lxgnr3unV+jcfLs/3nyXT3ciPJOe2+oMVkc3VP9WzWJT+E5VNVzr8b&#10;U8Q1GxN+QPaCw7A0f8LGn2Hh/g6Pd6HiGKbA1oDQeuG/wOB+XRRj/vh7X9E7+R679+6v0aXssf31&#10;+NPR+/lHlyOwczlOlNx1BIJMSn+M4JbWuix0dRURi5IbR6bEMPaCD9KZ0/iAcf4D0c3f69rFJiqk&#10;xmg/Z+wKP29FTH1/3j2v6JSK9dH/AH1vdH4dXjNejJZQf31+LuAyQHlyvSfYU+2KvSLsuF3Mj19E&#10;7te+iHLUdUigjgzjSeWAQx/pz/6cV/Mf7HRs/wDjNmp84nI4/hbz/aQB9nRZQbEH+hv7Meifrm49&#10;V/6i/vw60OjBZcjevx12zlwfLmem94zbLyPILnC58TZPFu9/VopsnT10Sj+yJkAuOERL+lMR5OK/&#10;muD/ACz0cSf41aK3nExU5/A3Anz40UfYfyL17UPx6LU4ddTclW/1Quf9f6H/AHke9N69eT06HDs8&#10;/wB7th9XdnIxmrmxb9XbwkY6m/iG34oFx88hPqJq8FUUqhjfU9NMSbjlHB+mzJ89Q+w8f2Ho3vf8&#10;Yijm86eG/wDpl4V86kZPQEe1XRX084XN5Lbecw25MPUPSZbCZKDMY2qQm8dRTSrLE4sQfTIgP19+&#10;kUSCh4Edbt5TAwYcVNR+Welj2vhcfi93zZHBRLDtneNBBvbbMSXKxUmSUytSAsqljjasTUTm3L07&#10;WJ+pYt2LLQ8V7T9o6NNwjCSal+FwHX7Gz+Wa9BsCQQR9Qb+910mvz6QsNQp0Iewm/idTltiysop9&#10;8UqUeMEn6Y8vAxlxEg+gVpZ2eiLk2jhrJnN7e2rgaTqHln8jx/z/AJdLNubxawn8Y0/7dcr5euPz&#10;6D1lZGZHVkdGKujCxBHBBB5BB936SkUweul+tr2B4Pu6HPVSPMeWesUn4/2PvcnSgGuesftvrfWV&#10;OQf8P96/5H/vfu3EdU4H7f8AD/q/wdcH/UfdelKcOuPv3Vuve/de697917r3tg8evdYX/UfbqcOv&#10;dcfduvde9+6910fof9b37r3WD37r3Xvfuvde9tydOR9e9t9Ode9+691737r3Xvfuvde9+691720/&#10;Hr3WF/1H3dOHTycOuPu3Vuve/de69790o6970eHXuve2Ovde9+691wf6f7H37r3WL37r3Xvfuvde&#10;9+691737r3WJ/r/sPfuvdcPfuvde9+6910fof9b37p8Z6we/db697917r3uj8Ovde9tde6972OPW&#10;xx697dfh0/172z17r3v3Xuscn49+691j9+691737r3Xvfuvde9+6UddH6H/W9s+f59e6we3uqvw6&#10;97900OPXvfunH4de9+6bHHr3v3T/AFxf9J9+691wT6n/AFvdH4de6y+2uvdY5Px7cj6cj6x+3OnO&#10;ve2Dx69173rr3XR+h/1vfuvdYPfuvde9+691737r3XF/0n37pR1h9+691yT9X+v7917rN7917rC/&#10;6j7917rj7917rg/0/wBj7917rF7917r3v3Xuve/dKOve/de6+xd/LG/7dsfy9f8AxR3qb/3gsB7i&#10;Tcv9yJf+aj/8ePU77P8A7iQf80Y/+OL0eL2i6Me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Lf7yg65/wDRkqhX&#10;p/iBiWIVo8r8ksiqkEgo2P2vi9QItZhKMmLG40+M3B1CyH/iT/za/wCf+jb/AIg/83/8MZ/zdFt9&#10;ruinr3v3XujDZREp/ilslvtSs+U+QO53arYsNUVHt3aaxKoPpKiSsl9Q/IIN7cIhm4PyjH82PRtk&#10;WNDwM9R/vBH+T+XRefa3op697917oe8tHFT/ABh2C3MVRk+9t2OQxYeaKkwGzFjYKTpZYZKuRdQH&#10;BkIJ+gCMZuD8o1/mzdGhbTZBT5zEgeoCUJH546AT2s6K+ve/de6GvIxPB8c9mzmqUR5PuzcsS0QP&#10;JNDgtplpSPoQBkAo/pc3/UPaQD9cn/hY/mzf5ujQuPogtc+OTT5CMD+Vf59Ap7V9FfXvfuvdCzUI&#10;YeisQ6sCuQ7ayKSqRypo8PiyhU3/ALf376gR/ZWxHN0n+j/82x/Nj/m6N6/4hT/l4/6xjoJvavoo&#10;697917oSlKw9PSr55NeQ7KjP2ovoIo8XL+4T9CwNdYX5AJt9T7Sf6P8A82/8Lf7HRt/xA/5v/wCC&#10;P/Z6EL4i7i/ut8melMr5vt1l37R4OSW5ACZQtjHBI+islYQb8WJ1EC59+v01wsPlX9hB/wAnVNnk&#10;EdyhPqR+bKVH8yOl98/tux7e+V3ZywIUpc2+N3FBe1y1Xi6N6g8Ko5qxLb82tck3Ja2x9UI+RI/n&#10;X/L09v0ZS4LH8SqR9gGn/n3omvsw6JuuSO8brJGzJIjB0dCQQQbggjkEH6H34ivWwSpqMEcD1Zp/&#10;Mt17gzvQHZhjtHvnpyApOFsrGKb+IFRxb0jMA2/Gof19kmzdodfRh/Oo/wAnQn5lQAxsOJ1j8hpp&#10;/hPVZPs76C/XvfuvdWXdfpHuz+Wh3JjidVdsHteny9LFb6RST4FmfUEAF46uq4uzDRyQrKATy/p3&#10;an1H+EEf5OhRbsbjbnQD4ajjxCsJD5eh6rR9nHQX697917o0Pwtzz7c+UnTVejlDU7pOBYj8rlKS&#10;pxpB9D/UVf8ATj66kI1qi3FdULfkf2EdGuyGlyn+2/443+XpCfIvAptjvvuTBwx+Kmoey8z9lFa2&#10;mnlr55qdeLDiGRf6D/Ae3LNtcSn+iB+zH+TprdYzFcSA+bFv967v8vQM+1PRf1737r3R/O6/9/T8&#10;HPinu3mSXZ+5dwdf1rm58bTzzyU8d9AHrpMTGwFxYceqxIKLX9O6kXyIDf4D/l6Ed+wmsYXIyCFH&#10;2AMp/boB6IH7N+g51737r3R4v5f9THWd25vYNRN46TtXqvcGw51ZrA+SlFbqCkMGdI6J7cXCl/xc&#10;Es3VT4YYfhYH/CP8NOj/AJdkCzFScFDj1IKn8zSv8+iSVVNPR1NRR1UZhqaSd6aoia11eNirqbEi&#10;6sCOPZkpDCo8+iJ0MbFWwQSCPQjHWD3vqvXOKWSCWOaF2jlhkEsUiGxVlN1YH8EEXHvRFcHqysUI&#10;IwQag/MdHQ+dEQy/aGzO0IhEabuTp7bm/wASQjjzPRCikib8a40o47jmwZQTcEAp28kIUPFWI/1f&#10;nXoQ74oMiyKO10Br6n/okr0Sz2Yjh0RHj173Xq3Ru8ox3x8KNu1bTPNk+j+5avAiA3Iiw+5aVa0S&#10;audIbKwFAtrfU3vYFAP07g/01r+Y/wBgdHrf4xYA0/s3oSeNK/8AQ4/Z0UT2v6KG4de9+62OjTdJ&#10;W3f098jOrnCS1ibSpO3tto/6kqdtVIOQEI+jSVGLq5AV/UVj9P0a6C6HhyRyfPSfsPDo628+PBND&#10;/R1qAK5HH9pCj8+io+1/RN12f9a3uj8OtxdGT+NmnceS7F6jn/cTtrrfIYfD055BzeLC5rDNY8Fz&#10;U0DRJyCTNZTqIBL7vs0yD8LAn7Dg9G+0ESl4DT9RCBUV7hkH8gSftA6LIQQSCCCDYg/j2Z9E5FOu&#10;Z5RT/Q2/33+tx7117oe/j4F3Bnd2dV1Dxim7Z2VWbax6TfoGZpAuVwT/ANQ7ZKhjpwf9TUOD9bhH&#10;e9gWQfgYH8jg9G20HxWeA8JEI+WoZBP2ZP29AE6NGzI6sjoxR0cEEEGxBB5BB9qHNei9QVqD69cX&#10;GqP/ABRr/wCwP1964jrXA9Db1MW3TtXs/qyQtJPnNvjfu04BYlszttJ6oxRqQSXqsLNkIwFIZ5PC&#10;ObAe0c/Yyyeh0n7G/wAx6N7D9dJIPVdS+upc0A9T5/IdAV7VdFfXP6of9oN/9gf+N+7cR1Xgft6F&#10;yO+7enp4gBJl+p80KtLBi7YHNyiOW5uVWDHZsR24F3yjcngBJ/Zy/Jx/xpf9j/B0dj9e3p5xN/xh&#10;/wDCQ37B0EHu78ei7rKjunjljd45YXDJIhIZSDdSCOQQRwfx72RqX7Mfl1RTobGK5H2jpd9gqmSr&#10;sfvSmVFp970ZzFakSqqxZRHMWWh0oAkeqsU1McagCOnqYFAtb2mhNAVP4cfl5fyx+XRjfLrIlHCQ&#10;V+xhhh+3P59B/wC1CcekaceuMvOlv6/73/vufdpOrR4qvp/gPWH23051kj/PvYx1VhUf6uPXF+GP&#10;vxFOn4zUA9cfeur9e9+691737r3XvbB49e6xP9f9h7cTh17rh7v17r3v3Xuuj9D/AK3v3XusHv3X&#10;uve/de697o/Dq6ceve2uneve/de697917r3v3Xuve/de697bk691hf8AUfdk4dPJw64+7dW69791&#10;7r3v3Sjr3vR4de697Y691737r3XB/p/sffuvdYvfuvde9+691737r3XvfuvdYn+v+w9+691w9+69&#10;1737r3XR+h/1vfunxw6we/db697917r3uj8Ovde9tde697917r3t5+HSjr3tnr3XvfuvdY5Px791&#10;7rH7917r3v3Xuve/de69790o66PII/r7ZOD+fXusHt7qr8Ove/dNDj1737px+HXvfumxx69790/1&#10;xf8ASffuvdcE+v8AsPdH4de6y+2uvdY5Px7cj6cj6x+3OnOve2Dx69173rr3XR+h/wBb37r3WD37&#10;r3Xvfuvde9+691xf9J9+6UdYffuvdck/UPfuvdZvfuvdYX/UffuvdcffuvdcH+n+x9+691i9+691&#10;737r3XvfulHXvfuvdfYu/ljf9u2P5ev/AIo71N/7wWA9xJuX+5Ev/NR/+PHqd9n/ANxIP+aMf/HF&#10;6PF7RdGP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fFv95Qdc/8Aoym6tNF8Tum6a0kLZruje+Y0XbTN9ti9n0hl&#10;IvpvHcIPof1W/tH2gj7rhz6Io+ytT0czlUso182ct9ukutf5gdFr9r+ibr3v3XujDb0mWH409EUC&#10;1JaSp7F35mZ6VQwCo0O0aWBmJGhmLUs1rElQeQLi6KHM8h9Ag/kT0bXZK2sA8j4hp8w5H+U/t6Lz&#10;7W9FPXvfuvdD1vKZk+PPRlAUFjvjfOZWYH8VCbUpfGVtwUOPLXubhwLDTco4czSfYn+Bv8/RrdrS&#10;1tz6+L/Jx0AvtZ0Vde9+690Nu6XMXQPTlF9qIVl7B3tmvubkmYz02z6MnT9AEGOC3H1544uUkRrN&#10;J8gg/wCPH/L0Z3UYS2gI/EZSfmQyj/AKfl0CXtX0Wde9+690MWedI+her6QoRPJ2nvXKtIALNDLj&#10;NjU0Sk31Fklo5jYiwDggkswCZDWV/kqD+bn/AC9L5o2S3jJ4M8hH5BF/yHoHfanpB1737r3QqZMe&#10;LpHZDLNSn77tTdIngX/PL9riNneJ344if7yQJybsr/S3KdR+sx/oL/Nn/wA3S9pCLVU8jK5/MJGP&#10;+fj0hdt5ibbu4cDuCnLCfBZqlzEBS99dLPHOtrMpvqQfkf64+vt2VPEUr6gj9o6T20vgSI5/Cyt+&#10;wg9WR/zTsPCncfX27aMaqLc/WMMKVKatEr0dfWtrUkWv9vWQggfQBSQCbkq2d6oy+hr+0f7HR9zJ&#10;FpZH9Qy0/wBKQf8An/qsL2cdBrr3v3XurOflY0m6/hV8Md7MpkGCxs2x2qLfQpRRUioSEHLDAH83&#10;Om51kFgTWJ03Ei+tT/xr/Z6FO6qGs4W8/wBMV88xkn+YHVY3s56C3XvfuvdWXfDFE3L8Z/m3sp2U&#10;zRdfQ7nx8DBbvLDj81LxfRa01FApZmspcEDhrku4/pzRP5VofyI/z9CjZmMttNEozRqZGS6FQP8A&#10;jPVaPs66C/XvfuvdLvq3Ottfs3rncyNofbu+8RnVa17GkyFPUA2KSA2Mf+pb/grfQs3A1RsP6Lf4&#10;D0rsP7eP/mon/Hh0ZD5/4NcJ8ruzfFGY6fLjFZyAH8moxFD52+gB1VSSni/9Cbg+0u2NqhHyJH86&#10;/wCXpdv0ZS4LH8SqR9gGn/n3omnsw6Juve/de6P/ALb/AN/R/Lm7EpCdc3WnfFDntPp9FNkIKChj&#10;b9WoFqivmH0t9LX9RUoddF4p/iX/ACH/ADdCSJ/E21wfwtpH+9o3/P56IB7N+g31737r3RgfinuL&#10;+63yP6YyxmWmjbftDh553IVViyT/AMOlLMeFTx1baibAC5JA59pL5NcLD5V/Zn/J0ZbRIIrlCfMl&#10;fzZSo/memT5FbdTaffHcGAiTxU1B2LljRR2UaaeaslnpxZPSLQSp9AP+Cr9BayfXEh/ogfsx/k6r&#10;usZiuJAfNtX+993+XoGfanov697917o6vdDJu34lfFfeqhnr9p1m4+q85UOLn9mrSrxcQbm6RUKM&#10;QDaxdgBZbkph/TnkX1o3+r9vQkvP17OGQ/h7KftWv/VP+fRKvZgvn9nRC3l9vXvderdG4+M5O6Nh&#10;fJ3qhzG7bn6jbfWJp5bkyZDatUmQgji4IWWWKaSx4B0gMbe0F52NG/o1D9h/4o9Hm0/rRzQ0qWSq&#10;jyqKjz+ZX9ny6KP7X9FZz10P8Pfuqpw6H74v7notq969fz5YI+Cz2VbZW4IZTaN6LOQyYqby2t+3&#10;GKsSH+mgH8e0d/H4kTU4jI/LPRrtE3g3C+jdp+deH/GqdBJvna1Xsfeu7dm12r7vam5a7btQz2uz&#10;UdTJTl7jgh/HqBHBBBHBHtRE/iqG9QD+3pHcxeBIyZwxArxIrg/mM9Jb8fT/AGPvb8OmUw35dKvY&#10;e66vYm9dp70odRqtrbio89EiWu/2s6TNHzwRIqlCDwQSDx7TyR+KpX1FOn7Sf6aRXzgitOJHmPzF&#10;R0tfkPtOk2b3LvvF4vQcDX5b+8+2ZYrFHxmYijylAYyAAVWmq0X/AAKkHkH3uyk8SJT5gUP2jHSn&#10;dofBuH+Z1D/bZNPlWo/LoGV5Vx/hf2p6LunXb2cyG2c9hNyYqZqfKYDLU2ax06EgpPSzJPEwI5BV&#10;0B91kQSKVPmCP29OwSmB1cfhIP20PQpfIPB47Edp57I4OLxbZ3vT0nY+11H6Voc/TRZOOJf8KWSo&#10;kpz/AEaFh+PaK1csgB4rVT9oNOjLc4hHMWHB6OD6huJ/M1/LoFl5bQfo6lf9j+P959ql6Ln6UOxt&#10;112xN5bZ3jjgr1m2s3T5eOF/0SiGVWkgkH5jnjDRuPyrEfn2zLH4qlT5inSm1nNvIrjyNceY8x+Y&#10;x0oO39p0ezOxdyYbEs0u3pqmPO7UqCthLiMnDHkcZIOSDeiqYw1j+sMOCCBW3fxEBPHgftGD09uE&#10;At5mUcCarThQ5x9nD8ug4jtq0n6N6fahePSBhUfz6EXqnMY7Fbyo6HOyrDtrdVNNsvc8rgssVFk0&#10;+2aq0ggs2PmaOsjH/HWnT2muULLUcV7h9o/1U6NtvlCSAH4XGhvsbH+Gh6RuewmR21nMxt3MQNS5&#10;XBZSfD5KnYEFJ6aVoZV9QB4dD9QPetYfuHAgHpPLGYWKniCR+zprT6lf9ULf7H8f7z7umcevSeTG&#10;fT/UehE21q3DtHcu0TrkrcSH35tqIcnVTQhMzBGP7Pnxka1UjfUjGov59ppOxg3r2n8+H88fn0Z2&#10;9J4ni8x+onDNBRh65Gaf0eg59qE49Ik49dEXUra5tqX/AGH1/wB49uNnHVm7SD+XWD2z051kj/Pv&#10;3XuvOL8i9xw3/Ef77/D3s56tH2mnrkf5f9Xz6x+9dPde9+691737r3XvbB49e6xP9f8AYe3E4de6&#10;4e79e697917ro/Q/63v3XusHv3Xuve/de697o/Dq6ceve2uneve/de697917r3v3Xuve/de697bk&#10;691hf9R92Th08nDrj7t1br3v3Xuve/dKOve9Hh17r3tjr3XvfuvdcH+n+x9+691i9+691737r3Xv&#10;fuvde9+691if6/7D37r3XD37r3XvfuvddH6H/W9+6fHDrB791vr3v3Xuve6Pw69172117r3v3Xuv&#10;e3n4dKOve2evde9+691jk/Hv3Xusfv3Xuve/de697917r3v3Sjr3tg8evdR/b/VX4de9+6aHHr3v&#10;3Tr8Ove/dNDj1737p/rpvof9b37r3WNPr/sPdH4de6y+2uvdY5Px7cj6cj6x+3OnOve2Dx69173r&#10;r3XR+h/1vfuvdYPfuvde9+691737r3XF/wBJ9+6UdYffuvdck/UPfuvdZvfuvdYX/Uffuvdcffuv&#10;dcH+n+x9+691i9+691737r3XvfulHXvfuvdfYu/ljf8Abtj+Xr/4o71N/wC8FgPcSbl/uRL/AM1H&#10;/wCPHqd9n/3Eg/5ox/8AHF6PF7RdGP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fFv8AeUHXP/oyPZbNT/HX4yUB&#10;MipU1W99xrFKtrmpy9DjzLG2kFon/hAT6kB4pPobj2hg/tpf9p/x09G95/uJb/8AN7/j4/z9Fu9r&#10;uijr3v3XujBdmJJS9I/GqlaOmjStwu6dwR+Mr5H825aqgMsoBJAJxWhdQBtGbXFrIoP7aX/af8d/&#10;2eja8NbW3/5u/wDHx0X32t6Keve/de6HfsmI0vUHxxgKBPvtr7izq6LaXEu6cnQ+Rrf7tJxpQki+&#10;hI+SAAEUH9rL9qD/AIz/ALPRteNW1tx6eL/x8dAR7W9FPXvfuvdDPv2JabqroeECrDVuEz+bbzf5&#10;o+TcFZRAw/S4/wBx1mPPqFtRtpVHB/ay/wC0H/Gf9no3vD/iluP+a3/Hx0DHtZ0Ude9+690Le8Q9&#10;P1b03SMNC1UW4M6iC1m82UFCZD/R2OM0EH+zGp+h9pIf7WT/AGg/4zX/AC9G95/uJb/83v8Aj4/z&#10;dBJ7V9FHXvfuvdCbuR/D1f1jQg0372V3DnSkS2kvUS42i1Sn+1cYwBf6BbX+gCWI1lk+xB/In/L0&#10;a3ahbWCnmZSfn3KM/s6DL2q6KurW/naU3f8AGb4Z9jxqDI2zlw9fMAL+erw+JleNm0qziKfHTBTY&#10;LyxAGrkh2v8ASmkj/wBWDT/L0LN9/wAYt45jgkjFeHiLqP8Ax0dVSez7oJ9e9+691ZrlpTur+V5t&#10;lW0yf6N+5HjBut081ZkGF+b3tnrW+ukj+z7JgdF4fmP+fQf8I6FLKH2wE5IyPkfFK/4DTqsr2c9B&#10;br3v3XurL/5Y4TM9idxbFkkSNd3dMVsQ8jMqlkraOltdTfhK9ibKW0gkEWNyfeF7Vb0b/JX/ACdC&#10;flqUKzr5kK35KSP+fh1WnJHJFI8UqPHLG5jkjkBDKwNirA2IIIsQfp7OAa9BllKmhwRgg8QeuHv3&#10;WuuwSCCCQQbgj8e/deBp1YH/ADGPHlO1utd7xeNl3/0bg9yzyR6BqmeavUn9vgr4RFY3b+gOkL7K&#10;dobsZfRj/gH+boR8yRkSq3kVKj/asT/z8Oq+/Zt0HOve/de6sB+LRO4PjF819lsHdoNkYrfFJGvI&#10;tjHr6qqcjULaRSwm4H0B1HgAlV8NM0Tepp/Mf5+hJtMmq1nQ8FVm/Nkb/oAdV/ezXoN9e9+69064&#10;LKzYLN4fN02r7jDZWnysGk2OunmSZbH8HUg5/Huki61K+oI/aOnreXwJFfjpZW/YQejgfzBMXT0f&#10;ye3flqJbUG7sHhd0UThWUOkuLpadpArIjDyS0rs17nUWuQbqpftD6oQPQkfzr/l6NuYIvDuK+bKC&#10;fyqn/PvRKvZn0R9e9+690dTZbS7s+DHcuAFpz1b3Dgew0QEM8ceYgOEYhf1KgKu1x/WQ8AMfZVON&#10;Fyp8mUj7SK/7HQitSJbCReJVqgcSoqufl+LP29Er9r049Eb8Ove69W6Mp8PdxR7c+SXWBqlilx+4&#10;80+yMlSz8xzQ5unlxYjcXFx5apGAvyygG4uCkvk1xN8s/s/2OjTZpfCuFzQGoPzxUD/egOgR3rty&#10;o2dvHdm0qoMKna+5a7btRr4OuiqpaZr/AOJMftRE/iKG9QD+0dM3MYhkZBwDED7AcdJn3fpOvE9c&#10;4p5qWWKpp5HhqKeVZ4JUNmV0YMrA/gqwBHvRGoUPTiMUIYYINQfQjozXy6poq7s7Edi0kcMdB3H1&#10;1gezoVpuY1nrKFKavT/aZBkKOZnU8qzfQAge0W3miFDxRiv86/5ejXelBlEi1o6Kw/ZT/AAfz6K2&#10;BcHk8c29rWyOiitCD1xP0P8Are2Rx62cdGP7jY7u6n6A7KW8lXDter6i3HIOdNTtuo1Y8ueCzzYe&#10;vp7H62iKm+kMzFt+nJJH8ww/23Ho33D9eCGan4TGxrX4eH5mjHotaGzC3Nzb2uIr0TnroixI/obe&#10;/de6MDvBhu/oTrDddzLlOuc5X9S5yRrl/sqhnzuBYmxAjBqMjAtyOIQAotdi8DwpmXyYBh9vA/t6&#10;Opf8YtY5PNCY2NMkcV/ICgz5novTEqVYfUG/tQOiwivXUos7W+h9Q/1jz7swoetLw6GzeZbdnUXW&#10;29OJMhs+pqOpNxSgNq8UWvKYCWQ8oTJST1dMn0bx0CixC3COL9ORl9e8f4D/AD6Nbn9e3jk81rEf&#10;yytB8hxPr0B/tV0Wdc5P1av9WNX+3+v+8+9t05EcU9MdC32iBn6DY/ZES3bd2AGG3C6qQBm8GsND&#10;WkkKFMtZRGirpCDzJWPcD8oIhoLJ6Go+w5H+UdGl9+qEm/jWjeupcE+grinQQ+3hjovOenzb2bqN&#10;t5/E5+ljinlxldHW/bTi8Uyqw8kEqkENDOmqORSCGRmBBB9+nQSVHr1eznNuyuOKn9vy/MdTt7YO&#10;l29uXI0GOlkqcNN4srt+qltrlx1bElXQSSaSQJjSzIJVuTHKHjb1KR71A2oCvHgftHHpRcwiCUhf&#10;hOVPqrCo4/LpJMdLKf6Hke3mNKdNMuoU64OuliPx9R/rfj22woevIdQr1yj/AD711br31cr/AKoW&#10;/wBj+Pex1Y4Ab0/wefWP3rp7r3v3Xuve/de697YPHr3WJ/r/ALD24nDr3XD3fr3XvfuvddH6H/W9&#10;+691g9+691737r3XvdH4dXTj1721071737r3Xvfuvde9+691737r3XvbcnXusL/qPuycOnk4dcfd&#10;urde9+691737pR1737r3Xvafr3XvfuvdcH+n+x9+691i9+691737r3Xvfuvde9+691if6/7D37r3&#10;XD37r3XvfuvddH6H/W9+6fHDrB791vr3v3Xuve6Pw69172117r3v3Xuve3n4dKOve2evde9+691j&#10;k/Hv3Xusfv3Xuve/de697917r3v3Sjr3tlsHr3Uf291V+HXvfumhx697906/Dr3v3TQ49e9+6f66&#10;P0P+t7917rGn1/2Huj8OvdZfbXXuuD/T/Y+7px6unHrF7d6d697YPHr3XveuvddH6H/W9+691g9+&#10;691737r3XvfuvdcX/SffulHWH37r3XJP1D37r3Wb37r3WF/1H37r3XH37r3XB/p/sffuvdYvfuvd&#10;e9+691737pR1737r3X2Lv5Y3/btj+Xr/AOKO9Tf+8FgPcSbl/uRL/wA1H/48ep32f/cSD/mjH/xx&#10;ejxe0XRj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xb/eUHXP8A6Mv3h/kXVnxRw2px4enMlnPDMLSD+I703PLr&#10;+i/tP4/2+P0i9ze5QWndJK39ID/eVA6OdyAjggQeSlvn36W/ZWtPs6LR7X9E3XvfuvdGI7wZKbZH&#10;xiw8Yp1FH0S+SmWFw7LJkN47sqiJLMdDPGySBTYgSXtYj2itMtI39On7AOjfc+xIYwKDwg/5vx/w&#10;fz6Lv7W9FHXvfuvdD93XKsW0/jhiY7omN6KWeaED0iav3buuvZ1P5MkNREW/o1x+PaO0y0h/4YR+&#10;wKOjXcxoWFfLwVYD5tWp/OnQA+1nRV1737r3Q49vSePafx4xSirRMZ0o0jR1J4MldvDduRaSNRYB&#10;Hjq0ANgSFFyQASktjqaQ/wBOn7FUdGW4R+CsK1NPCVqHyLlif9XoB0B3tX0W9e9+690MfZzJFs/o&#10;KgRCj0vUtTU1lraXmqt5btqFkU3JJNG9OjXAs0ZABADMlt6FpD/Tp+xVH+foxvg0aQoxx4eoD01u&#10;5/wU6Bz2q6Luve/de6FTsACHZ/SFMrt6ut63ITxPF4yks27tzp+q5MqvTQQuG4Fm0gWGpk0I75D/&#10;AEgP2Iv+fowu2YRQoeARmH+2kf8AwgCnQV+1PRf1a1v2SPef8rTqvIArLVbA7EEFYbi8RjyObx8S&#10;/rU802RgNrN+oemwDqQxfpXrD+IH+YDf5OhZcUuNuDsMqFp/tX8P/BXqqX2fdBPr3v3XurOuhWk3&#10;L/Lt+VO1LPKdv7rpd1IvrJVAcHVkAhrBEbEO5AAAJZmuD7JbpvDuoyPMAftJH+XoU7enjWEgapAL&#10;kZ4aVVx/PPVYvs66C3XvfuvdH1/ls5Y475U7ZpA+kZ3bGZxTr6fUEoXrreoX4NGD6fVx/qdQ9lm7&#10;CsX2MP8AKP8AL0fcusFmYeqED/elP+ToovaWGbbnZvY23nQxtgd95fDMhXRpNLkKiAjTqbTbR9Lm&#10;30ufr7W25rGp/or/AIB0Wbh/byf81H/48ekJ7e6Sde9+691YL8x3bOdK/CfeZ0ucj01JtaolVnJM&#10;uGixULlwUVFLvM5FuSdY/SqklG3dsky+jY/a3Qj3pmkhgY5qtSfmyof50PVfXs36DnXvfuvdWA/y&#10;+SMtuzvTYzHjevx6zuOgQ3s8wkpIlSyxyG5iqZTf6WUjSxIHsq3YUVW9G/2f8nQk5bk73jphgCf9&#10;qafz19V/ezXoN9e9+691737r3R6vmsUzeI+K+/I1udzfG7C46rlAsGqceZDUgmyhmjkrNN7C4C/i&#10;3sq2zsMiejn/ACj/ACdCLfv1Vhm4F0Nc1oKKw/4+eiK+zXoO9e9+690dP4jxjce1vlN10z3O5Pj/&#10;AJDctBSmx81bgZ4qmjRV4ZpNdSSAtyFDtpOn2Vbl2GN/R6ftp/m6EOxHxFmiHF0x6cGX/C46JZ7X&#10;Dj0Snh173rrfU7C5apwGdxGdoiRWYXK0+WpCDa0tNKk0fI5HrQc+6uusEeoI/b07BL4Dq/HSwanr&#10;Q16Mz80MRR475E73ymLB/gu9IMdv3DykAGSLL46lq5ZCBcXareb6E3te97+0m3tqiA9Kg/t/2ejj&#10;eYyk5J8wCKfIaf8ACp6Kv+fr/re1vRPwPXT/AKT791fo0e/Lbu+K3SW61jVqzrjeme6ly9SLl3iq&#10;/HnsWJOTpWKOWojj4AIVhyVPtBF+nO6/xAMPywejm5Pj2kb1qUYofzz/ACCr+3orC/X/AF+Pa/ol&#10;bh1wb6H/AFvbAwerHPRj+vD/AHt+PPduyGZpK3ZOUxHc2BgHPoilODzJH5X/ACXIUzsRwRCNXIUh&#10;ib9OZH/iBQ/4R/Po3tALi1ljxVCJF9eHd+wL/PotPtd0T9c3+t/pcAj37rQ6H7pQHcu3u4Or3/ck&#10;3VsKXd234btc5baxbLRCNRwZJsWtfCL/AF8g/wACC+87GR/Q0P2Njo72v9VJYf4l1D5stCAPt8/s&#10;6L1J+Pajot67fmOJvyAUN/8AD6f737scivVBgkdDX0+G3Ji+yusSGkk3hs+XcG34den/AHM7cWTL&#10;U2kEFWkqMfHXUiA2JapADA/VHcdhV/Q0P2Njo2279ZZIP41qvqWTIH5+f2dAf7VdFnWQ8xg/6hrf&#10;7A8j/eb+7cR1de1vtHQs7LtuXr/sLZL2auxUEfZ22QQSxkxitBmKdLGwWbETvVSXHP8ADo/ULWZB&#10;P2OG9e0/nw/n/h6Nrb9aGSL0/UX07cN/LgOgi9u9F3XL6r/wU2/2B/43/vfu/EfZ/l6pwb7f8I6E&#10;OuH94Ou8VkgA2R2LkTtqvI06mxuQaetxzlQAz/b1i1sckhLBVmpIvSAgZmPskp65/MYP+To0/t4V&#10;bzjOk8fhapX9hqP2dBtJ+Pb8nSbrzcorf0Og/wC9j3U5Ffy6bXtYj1z/AJ+vR/n3Xpzri36j7908&#10;vDrt+SG/1Qv/ALH8+9nqseMemP8AN1w966c697917r3tluPXusT/AF/2Hu6cOvdcPd+vde9+6910&#10;fof9b37r3WD37r3Xvfuvde90fh1dOPXvbXTvXvfuvde9+691737r3Xvfuvde9tyde6wv+o+7Jw6e&#10;Th1x926t1737r3XvfulHXvfuvde9p+vde9+691xf9J9+691h9+691737r3Xvfuvde9+691if6/7D&#10;37r3XD37r3XvfuvddH6H/W9+6fHDrB791vr3v3Xuve6Pw69172117r3v3Xuve3n4dKOve2evde9+&#10;691jk/Hv3Xusfv3Xuve/de697917r3v3Sjr3tl+PXuo/t7qr8Ove/dMjHXvfunn4de9+6aHHr3v3&#10;T/XR+h/1vfuvdY0+v+w90fh17rL7a691wf6f7H3dOPV049YvbvTvXvbB49e697117ro/Q/63v3Xu&#10;sHv3Xuve/de697917ri/6T790o6w+/de65J+oe/de6ze/de6xP8AX/Ye/de64e/de64P9P8AY+/d&#10;e6xe/de697917r3v3Sjr3v3XuvsXfyxv+3bH8vX/AMUd6m/94LAe4k3L/ciX/mo//Hj1O+z/AO4k&#10;H/NGP/ji9Hi9oujH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i3+8oOuf8A0ZP5IGSnXoLESGQfwf42bYCRyBbo&#10;uRbIZsWZQA6uMr5FPJCuEJutghsv9E/5qt/kHRtu3+g/80I/8o/ydFs9ruinr3v3XujA/ISM0eQ6&#10;kxRFOv8ADfj9s+TRT6jb+I4xcz6y31kb+J6mtwNWkfp9orL8f/NR/wDDT/J0b7swbwaf8o8Y/wCP&#10;dF+9reijr3v3Xuh7+QMTUeX6wxhI04/oTZkqKn6AMhhKbLnSOLEtkSX45lLkXBuUdlwf/mo/+Gn+&#10;To23U18H/mhH/l6AT2s6Keve/de6G3vKBqHLdd4xojEaLpLaE4UyeS4yOFpsuG/Pj1jI6tF/Tf8A&#10;F7BHZjDn1kf/AA0/ydG26tq8H5QRj/D0CXtZ0U9e9+690L/cUT0dfsDGSBlbH9QbZl0uCp05DGx5&#10;dDoP6AyZEEH/AHYCJRxIAEloPjPrI/8AI0/ydG27MG8GnlBGD9tCf8vQQe1fRT1737r3Qn9oA08+&#10;xMYWBOM6wwZ0iXyafv6Y5cC3+6rjIhtH41av7XtLa/jPq7fyNP8AJ0a7qwPggeUEYPyJBb/L0GHt&#10;V0VdWudFt/e7+Wl8ktrlvJUbY3bJmlivbTTwHb+WRuZE/wB3Uc5sODb9LklSQ3X6V4jDzp/Oq9Cy&#10;x/xiwdW4KJAP9qPEH8z1VH7Pugn1737r3VnfwKaLO9M/NfYsyLNJmepBkKCI+Ph48duCBnGsg6ll&#10;mgZSfSrLckEi5Jup8OSJ/Q/4CD0KNgU3EUsRODQY494ZT/JeqxPZ30F+ve/de6NP8Jcs+F+VHTNY&#10;jFGm3LLiSRp+mQoKugYeoEWZakg/mx9Njb2i3EVhb8v+PDo12TN0n+3/AOON0wfLXFnD/Jju+kKe&#10;MzdiZHKadGj/AIHSmtDWub6hUX1f2r6uL292sG1QqflT9hI/ydV3lAly4H9E/mVUn+Z6Lv7V9FnX&#10;vfuvdWC91uuc+BnxKznkR5sDuncu151Z3Z0L11cY1sRp0+Chjb6+gMircXsVW40XUg+Vf+On/L0J&#10;b5/FsImP8Sr+Sh1/596r69mvQa697917o838uXJmg+VuyaPWVGcwmbxbAavUExVVW2NuPrR39XHH&#10;+qt7LN2FYSfQg/zp/l6POX5Ak5B/EhA+2ob/AAKeia7oxf8AA9y7iwugx/wjO1eL8Z1Ar9vUSRWI&#10;e7gjRb1c/wBefa+JtagnzAP8uiu8jEMroOCuwH2BiOmP250n697917o9neGnP/DD4gbkC6ptv5Hd&#10;mzayQBvQTkQ0EbOEVTeChDqLmwZgCxDn2V23ZcSL60P+r9vQivyJ7KGQ4KkIM+QDKf2+GPs6In7N&#10;Og71737r3RwvgfkKWn+TGy8RkQWxe8MVmdo5JPw8dZiKwohGlrh5441/Fr3JsCCWbstYifQg/wAw&#10;P8vR7y9KY7ig/EpH2U7/APn3opuXx02HyuTxFT/wIxeQmx1R9P1wSNE/0LD9Sn6E/wCufalG1gH1&#10;AP7ei+eLwXZOOliv7DTpv926a6wv+o+/de6OF8ly24OvPit2IY0/3OdLDY9RVRj/AD0+1q+fHys7&#10;gAPKFmQNe7DhWJAX2gs+15F9Gr/vVf8AN0Id0o8cMlakpQmteAU/4WPRQuP99/vv8fa/ojPEddP+&#10;k+/dX6NH1AU3R8fvkpsORfNWYTG4Tt3Aof8AdZxVeKHKSaf9qoMiBcDiwube0Fx+nNG/rVT+fDo6&#10;sT41tNFUYAceuMn/AI4B+fRVx9R/r+1xx0SgV66f+1/sfbZ+LrQ4dGA+LWRpIu5MHtjKOq4Ts3GZ&#10;DqrMq1jqjz9HLQU/B4JSvkp3AP1KWFiQwYv1JjJHFSGH5H/N0a7PIEnCtTS4KNXzBzT8yAPz6AXJ&#10;46rxGSyGJr4jDXYuulx1bCfqksEjRSKb2PpdSPapWDgEeYr+3ouljMLFDxUkH7QadRDyqn+nBP8A&#10;vXvfTfS96p3gev8AsnZG8iNdPt/clLXZCEi4lpBKErISPys1K0iEfQhiCCOPaa7j8VSvqMfb5dGG&#10;3TfTyq/ABsn0Bwf5HrrtzZw6/wCyt77NjYSUuA3LU0eMnBuJaIyGShnU3a6z0bxSA3NwwsT9fdIJ&#10;PFQN6j+fn1e9h8CV1pQA4HoDkfyPQerzHIv9LOP96P8Avft8ZHSM4I6UeyN1V2x947Y3jjrGt2zn&#10;aXNwRt+mT7eZJGicHgpKqlGB4KsQfr7alTxFK+o6U2s308iv6EE/MeY/MY6UXcG1aTZvZO7MJi2W&#10;TBHIDMbZnQWWTFZKKPI4uQW49dBVRE24BuPx7btpPEQE8eB+0Y6e3GD6eZlHCtRThRsin2Vp+XQc&#10;x86l/wBUvH+uOR/vXtQOkr4APpT9nSs6/wBzjZu9Nubllg+7o8Zk0OVoCSBVUMoMFfSNpIOiropZ&#10;YWsf0ufaSdPEBH+qvl0us5vp5Vf0OfsOD/I9cN+bYbZm8dx7Z861cGJykkOPr0vpqqNiJaKrS4Um&#10;OrpHjmQkAlXFwPp71E/iKD6j+fWrqH6eRk9Dj7OI/l0lE5JX/VC3+x/H+8+3k9PXpI+M+mel51xU&#10;QSZ6TbdfMkOL3vj5No1ssrBI45alkfHVMrnhYqPKw008h/45xutxqv7Ty1A1Diuf2cf5V6MdvYa9&#10;B4OCp86E8D+Rp/PpCVlNPR1E1LVQyU9VSzvTVNPMCrpIjFXRlPIZWBBB+h9qWOoAjpplKEg8QaH7&#10;R1HTnUv+qXj/AFxyPdVzjpqTFD6H+Rx/s9dx/n3Xpzri/wCo+/dPJw68OVI/K+of8T731Vu1gfXH&#10;+brj71051737r3XvbL8evdYn+v8AsPd04de64e79e697917ro/Q/63v3XusHv3Xuve/de697o/Dq&#10;6ceve2uneve/de697917r3v3Xuve/de697bk691hf9R92Th08nDrj7t1br3v3Xuve/dKOve/de69&#10;7T9e697917ri/wCk+/de6w+/de697917r3v3Xuve/de6xP8AX/Ye/de64e/de697917ro/Q/63v3&#10;T44dYPfut9e9+69173R+HXuve2uvde9+691728/DpR172z17r3v3Xuscn49+691j9+691737r3Xv&#10;fuvde9+6Ude9svx691H9vdVfh1737pnr3v3Tz8Ove/dNDj1737p/ro/Q/wCt7917rGn1/wBh7o/D&#10;r3WX2117rg/0/wBj7unHq6cesXt3p3r3tg8evde966910fof9b37r3WD37r3Xvfuvde9+691xblT&#10;790o6w+/de65J+oe/de6ze/de6xP9f8AYe/de64e/de64P8AT/Y+/de6xe/de697917r3v3Sjr3v&#10;3XuvsXfyxv8At2x/L1/8Ud6m/wDeCwHuJNy/3Il/5qP/AMePU77P/uJB/wA0Y/8Aji9Hi9oujH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i3+8oOuf/Rlvlh/k3amKwakaNr9PbC2/GsbFo1EWy8FIViJ9QQNMRzY6&#10;rki59oNuFY9X8TMf+NEf5OjnfSBP4aigjVU/ZU4/3rotPtf0Tde9+690YX5QyAdty41FeOHb3Xey&#10;ttQwvGsWj7DZuBppFWNSdKGeN2UE3CkAgfpCLb8xA+pYn/ej0bb2CtwyeShVUDAA0g0/n0Xr2t6K&#10;eve/de6Hz5Mylu4MtSMArYTaW1dssn5VsVtTCY51Yf2ZA9Kda/2X1D8e0W35iB9Sx/ax6N99Gm6c&#10;DgNNP94XoA/a3oo697917obvkRMX7VyVKVRDhNp7X2uY44jCF/hG1sLi9PiblCv2liPpcG3FvaSx&#10;OqIH1LH9rE9Gm9RiK5dRgDTQDh8C9Aj7V9FfXvfuvdDB3vMX7HqKUkn+DbP2tthRxwuJ2thsYqg/&#10;2lVaQAMfUwAZvUT7S2R1Rg+pY/tYnoz3iIQXDIOChAPyRfXoH/aros697917oVe6JGbfslI99eF2&#10;htnbLhhEDfFbZxGNIPhAjZgaTlhyxuzEsSfaazbVGD6lj+1iejLd4hBOUH4VjXPyjUdBV7U9FvVs&#10;P8u9v7x9LfMrr71PNmOvFajpxq9f3mJ3BQz2KgBSD4R+oM2r0j0k+yHd/wBOSN/n/gIP+XoWcv8A&#10;68UkJGKiuf4xp/596qe9n3QT697917qzf+Vs9PkO3ez9oVsgSk3R05WxSqfH69GRxsLKocHU4hq5&#10;G08gqGLAgcEu9r2K3o1P2j/Y6EvLc2l3T1Ct8u0kf8/dVm1EEtLPNTTronp5mgmS4NnQlWFwSDYj&#10;6gkf09nIOoVHn0HHQxsVbBBIP2jHWL3vqvQy/HXKLhO/uk8pISsNH2vt+SpIXUfEcrSrNZfy3iZr&#10;f429prxdUTj+if5CvS7bHKXEZHmwX8m7T/I9DZ/MJxkWM+W/aYgVI4a9cNk1jQk2aXBY3yk6vy8y&#10;u/HADAC30Cfam1QL8iR/Mn/L0r32MpcEn8Sqf2DT/wA+9Eu9mPRN1737r3Vg2QaTNfy1MGpMzrtL&#10;5JuFsy2VZMbWHkHnRqyZ4HOs3/Tf2UqdF2f6S/5B/m6EroJdtU/wGv5mRlz+TdV8+zboNde9+690&#10;Zz4ZZM4n5R9K1QYJ5t4pi7klf+B0E9Fa45u33FrfQ3seCfaLcRqgYfIf4R0a7J/uUn+3/wCON0i/&#10;kdio8J8ge7MXCojgpe1c99tGpY6YnydTJEt3uzFY3UEkkki9z9fblm2qJP8ASgfsFP8AJ0xucZiu&#10;JAfNi3+9d3+XoF/anpD1737r3R7pVXP/AMuikl0h5tj/ACbenVzp1JDVYUuygs1/G8uQUnSBdlHF&#10;lLeyv4Lv/TJ/q/470IjSfbvP9Nv5lv8ANJ0RH2adB3r3v3Xuhl+OudXbXfXTmakfxwUfZWGFXJ/q&#10;YJa+CGc/7CGRv9f2jvl1RsPkT+zPRntEhjuEI82C/wC9VX/L1J+SuEXbvyC7nxUaeKGLsrL1NNF/&#10;qYamtlqYVBJYkLFMoBJuR9efbdo2qJT8gP2Y/wAnTm5x+FcOONTq/wB6Ab/L0CPtR0g6wv8AqPv3&#10;Xujh5wf3l+EexskZPJUdY975TaQhawMdJm8ZHlQ6gDmNqqFhydWq/GnkF69lyf6SA/sNP8nQhdvF&#10;sVoPgehOP6R/5/XooPA59mHRI3+Xrp/0n37q3RnPh9UR1Pc9PsypnSnx/aey8/1jXyS30acriapI&#10;FYC91asjhB4P1uASB7Q7iP09Q/CVb9h/2ejfZWHjaCKh1ZT9nxf8+06LHUU81JUT0tTG0NRTTNTz&#10;xP8AVXRirKf8VYEe1ZOoVHRZoMbFTggkEfMdYW+h4twfem4jpoYx8+pGJydZhcpjczj5PDX4nIQ5&#10;Ohl/1M0EiyxNwQfS6A/X3Z1Dgg+Yp+3pyKQwsHHFSCPtBr0OvymxdHSd2bpzeLi8eF7Ap6Ds3DMP&#10;o0O4aGnyrlSAAwWpqZUvYX03sL2CWwYtEAeK1U/kf83RjvEQjnJFKMAwp51FCfzIJ6L6OUb/AGkg&#10;j/Y8e1nRV1w9tPx6eTh0PveAO4dv9NdmKWkk3d15FtnNzsLFsptZ/wCCzam+jO+NjoJT+bSgm2q3&#10;tDa9hdPRqj7Gz0cbkfFWKX+JKH1LIaE/mT/Lov8AD+sD8MCp/wBiPa1ePRQ3DrEeOPderDPQ4dgD&#10;+8vV/Um+UET1eLo63qjcMkZJfy4eRKzFySg/Ty4nJRwRkXBFE440ge0sPZI6etGH58f59Gl3+vBF&#10;L/CDG3y05UfbSp6BBTpYMPwb+1Yx0hpqFPl1240sw/F+P9b8f7x7ZkwT15DqAPQt78P94dk9a74U&#10;+SqjxcvW+4XL6mNVghF9hIyn1Ij4Oro4I73DGkl0n0lVSx9rMvz1D7Dx/nXoyuv1oo5PQeG3yK8P&#10;zIz0EQ45H1HtQDTouIr1yPDXXj+0tvx+f9493p3fb16E8Plj9nQgdk/7k6zD71Q603ziUzOQe9yM&#10;pEz0mXEhAAEs9dA9WE5Kw1UJJJa5Yi7QU/hNB9hyP5Y/Lo2vRrIlHBxU0FBqGG/mK/n0GwJBBH1B&#10;uPd+kJGoU6zWszW+hsw/1jz7s3HqsZqM/YftHWN/r/sPdelCcOuKmxB/H5/1vz72DTrbio/1cevE&#10;WJH9D71w68rahXrr37q3XvbL8evdYn+v+w93Th17rh7v17r3v3Xuuj9D/re/de6we/de697917r3&#10;uj8Orpx697a6d697917r3v3Xuve/de697917r3tuTr3WF/1H3ZOHTycOuPu3Vuve/de69790o697&#10;917r3tP17r3v3XuuL/pPv3XusPv3Xuve/de697917r3v3XusT/X/AGHv3XuuHv3Xuve/de69790+&#10;OHUf37rfXvfuvde90fh17r3trr3Xvfuvde9vPw6Ude9s9e697917rHJ+PfuvdY/fuvde9+691737&#10;r3XvfulAz172y/Hr3Uf291V+HXvfumeve/dPPw697900OPXvfun+uj9D/re/de6xp9f9h7o/Dr3W&#10;X2117rg/0/2Pu6cerpx6xe3eneve2G49e697117ro/Q/63v3XusHv3Xuve/de697917ro/Q/63v3&#10;SjrB7917rkn6h7917rN7917rE/1/2Hv3XuuHv3XuuL/pPv3XusPv3Xuve/de69790o697917r7F3&#10;8sb/ALdsfy9f/FHepv8A3gsB7iTcv9yJf+aj/wDHj1O+z/7iQf8ANGP/AI4vR4vaLox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4ucMMtRNFTwoZJp5VhijX6szEKoH+JJt7yfJ0ip6wBRDIQoySQAPmejFfLtox8l&#10;O36OGVZ4sNuttuRyqhS64yngx4up+jWpfVb0k3K+kj2j24UhX7Cf2knoz3s6rpz/AKT/AI4vRcfa&#10;3oq6z01PLV1NPSQANNUzpTwqSACzsFUEngXJ96Y6RU+XV44zKwUcSQB9pNOh3+VD05+R3dNNSsXp&#10;sV2FkcDAzNqbTjp2oBqawu4FP6rAANcAW9pNvFIU+yv7c9GO8uJLlyP6I/MKoP8AMdAD7WdFfUug&#10;o5cjXUWPgt5q6rjo4bgn1SuEXgAk8t+AT/T3V20An0Ff2dOQxGZ1QcWYKPzNOhr+UFRBUfIzu9aV&#10;SlJQ9oZrD0iEghYqGvmoolU3N0WOnAUkklbFje/tPYrphT/Sg/tz/l6WbrL41w7fOn5qAv8Ak6An&#10;2q6L+pNFSy19ZSUMJUTVlTHSxF721SOEW9gTa55sCf8AA+9M2kE+menIozM6oOLEAV9SadDB8j6u&#10;krO/+6ZMf/xboez83j8bZ3kH21LkKimpyHku5Uwwra5JAsLm1/aeyXTEg/og/tz/AJelm6ymW5kJ&#10;/iK/7z2/5OgW9qei/rPS00lZVU1JDp81VOlNFqNhqdgq3P4Fz70zaQT6Z6vFGZWCDixAH2k06Ff5&#10;A1FLU96dxPQsz0EXZucpMc7ghmpoMlUQU7ODY+RoY1L8D1E2VRwE9mumJP8ASg/tFele5yGW4kJp&#10;XURj+j2/5Ogh9qekPWanglqqiClgTyT1MywQpcDU7sFUXYgC5P1JA/r70TpFT5dWRDIwVckkAfac&#10;dCV3dUUtT3J2rJQNqxy9h5inxhtGP8lhyFRFTA+L9u4gRASvpP1HHti0GmJP9KP5ivSzc5DJcSFu&#10;Osj/AHk6R/IdBf7UdIerSv5T+Sp07u7B2/VGFos31VPOKeoCFZmpspjFMWl+XJiqXYoAQUVywsvs&#10;k3taorejU/aP9joRcvS6WdM5CtX00kj/AJ/6rKz2MfCZzM4aTVrxGWqMY+qxN6eZ4jcgAXun9B7O&#10;I21qG9QD+0dElzF4EjoPwsy/sJHTV7v0x0f7+WhkmoflVt6lF9Oa2nmsY9gDwlIazkk3UaqQcjm9&#10;h9CT7Kt5FYfsYf5R0f8ALppM3/NM/wDHk6KB2xiH2/2l2VgZEMb4Tf8AmcQ8bKEKmmyNTCQUBIUg&#10;paw4H0HtfbGsan+iv+AdFm4f7kS/81H/AOPHpAe3ukfSk2dXHF7v2rklLhsduShrlMbaGvDVRSDS&#10;/wDZPp4P4+vtqcVRh/RP+DpXYHTPGf8Ahif8eHR6/wCZ5jnofk9NUssyrmNgYjIxmVSqlVarpLxk&#10;j1pqpSCRf1hl+qn2W7Kf0T/pj/gHRrzH/bL/AM0x/wAffqvD2b9B/r3v3XurA+vU/iv8ufvyktSP&#10;/dTuvD7mN2IlX77+BY0NpBsQbaVuADeQ3JUAFUxpdp/pT/z/ANCC3xt0vzcD+cR6r89mvQf69791&#10;7oX/AI+ZMYbvnpXKsZRHQ9r7eqJxAAXaIZak8qqGKqS8epeSBz9R9fae7FYnr/Cf5DpbtzFbiOmC&#10;XUfkTQ/yPQl/N3GNiflX3PSskyGXckOTAmte1bj6OsBFgBoYT3T86SLkm59tbcawr+f+E9Kd8/3K&#10;f7E/44vRVfa3op697917o9vU0X8a+CnylxoUvJtffG1d1U66V+tTW09HKdbG40wROTaxsLC+sj2V&#10;XB03UZ9VI/w/5+hFaKX2+UDjrr+Q8Mn+QPREvZr0Heve/de6nYuvlxWTx2Ugv58bXQ18Njb1QyLI&#10;vNjblfrY+2Zl1inqCOlNrL4Lh+Ollb9hr0bn570FNTfKHfmRoQRQblx2F3JR3BF1qMLQB29TFrvN&#10;G7G4WxJXTYAku21tUQ+RI/nX/L0b75EY5ySfiUH7Kdv/AD70Tj2v6J+sL/qPv3XujhdQePP/ABa+&#10;VG2HYtWYGfafYOIh4taDJS0WQcixf00s68gWuRqKj6l9x2Txt66l/lj/AA9CGy1S2syDyo3+An+S&#10;dFD9mHRI/Dri/wCk+/dW6WnWG522T2RsHeCsqjbG8sbnZPIbKUpayGaRWPNlZEIP+BPtm4TxEZfU&#10;H/B0qspPCmRiaAMKn5Vof5dLX5K7YGzu/e3MBHB9tTwb6r66hpxeyU1dKa6lVb3OlaepQC9yRY3P&#10;tm1fxIVPyp+zH+Tp/cY/CuXHqdX+9DV/l6BBr6f9h/xr/iPajjTouPE9R/bnXujK9uD+8nTHx034&#10;CJKmh2/lupsy6j9D4HItV49XP0u+Ny8YW/P7bA+kLdDbHRLInzDD8xno4v8A9a3hlpwUoT/pcKPz&#10;oT0W2P6kf6pSB7XHon64e2n49Opw6H/CA7q+N++cPYyVvVu/8dvuh/LDH5yE4bJgfnQlbTY1iBwC&#10;7G3qYhC/6cyn+JSPzGejeL9a1dfONlb8mxQfZknovINiD/Q39q+is565yj9xj+G9Q/2PPvbCh6qv&#10;Doa+uGG4uue39hSFnnhw9L2lt9LarVe35JIq5V59OvCZKslY/n7Zb/Qe0k/Y6P8APSf9tw/mOjay&#10;/WhliPkviL6Arx/MjHQIe1XSIcOub8hG/quk/wCuOP8Aere6SDgeqJgkfP8Aw9C319fcOz+ythtr&#10;kqJcMnYm3YlCsfvdvrNJWKL+pVfA1VfI+j9TQQ6lOkFUcvayt89J+w/7NP29Glp+rHJEfTWv2rxo&#10;PUjHQQ+3+i/rkeVU/wBPSf8Aex/xPtweR/Lqqdrfbn/J0IWI/wBz3Xu5sCx1Vu062PfOHDMB/k8x&#10;hx2YijU8vJIDQzkLysVJKxBAujEw0OG8j2n7eI/y9G8Q8aFk81OsYzTg2fTgfy6DP3fpF1mU3Uf4&#10;HSf97H/E+7cR02MMR65/yH/J1wf6/wCw916Upw64e/dX65HkBv8AkE/7D/jXvZz02uCR+Y/P/Z64&#10;+9dOde9svx691if6/wCw93Th17rh7v17r3v3Xuuj9D/re/de6we/de697917r3uj8Orpx697a6d6&#10;97917r3v3Xuve/de697917r3tuTr3WJ/r/sPe04dOpw64e79X697917r3v3Sjr3v3Xuve0/Xuve/&#10;de64v+k+/de6w+/de697917r3v3Xuve/de6xP9QffuvdcPfuvde9+691737p8cOo/v3W+ve/de69&#10;7q/Dr3XvbPXuve/de697fPDpR172x17r3v3Xuscn49+691j9+691737r3Xvfuvde9+6fHDr3tl+P&#10;W+o/t7rTcOve/dMde9+6efh1737pnr3v3Sjro/Q/63v3XusafX/Ye6Pw691l9tde64P9P9j7unHq&#10;6cesXt3p3r3tl+PXuve69e66P0P+t7917rB7917r3v3Xuve/de66P0P+t790+M9YPfut9ck/UPfu&#10;vdZvfuvdYn+v+w9+691w9+691xf9J9+691h9+691737r3XvfulHXvfuvdfYu/ljf9u2P5ev/AIo7&#10;1N/7wWA9xJuX+5Ev/NR/+PHqd9n/ANxIP+aMf/HF6PF7RdGP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fGq6uxB&#10;z/ZvXWBCGQ5vfeIxAQKXLfc5CnhsEWzPfX+kcn6D3k1cGkbH+i3+A9YFbf8A28f/ADUT/jw6fe+s&#10;0Nx949yZ9WDR5rtTcGUh0sXAjny1XJGqswBKKjALwPSBwPp7raDTEg/or/gHXtwr48lc0dh+wkf5&#10;Ogn9qOknQg9SYd9w9q9ZYCNDLJnOwcLh0jVQ5Y1OSpoQoQ2DEl7WPB+h9s3JpG5/ot/gPSuwNJ4/&#10;+aif8eHXHtjLncPafZefMhmOc3/mcuZmcSFzU5Gpm1GQcSFtd9X9r6/n362FI1H9Ff8AAOvbh/by&#10;f81H/wCPHpAe3uknQodI4Y7j7o6i2+Ah/jnZ2BxB8hZVtU5WkhJZkDOqgPyQCQLkD2xdGkTn+i3+&#10;A9K9v/t4/wDmoh/Yw6T3YOTOb37vfMty2X3fksm1xp5qK2aU+kEhf1/S5t73bikaj+iP8A69f5nk&#10;/wCaj/8AHj0kPb3SToT+kcI25e5upNuqBfO9mYLEEksABUZSliZmZVZlVQ5JIBIAJsbe2Lo6YnP9&#10;Fv8AAele3/28dPJ1P7GB6Se8Mt/Ht27pzhcyHM7jrssZC2st9xUyzai5A1313vYX+th7vCuhFHoo&#10;H7B1W9cSTSMOBdiPsLE9Jz250m6E3pXCncfcfU+3wwT+N9lYPFNIxKhVqMnSxM7MFcqqKxZm0nSA&#10;TY29sXR0xOf6Lf4D0s27/ciP/Tof2MD0itw5M5rP5zMm98tmKnJm4sf35nl5F2t+v6XP+ufbkS6F&#10;A9AB+wdNXUomldxwZmYfYST0z+79MdCN09i4s3231dh6iRIafKdh4XH1M8hIWOKXJUySSOVSQqka&#10;MWYhWsATY2t7YujSJ/8ASt/gPSzbgTcR0z3of2MD0isxkJMvlsplZdQlyeRnyEgaxOqaVpDcgAE3&#10;b8AD/D25GuhQvoAP2dM3EvjyM/8AEzN+0k9N3u/TPR9f5auXON+WWzqMPoG4NvZvEMtz6gmMqK/T&#10;wDfmiB5t9L3vYEr3hdUNfRgf8n+Xo72GQJMQfxIQPt1K3+AHou3yTw64D5Cd3YmNDHBS9q540qHU&#10;SIZMnUywAl/UxETrz+fqCQb+1Vk2uFD/AEQP2Cn+TpFucZjuJAfNi3+9d3+XoE/arpD0br4HZQYf&#10;5a9M1ZMQE2ZrsVea9r1+HyNCLWIOq9R6fxqtfi/tBugrA35f8eHRrsv+5KfY/wDJG6RPyxx4xnyY&#10;71plEYEnZ+Xr7RkkXq6uSqJ9XOoma7D6BrgcW9329tUKfZT9mOqbugS5cDHwn82UMf5novftZ0W9&#10;e9+691Zt/NHLZHtnqjcrxtG2d6UoHYJzCCMllKgrG1rkr93zyfSUNhe5JdkPYy+jf4R/sdCbmWEI&#10;6NnIZf8AeSD/AM/Z6rJ9nXQZ697917qwf49K2S+E/wA0sVop5Fo32tmAr/qBWvMpY3JHpFECnAOo&#10;Hk8WJrw6bmI/l/Mj/L0J9tAksZVNDTWf2IpH+DHVfHs56DHXvfuvdKTZtZ/D937Vr/WfsdyUNZaM&#10;2b9qqif0n8N6eD/X21OKow/on/B0rsDSeM/8MT/jw6N7/MWoftPljv8An8ZT+J4rB12om+vThqGm&#10;1AXOkD7fTbjlb25uUe1tWED0JH+X/L0Y8wRhJwR+JAT9tSv+BR0R72Y9EfXvfuvdHs+LTDIfHz5t&#10;7bY05+56zxG5lSW5a+Iq6+Ysig2sPMLm3DeM3ABuV32JYT/SI/aV6EOz5guP9J/z5J/m6In7NOg9&#10;1737r3XvbcnTkfR1vmxElZmfj9uuMsw3j8Ydp5ipL6b+cR1Ubgqv6bRiMG7MdWoarAAFe3jQHX0c&#10;/wCr+XQg3xjM0cvkyY9eJb/n4dEp9mHRH1hf9R9+690cH4jFMpV99bMm1Mu8vjjualoowR/wNo0p&#10;q+kex4bR4H44+v1HPsv3DtCN6OvQi2WspkjGA0Z/b8I/48eiiezDokbh1xbhbe/deHDrD791vo0/&#10;yzDZXeHXO/SRI3ZfSG1t2Vc6oVBqo6AYuqQk/qeKXHWP+Gm11Kkl1j2oyfwuR/Po63ciSRJAKa41&#10;b8zX+YFP5dFYN9J/pb/ff737Wrkfn0St8XUf2517oyW1SNx/F3tbBmxqOuux8D2LRrYlvBlYanAV&#10;5X8BPKKHX9Lnx/UA2RSdk6n+JSv7O7o3gpLZyL5o6v8Abqov8gCei3r+of69va3ooPXRFiQPoDb2&#10;2/TkfQ+fHNlye98xsGYnwdq7DzOwEX8GtnpGrMSbHgkZiipbf4n+l/aC8wof+Fg386f5ejjaTqkM&#10;Z4SIy/Zitf2A0+3ovbKyMyspVlJVlYWII4IIP0I9q+iwimD1kk5WJv8AadJ/2B/4ofez1QefQj9N&#10;7mo9o9nbNzWUJ/gn8XGJ3It7asVkUfH5RLkgevH1Uw5IHP1H19p7lPEjYfKo+0Z6X7dN4E6N86Gv&#10;CjY/lWvSY3ntmt2Xu7dG0MiCK7bG4KzAVRNvU9JUSQFha4Kvo1AgkEEEEgg+3I38RQ3qAevTxeA7&#10;J6EgV9Bw/b0nRzGw59LBv9vwf+I97bIPyz/k6THDD5in+XpV7B3KNnb02xuaSBaulw+ZhqsjQuLr&#10;U0msJWUri4ulTStJEwuLq55HtLKniKR6j+fl0stJvp5Vf0Ofs4H+XXW/NtHZ28ty7ZE6VcGHy81L&#10;Q10RJSppdWukqoyQCY6mmaOVCQCVcEge9xP4ig+o/n167h+nlZPQ4+w5H8ukovIYf1Fx/sP+NX9v&#10;J/q/LpKcEH50/b0qtjZyl29uvD1+RDvhppnxO4oY/wBUmMr4pKLIxrwbO9FUShDYlX0sOQPdblNa&#10;UHHiPtGR0ZWsoikBPDg1eGk4PD5Hpk3Fg6vbOfzW3q8xtWYTKT4uokgIaN2gkaPyROCVeKTTqRgS&#10;rIQykgg+6I2sA+or03NEYXKHyJHTVH9SP6j/AHr/AIr9P9j7cX0/1evSd8UPof8ADjrp/r/sPdel&#10;KcOuHv3V+uS8hl/qLj/XH/Gvexnpt8EH8vyP+zTrj7105172y/Hr3WJ/r/sPd04de64e79e69791&#10;7r3v3Xuo/v3Xuve/de697o/Dq6ceve2uneve/de697917r3v3Xuve/de697bk691if6/7D3tOHTq&#10;cOuHu/V+ve/de69790+OHXvfut9e9p+vde9+691xf9J9+691h9+691737r3Xvfuvde9+691jk/Hv&#10;3Xusfv3Xuve/de697908vDqP791br3v3Xuve6vw69172z17r3v3Xuve3zw6Ude9sde697917rg/0&#10;/wBj7917rF7917r3v3Xuve/de69790+OHXvbL8et9R/b3Wjw69790x1737p5+HXvfumeve/dKOuj&#10;9D/re/de6xJ+oe6vw691m9s9e64P9P8AY+7px6unHrF7d6d697Zfj17r3uvXuve/de6j+/de6979&#10;17r3v3Xuuj9D/re/dPjh1g9+6312v6h/r+/de6z+/de6xP8AX/Ye/de64e/de64v+k+/de6w+/de&#10;697917r3v3T44de9+6319i7+WN/27Y/l6/8AijvU3/vBYD3Em5f7kS/81H/48ep32f8A3Eg/5ox/&#10;8cXo8XtF0Y9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8fX4l0MNd8mejVqCi09B2Xi87USSFgqR42pTIPIxXkLE&#10;tMXJPpsPV6b+8lL9tMLn5U/bj/L1gjtEQluEB+Z/NVLD+Y6AjK18mVymSykoYS5Kvmr5Q7azqmka&#10;RrvYajduTYX+tvapF0KF9AB+zpFPL48jPw1MWpxpU16ge7dNdD98WFiX5E9QV08aSwYHetLuqdJC&#10;oXx4jVlHYuxCxhUpCS5uEtrsdNij3A0hb7KftIH+Xo02aMS3KA/0j65CsR/MdANPPLUzzVM7mSao&#10;laeaQ2GpnJZjYWAuT+PasDSKDy6LXcyMWbJJJJ+Zz1i976r0P/xbZ6fvzrnKorM22snU7y9K6rDC&#10;Y+ry7NpuAQooiTqISw9ZC3IRbh/Yt+Q/aQOjbYhW6Sv9L/jjdAB7W9FPXvfuvdDj8bvLF3TszJwe&#10;US7a/iO81kh8upP4Hia/MGUGD91fEKHWWX9IXUeAfaPcP7FvnQftYDo22On1SV4d3/HG6A72s6Ke&#10;ve/de6GPoKN/9KmAyCfXbeMzO9Cx+ijBYPJZlnNyo0otCWN/TYeoFbgpL4ViIHnpH7WA/wAvRrsr&#10;iO5RmwBrJP2Ix6Bz2r6Kuve/de6FfpOJj2HQ1yHS+3tubg3hG2oKQ2E29lMupBMkR1A0QsAwYmwW&#10;7EKUt4NUZHqVH7WA/wAvRns8ghuFc8FDsfyjY9BR7VdFnXvfuvdGj+FOYfB/KnpKtjkaJp95Jhiy&#10;sy3GRp6jHst05s61RUj9JBs3pJ9odyFYH+wfyIPRps3+5KV9H/443Tx88sKcD8te5aPQqrU5mizK&#10;lC5B/iGJx9cxBfknXUENb0hgyr6QPetrNYF/P/Cevb1/uSx+S0/JFH+Toontf0V9GA+KVf8Aw35L&#10;dEVHkMXk7UwtBqC6r/dV0NLptY/r82m/4ve4tcJL9dULj+iT+zP+Tox2mQRXCE/MfmylR/M9CL8/&#10;cZ/Cvl13FThmdaivxeTVyum/3eDxlSwAubhHlK6vyVJNjcBrazWBfz/48er7zU3DE+i0+dEUf5Oi&#10;dezDor697917qzD+YciVW3viVnF1I2V6LpUNObEIscGPmX1cXJ+6IP8AwUf19kez4Mg+Y/5+6FfM&#10;xqIz85P+fOqz/Z50FOve/de6sC+JMkFT8dfnRhpoJJTUdYYnMo6GwU49s063tyf3Jlb+llIPB9lO&#10;4f2sP+mP+FehDsw/QuT/AML/AOfJOq/fZt0Huve/de65xySRSJLE7xyxuJI5IyQysDcMpFiCCLgj&#10;6e/EV62rFTUYIyCOIPVgP8y4UUvyTXJY+R5afN9c4XKpI1wGDipjjZVZVZQ0USGzC4JN7fQFOzGs&#10;Rr/Ef8A6P+ZBSZf+aY/4+/Vffs26D/XvfuvdHz+DriqofldgGm0Ll/ivuYmNAC50JFDrX/gn3Vrf&#10;ksPZXuR0mNvR/wDMf8nQj2ECVZoiaalH20owJ/LV0Qz2adBzr3v3Xuve25OnI+jrfJZJK/ob4Y7l&#10;ZW01nWeY2wrnSAf4Nk4YbBASwIWoF2PD3FrEMPZXZ4klH9IH9tehDuxrDb/6T/n2PolPsw6IusL/&#10;AKj7917o2vwfyFLRfJjrikr7tjtwLlNr18QOnWmQw9fTIl7ra87x/wCP9Obe0O5LWFvlQ/zHR5sr&#10;lJ1A8wa/YBq/wqOiuZKhmxmQr8bPcVGPrJaGa4I9cTtG1weR6l+h+ntYrawD6ivRdNGYmZPQkfsN&#10;OoJ5U3926aXh1h9+6t0abtnRnPjl8YdzqWkq8RHunrzLOQ1l+yykVfQKCeP+AuRIt+NPH1spdF2S&#10;yr66W/z/AOHo7u9UttA58tS/5B/JOis2uD/T6H/ff7D2sXgeiRuP7eo/t3r3Rk/jVfMZXtPYBCSf&#10;6Qeltw42hp5LeqvxlOufoWUXF3WXFEfmys5tcAhDfdgV/wCFx+w8f8nRxs/6jSRVprjYAHzbgP2A&#10;k9Fs9ruifrk/6jb6e2n6vHjp+2luOq2huva+7KFnWs2zuGjz9MYzZtdJUR1CgX45MdueP68e2ZE8&#10;RSvqCOldvL4Miv6MCfsBz0tu/du0u1u5exMVjgFxMu45c5ggBYfw7KKmTx5F+bGirIiP6jn21aPr&#10;jU/Kn7Mf5OlG5x+FO4491f8Aeu7+Vegm+sJ/2h7/AO3H/Gvary6L+B6xe69W6G7u++Zr9jdhKqle&#10;xevcdlq+VGLBsnjhJgsqWuSRJNWYtqhhc8Tqb8+0tr2hk/hY0+w5H+Ho53E+KUl/jRST5ahggfZj&#10;oFI+SV/1Slf+Kf7z7UjjT1HRVJgV9DXrh7Y6c6FzsXVnds9ab7AZ5cltxtj5ycj65DbnipI7sP1E&#10;4OfGEk+otqvcWJYh7Sy/Oo+xv9mvRhefqpHL6rpb1qmKk+pFP2dBIpsQf6Hn2pU0PRaw1CnXCUWu&#10;P6Nb3d+HShG1AHoQ98o2Ww+yd7KNRzOE/uzl5B9BksEkNGyk/QvJinx87sfU0kzlrn1ski7SV9DU&#10;fY2f8Nel91+oqSeq6WySdSYz9ooeg5j4a4+oHt8GnSEiop13JbVx9Lcf634/3j35hQ9OQmq/6uI6&#10;x+9dO9dg2IP9D72DTrTDUKdeYWJH4+o9+IoetIdQ/wAP29de2H49W6xyfj3aPr3WP2517r3v3Xuv&#10;e/de6j+/de697917r3ur8OrJx697Z6e697917r3v3Xuve/de697917r3uj9e6xP9f9h78nDp1OHX&#10;D3fq/Xvfuvde9+6fHDr3v3W+ve0/Xuve/de64v8ApPv3XusPv3Xuve/de697917r3v3Xuscn49+6&#10;91j9+691737r3Xvfunk4dR/furde9+69173V+HXuve2evde9+6917295fl0+OHXvbPW+ve/de64P&#10;9P8AY+/de6xe/de697917r3v3Xuve/dPjh172y/HrfUc8Ej+h9vDPWjw69790x1737p5+HXvfume&#10;ve/dKOuj9D/re/de6xJ+oe6vw691m9s9e64P9P8AY+7px6unHrF7d6d697Zfj17r3uvXuve/de6j&#10;+/de697917r3v3Xuuj9D/re/dPjh1g9+6312PqP9f37r3Wf37r3WJ/r/ALD37r3XD37r3XF/0n37&#10;r3WH37r3Xvfuvde9+6fHDr3v3W+vsXfyxv8At2x/L1/8Ud6m/wDeCwHuJNy/3Il/5qP/AMePU77P&#10;/uJB/wA0Y/8Aji9Hi9oujH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kC/ExRT9uz7gcN4dm9W743hI41jQaHZ2&#10;ckhk1x8x+OpMbBuRcAWJIByS3HMen+JlH/Gh/m6wW2QaZ/EJoEVmP2fCf+PdFp9ruijr3v3XujB/&#10;GgxUm/8AcW4JwrR7U6c31uBFa3M67QzNNR2NmKt97Uw6WCtpbSxGkEhFfZQL/E6L/wAaB/ydGuz1&#10;SVpR/ocbvT1oKU/n0Xz2t6Kuve/de6MF8cpFx+5ewtxHhtt9Eb3qoJbLaOav27XYSnc6jp4nyqCx&#10;DaiQmm7AhFfZCr6yID9la/5OjbaR3SOOKQu6n0Ip/nPRffa3op697917oc+h5jjsp2VnxpDYLo/d&#10;gSQ6bo2WxUu3VZSzoQ98zYFTqF7gN+ko7zgg9ZE/w1/ydGu0qCZT5rBIVPmDgY/InoDPazoq6979&#10;17oZumhLSt2ln4mZP7v9M54ySLqFly6U+2mBKgkCT+OaDdlDBtLFgxjdJd50D1kX+VT/AJOjTawp&#10;8avlBJT7cD/L0DPtX0V9e9+690LPVsckND2znYzp/u91NXSMw+oXK5HFbcI4IJ1DN6TweCSQBdlS&#10;3I1FB6uP5At/k6M9tkWMTFv98uB9rFVH+HoJvaros697917oWehMwNvd59NZ1mCx4jtTb+QmvJ4V&#10;McWWpHkVpbEIjxgqxIICk3BFx7T3Y1ROP6Lf4D0r28kTx0NKuox8yAf5Ho1v8zjGfYfKvO1VlH8a&#10;2dhsndSSTopjR3IPCn/JPoOLWP1J9odmNYfsY/5D0Zcwf2q/80x/x9+q+fZt0RdCT01kjhu4Oqcw&#10;JzSnFdk4LJCpVdRj8GUpZfIFCsWKaL2sb2tY/T2xdZjf/St/gPSuwFZ4x/wxP+PDo138yulWn+WO&#10;7pQxY1u3MJVMD/ZIx0MNh/UWhB/1yfaHZjWH/bH/ACdGXMApKv8AzTH/AB9+iEezXoi697917q0D&#10;51k1/wAc/gPlkeOqv1A9JW1yMrEzfwXaN43YEksskcoI/suHBs1x7Jtsossy/wBLA+QLdCDdg8kM&#10;Lmp7ck+rKp/nQ9Vf+znoP9e9+691YV8HXqptg/NLFwL5BXfGbNSCFQNTSpRV8cQB+o/z7C30Nxf6&#10;D2UbmQJISfJ/8q9CLZUMkNwoySqgD5lZOq9fZv0Heve/de697917qw7+Y7NLX9i9JZgwGCHJ/G3b&#10;80a6g1mNdmZXS9lJ0CZebC9+B9QCjZj+mw/pn/AP83Qi5lQiYN5FaA/MMSf8I6rx9m/Qd697917o&#10;+P8AL3M8/avZmIhMSDcHx/3LhpppFLFFd8fKHUBl5Dwre9wV1DgkEFW7mkY/04/wHoQ8tCtwf9J/&#10;z+nRDvZr0Huve/de697o/Dq6cejr9ryrk/hR8U6phEZdvbv3rgA5OtytTklrf1fWMAaV0fQgI34A&#10;9lMGLiQeoU/yHQhuVrYxMcnURXzpV8f8ZH7B0Sj2Y9EfWF/1f6/v3Xuhr+OWXXA999MZSSQxQU/Z&#10;mEjqpRq9MEuQp4ZzZAWa0MjcAEt9LG/tPdrriYf0T/LPRntrmOZCPMhf967f8vUDvfDLt7u3t7CI&#10;oSHGdmZykpgAoHhXJVIhIVPSuqLSdI/Te1ha3vdsaxr/AKUf4OvX6lZnr5sT+RNR/I9BOeVJ/qvt&#10;/pEnDrD791bo09GVzfwyzVPdXqth/ISkygPp1JSZvBTUzL9dQVqrHoRwBfVfVxoLpDouP9Mn8wf9&#10;jo7iUy2Rz8EtafKgH+Fz0Vpfz/wW/tYvn0SPx/PqL7d690M/x03FFtXvXqjM1JjWij3xQUGRaXlB&#10;S1sy0NWXH0Zftqh7g8EXBBB9prxNcTD5V/Zn/J0v2uTwrhD6nT/vQK/5ekBvjb77S3pu/asqlJNs&#10;7oyG35FJJIaiq5qYgkgE2Mf55/r7dhbWit6gH9o6T3UYildV4BmA+wEjpNN/Zt9NNven6pH5/wCr&#10;5/5esL/T/Y+6dOdD33a38c270bvwOJJNxdU0+2so/wBWNbtmrqsI2s2uXbH01G5vdjq1E2Ye0lt2&#10;l09Gr+TZ6NNx/USKT1TTniShyf2noA0PpkW17pcf7A3/AN69rV8+iljSn29Y/derdDeSNyfHwAlZ&#10;K/qzsqwvw4xu6KK/H+qhp8jgv+QHrP8Am57S/BN/pl/aV/2D0bj9a18yY2/IK/8AnboEVOkhh9Qb&#10;+3mNCOi9hUU67cAMwHIB496cUJ60hqB0K+1iue6x7F20yq9ZtyooOyMQSTq8cMoxOUhjGoBjLDka&#10;eocWJCURYEANdK/Y6t61U/4R/g/n0Z2/60EkfmtJAPs7Wr9gPQTe1A49F449dS/RT/W3+8cf8R7c&#10;fh1uLFV9D/I5/wAvQibYZc1sPfW2Xs1XiRTb/wAGDcsWpH+xyUEduB5aGtFVJf8AsY8WIPpdI/a6&#10;t61U/nkfzH8+jSD9WJ484pIOFMYb+R/l0G6fX/Ye3ukPXKQcK3/IJ/3v/ifdjkA/l16HBI/P/J/k&#10;6xe69KOve/de65HlVP8AT0n/AIj3Y5HTa4JH5/6v9Xn1x9p349OdY5Px7tH17rH7c691737r3Xvf&#10;uvdR/fuvde9+69173V+HVk49e9s9Pde9+691737r3Xvfuvde9+69173R+HXusT/X/Ye/Jw6dTh1w&#10;936v1737r3Xvfunxw69791vr3tP17r3v3XuuL/pPv3XusPv3Xuve/de697917r3v3Xuscn49+691&#10;j9+691737r3Xvfunk4dR/furde9+69173V+HXuve2evde9+6917295fl0+OHXvbPW+ve/de64P8A&#10;T/Y+/de6xe/de697917r3v3Xuve/dPjh172y/HrfWA/U/wCv7dHDrR4dde99Mde9+6fbh1737pjr&#10;3v3Sjr3v3XusKfqHur8OvdZvbPXuuD/T/Y+7px6unHrF7d6d697Zfj17r3uvXuve/de6j+/de697&#10;917r3v3Xuuj9D/re/dPjh1g9+6312PqP9f37r3Wf37r3WJ/r/sPfuvdcPfuvdcX/AEn37r3WH37r&#10;3Xvfuvde9+6fHDr3v3W+vsXfyxv+3bH8vX/xR3qb/wB4LAe4k3L/AHIl/wCaj/8AHj1O+z/7iQf8&#10;0Y/+OL0eL2i6Me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QJ8eI3pMH8kNyBljXA/HbK0iSkXPkzOWweC0Czo6&#10;mSnyUw1C62BVwVexySvTUxj1kU/sqesF9pUgTN5eC6k/Mio/46ei1e13RP1737r3RhOkohS7O+SW&#10;5HZo1w3R5xtOy/mfMbp2ziQhsLlWpaqe9mU/QnVHrUorvuaNf6df95BPRttpMaTSeXhFDx4yYH8x&#10;0Xv2t6Keve/de6ML0+VxvWPyb3AUYyjq3GbRopLelZctu/bzyeoC6s1Fj6gAhhdS6FWVmsiue6SJ&#10;f6Rb/eVP+fo2sB4cM8o4hFT5UkND/g6L17W9FPXvfuvdDv1jM+L6p+RmXQBWyOzMHsZZvVdf4huj&#10;E5R1AB03khwEgN1PpvZlJAZHcZkjX5s37FNP8PRrZLS3nkHEBFH2O1CPzp0BHtZ0Vde9+690NOxD&#10;Lj+o+9ssikR5Oh25sKWS3/K7mkzix6tDW1HbGq2pb6P7Vre0kxPixj/Tn9i0/wAvRpaKptpyeI8I&#10;D83z/gHQLe1fRX1737r3QtbXjNH1D2xmA4X77ObZ2SUuAXWslyuYb06wxVW28hJClVJQMylkDpZR&#10;qlQegc/yA/5+6M7ZwltNX8RiUH51LH+S9BL7VdFnXvfuvdOuCyBxObw+VDMhxmVp8gHQBiPDMklw&#10;reliNPAPB+h90lXWpHqCP2jp+1kEMqOeCspP5EHqzn+bTjvD3zsLKKhVa/qWmpGYJZWemy+YYnX/&#10;AG30VCgj6qoX8EeyjZGrGw9Gr+0D/N0e8xxUdH9QV/3k1/5+6qx9nXQb6fdr1T0O5du1sbIklHna&#10;SqR5P0gx1EbgtfiwI59tzCqMP6J/wdKrE6Z4z/TT/jw6sP8A5q1BJR/JfD1DtGyZTqjF10Kpe6qu&#10;QzFMQ1wBq107Hi4sRze4BZsv9kf9Mf8AAvRlv5rMv+kH/Hm6rT9m/RH1737r3Vmny10Vvw3+D+Qp&#10;nV6am25W46UnUD5RSY9GADAXCvTSAn6GwIuDf2SWBpcyj5n/AI90KN0H+JxH/ml/1aPVZfs76C/X&#10;vfuvdWC/AmSQRfKqAORE/wAXtxTPH+CyCIKf9dRI1v8AXPsn3b/Q/wDT/wCboT8tmnif7T/n/qvr&#10;2cdBjr3v3Xuve/de6sJ/mATSVlX8Zcg8LRLXfGfATgclQzNUOyBrAMU1i/8Arg25Hsm2cU8Qf0uh&#10;TzKa+Gf9P/z71Xt7Oegt1737r3R8v5b8NLV/J/DY6sKtTZPZudx80BcoZUegfXGCrKxJjDH0m4AL&#10;C1rgq3n+x/2w/wAvQg5bNJm/5pn/AI+nRDfZr0H+ve/de697o/Dq6cejtZ2Nqv8Al9bHrS4QYf5N&#10;12IWIC/kFVgaiq8ha/pKGIraxuCDcW5KkFLlvmn+boRXDf4hGP6Z/wAMn+fokvsw6IusT/X/AGHv&#10;3XulDtbI/wAH3JtzLh/GcXnKPIiQkrp8E8curUOVtpvccj6j3SVdSkeoI/l0vs3EciMeAZSfyIPR&#10;gvmfiWwvyh7jo2jMZl3OmV0sAtxX0dLXBrDizio1A/Ug3PJPtNYHVCp+3/Cele7/AO5DfYv/ABxe&#10;ivkcN/iP+I9rOitfP7esPv3VujU9MuMp8fvldtcgvKm39r73ogST42xWdWGodV8gFnpsgysdJ+ik&#10;kaQGL7vtljPzYftHR1tymS3nWvAKf2amP7dIHRWE+v8Arj2rTj0TSY6i+3etdSKSqnoqqmraaQxV&#10;NJUJVU8q/VXjYOjD/EMAfemXUCD546vG5iYMOIII+0Z6MD8rKeAd770zFImmg3jHjd+0PIa6ZzF0&#10;WUbkW/TLVOvI5035BBKPbzWID0qD+RPRnvaabhj5EKR8wFA/wg9F4P6V/wAL39qX6LI+J/b1if6f&#10;7H23070PjE7i+MUfAmqusO4mU8+qKh3TigRxfiP73bp/12k4vY2SfBN8mX9pU/5j0af21p6mOT5V&#10;CMP8rH/VToAov1gD+1df9vx7Wrx6KX4Y6x+69W6G3pX/AHMP2PsF/G39+ussnHj4pfzkMKI9x0Wg&#10;/iaVsS9On4b7gp9WHtLc9ul/4WFfsOD/AIejfbv1NcWe9DQerrkfsz0CXt1+PSDrm/Ohv9Ug/wB4&#10;4/4j3t80Py6bTFR8+hJ6eydJjuw8BTZOZafC7kafZWfmkGpUoc3Ty4qpmZeNX20dWZltyHjVlswB&#10;9pZwShI4jI/LPRltzhJlByG7CPUNj/DTpBZTG1mGyeRw+RhanyGKr5sbXQN9UmgkaKVDexuroR/s&#10;PbyHVQjzp0ldDE5U8QSD9oNOm9+Y/wDgrf737ecY618L/aP5j/i+lRsHN0e3t4YLJ5NZJMN92cfu&#10;CGI2aTG1sb0WSiU6WAMtBUSoOCPV9D9PaWVdakDj5faMjpbaSCKRS3CtDXODg/yPTbuDB1W2dxZ3&#10;blaVarwWWqMRUOltLPTzNEXQgsCjlNSkEggggkG/uyNrAPqK9UmiMLsh8iR6cOmg8hh/tIYf7A/8&#10;UPtwZBH5/s6Z+EhvmR+3/ZHWH3XpT1737r3XJeQw/qLj/Yf8a97HVHwQfy/b/s064+2H49X6xyfj&#10;3aPr3WP2517r3v3Xuve/de6j+/de697917r3ur8OrJx697Z6e697917r3v3Xuve/de697917r3uj&#10;8OvdYn+v+w9+Th06nDrh7v1fr3v3Xuve/dPjh1737rfXvbB49e697117ri36T7917rD7917r3v3X&#10;uve/de697917rHJ+PfuvdY/fuvde9+691737p5OHUf37q3Xvfuvde91fh17r3tnr3Xvfuvde9veX&#10;5dPjh172z1vr3v3XuuD/AE/2Pv3XusXv3Xuve/de697917r3v3T44de9tPx631gP1P8Ar+3Bw60e&#10;HXXvfTHXvfunzw69790x1737pR1737r3WFP1D3V+HXus3tnr3XF/0n3ZOPVk49Yfb3T3XvbL8evd&#10;e91691737r3Uf37r3Xvfuvde9+6910fof9b37p8cOsHv3W+ux9R/r+/de6z+/de6xP8AX/Ye/de6&#10;4e/de64v+k+/de6w+/de697917r3v3T44de9+6319i7+WN/27Y/l6/8AijvU3/vBYD3Em5f7kS/8&#10;1H/48ep32f8A3Eg/5ox/8cXo8XtF0Y9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8gPrVZMd8cfkzmQRHHlq3ZOw&#10;bta8n3eWrc4yJqiYHQduIzaXRh6f1KxHvJKfM8Q9NZ/lT/L1graD/FJ6/wDCqH5h8/8AHui1+13R&#10;T1737r3RgtmQfYfHLvPOMwj/AItvnZWxqcfmQTDceZnX6kjQcLCbFRqvdXGhkdFL3Txj0Dk/yH+X&#10;o2tj4dpNXg5jVfmytqI/Yei++1vRT1737r3Rh9uiLFfF3tGvK3q92dx7S21Tkg8U+Pxe6MjV6W0M&#10;v+empNQ1Kx9JW6hwUT99wo/hRm/aQvRtF+lZu3+/JFQ/LSA4PD8ui8e1vRT1737r3Q842UYv4y7u&#10;AQibeXd+BphNcWMOAweflmjAsfrLuCBibr+hR6wToRsdU4HohP5lgP8AJ0aouiyZwfilCN8wF1D+&#10;fQDe1nRV1737r3Q1L5cb8dJeAkG9O6o+bf5x9sYKX6HQCfEN3c2Y28guq3BZJkz/AGR/4W/6F6M6&#10;KLKuNRm/MgJ/kJ/n0CvtX0Wde9+690LdYrY7orb9mI/vZ2tlZpoTqBKYLE4hKeWxIUoz7gqEUgN6&#10;kkF1tZkoGqYn0QD9pJ/ydGbPos1Qg90zMD6hUVf8LfyPp0EntV0Wde9+691737r3Vr38z9HyNN8X&#10;93SRVCtuPq6dXmncvqaNcXVMhY8tIn393Y8tqB9kWyf6IPmP+fuhVzKf7Mehk/586qh9nvQV6979&#10;17q0f+a5LR5DufrHNUitpyvTVJLHI9wTCcrlpYQVJIUjzsT+ebEmwsSbIToYf0v8n+x0JeY4gjIf&#10;M6gT8hSn+E9VcezvoNde9+691Zl8mYZT8E/hjOI3MKPkonlAOlWdZSilvoGYIxA+pCtb6H2R2P8A&#10;uVL+f/Hh0Kt0/wBwov8Amz/1abqs32edBXr3v3XurEv5dk8S7k+RNKXtPN8ac/PGljykdRQK5vaw&#10;0mVeCbm/F7GxNvI7UP8AS/wj/Y6EvLbgOy+ZKEfYCQf8I6rt9nPQa697917r3v3XurFfn1/xZPiT&#10;/wCK4Yj/AK0weyXaOMn+m/z9CrmXhF9sn/PnVdXs66CvXvfuvdHm/lx/9labA/7VOc/901d7K94/&#10;sT9o6PuXv7dv9If+PL0SzNxxxZnLxRIkcUeTqI444wAqqJXAVQLAAAWAH09mMRqo+wf4Oiq8ULM4&#10;GAHYADgBqPTZ7v0m697o/Dq6cejt4t4qn+XnuWnX96oxfysp6+ZCrHwxT7ap4YpAxGka3WRODcXs&#10;bBxcqY0uQPVP8p6EEK1sJD6OKfLKf5/59Ek9mHRJ1if6/wCw9+691kH0H+t790+OHRvfnDK1f39k&#10;dwOS8m6djbX3DJK/Du0u38fGXkUelXPh5C8cD2X7Yf0qehI/nX/L0db4gSfHmoP82H+TooR+h/1v&#10;Zh0SL5/b1g9+6t0aj4smOtqO+dtTEFNy/G3dMFMjEAfdUMdLlKZjdHHpeiIP0IUsVIYL7QX+Ajej&#10;r+zPRzs4LmRAfiib7K1AH/Hj0Vlf1D2pTj0TyefUYixI/obe3h1rrr37r3RkPkADk8H8fN3Alv49&#10;0VjcRVSsQdVRga7I4Rvoo+lNRwA3JYtqJPPtDZmhkX0cn8j0cbqpZYZK1rEq/Oq5P/Hui5ceP/HX&#10;/wAR7Vvw6KkwesL/AE/2Ptrp3oeenbZnY/yA2Y9y2Q6yj3pj1BN/utuZWirWKrcAlcZNWk3vZNZH&#10;Nj7S3HayN/Sp/vQp0aWH6kc0Z8011/5pmtPzJ6AJTZlP9GB9qx0VHh1ykFncf0Y+/Ng9eXh0t+sd&#10;0DZXYux92OEaDb+6qHJ1kUvKSU8VRGaiJx+Ulg1ow/KsR7ZnTxEYeoP7ejCxk8GRGrTuFT8iaH+R&#10;6w9j7WOx+wN67P1B021uiuw1PKCSJIYKmSOCVWPLJLCFdSeSrA+2kfxFVvUD9vW7uLwJWSlKE0Hy&#10;4j+XSOPMa/1DEf7A2I/4n28cqPkekYwx+Y64gkEEEgg3BHtvpwGnQs9z/wC5Dd1LvJNZj7G21Qb7&#10;lkcfrrauHw5gg3OpRnKatUH6kAEgNcBm1wNP8LEfzx/Ijow3DukD4GtVeg8qih/mD0E31DL/AFU2&#10;/wBhz/xHtYwr0ilxQ+h/w46je2enehM3/wD7lIdmbwBV23JtSCkyRX+zX4c/wmcOfzLPTUtNVufy&#10;aq/1uAxB26l9Dj7Dn/P0uvf1Akue9ck+bL2n/AD+fQcXtIpP0+h/1jwfagGnSJl1If2j7RnrGQQS&#10;D9QbH3rp5TqFfXrr37rfXYNiD/Q+/DHVWGoEdeYWJH9Dx7bkFD15G1AHrFJ+Pfo+rdY/bnXuve/d&#10;e697917qP7917r3v3Xuve6vw6snHr3tnp7r3v3Xuve/de697917r3v3Xuve6Pw691if6/wCw9+Th&#10;06nDrh7v1fr3v3Xuve/dPjh1737rfXvbB49e697117ro/Q/63v3XusHv3Xuve/de697917r3v3Xu&#10;scn49+691j9+691737r3Xvfunk4dR/furde9+69173V+HXuve2evde9+6917295fl0+OHXvbPW+v&#10;e/de64P9P9j7917rF7917r3v3Xuve/de69790+OHXvbT8et9YD9T/r+3Bw60eHXXvfTHXvfunjkf&#10;l1737pnr3v3Sjr3v3XusKfqHur8OvdZvbPXuuL/pPuycerJx6w+3unuve2X49e697r17r3v3Xuo/&#10;v3Xuve/de697917ro/Q/63v3T44dYPfut9dj6j/X9+691n9+691jk/Hv3Xusfv3XuuL/AKT7917r&#10;D7917r3v3Xuve/dPjh1737rfX2Lv5Y3/AG7Y/l6/+KO9Tf8AvBYD3Em5f7kS/wDNR/8Ajx6nfZ/9&#10;xIP+aMf/ABxejxe0XRj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yAgXxfxBf8AQi71+Ryi/pDuu29tMSP1B2jD&#10;boB+hXVbkEWOSXG5+yP/AAt/sdYLcLH/AJv/ALRo/wA46LZ7XdFHXvfuvdGCr4ji/iztln0o28++&#10;MxOiG+p49vYDDRq/9NIk3FIvHNwb8afaId1wT6RgH7SxP+To2Y6LEKeLTFl+ahNJP7cdF99reinr&#10;3v3XujEbn8OK+L3UePVB93uvtveG6qlyCCIKLH7XxdIASmllMwq/o1wQdQsUsij753P8Kqv7at0b&#10;TfpWca/78dn+wpVKfnx6Lv7W9FPXvfuvdD1vKQY34+9I4JQFfM7v3h2BUHi7pUNgsFTki5IWNtvz&#10;2/SCWb03Goo4u6aQ+gRR/Mn/AA9Gtyvh2kNODtIzD+kpCg/s6AX2s6Kuve/de6G3fqz4vqDobCye&#10;mLLUe5Ox4YuLn+IZk4AyEBzYv/dMLcqrEIP1LoPtJDmWQ/6Vf2LX/n7ozuyot4APi/ULeuWwf2D+&#10;XQJe1fRZ1737r3QtdgrHQbJ6Vw8bqZH2RXboyMI03jqcjuDLwoGtckvjaCjkuT+lwAotdksHc8jf&#10;0gv+8qP8p6NL4skMEbClEZwfUSOSP5AdBL7VdFfXvfuvde9+691bJ8/lGT+NPwV3B4ZV19ZooYkk&#10;J95gNsz6GNgCx+34P+0t/j7Itr7JpV+Z/kxH+XoU72BPAk1OJFPkHUtT+Q6qb9nvQW697917q0L+&#10;ZpVff5T44ZFY3iiyHSlPVxq3NhJIkmkkcEqHF/ZFsmNf2j/L0K+ZzXw/9NJ/z51V77Pegp1737r3&#10;Vm/fJJ/lz/Em5J/3+OSHP+E2eA/2w9klp/uXJ9h/wr0J9z/3Ci/5tf8AVtuqyPZ30GOve/de6sB/&#10;l4/8f333/wCKsbp/9zMJ7Kd4/s1/04/wN0fcu/7kf7X/AJ+Xqv72bdEPXvfuvde9+691Yv8APwD+&#10;B/Ef/H434j/rTB7Jdo4yf6b/AD9CjmPhH9sn/PnVdHs66C/XvfuvdHY/l3TyRfL3quJCoWsgz1PN&#10;cX9I25l5hb+h1xL/ALC49l27LWBvlQ/zA/y9G+xyFLgAfiDA/ZTV/hUdE9z/ABnc0P8Aq7VP/W5/&#10;a2H4F+wf4OkV9/byf6d/+PHpp9udJeve6Pw6unHo6u0JFm+BvcFNEHkmou+MDW1aorERxTUHijkZ&#10;raQrSoV+vBsDbUtyiT/cpP8ASH/L0JLf/kny/wCn/wAsXRKvZl0QdYn+v+w9+691kH0H+t790+OH&#10;RvfmLG0m5ulswRqXcnxo2ZnI6k/rnDUc0Hlk/tByacr6rGyj8W9obAaVYejsP8HRzvMglkRhwMYP&#10;7WY/5eigfhv9b/iT7XdEi8T1i9+6v0aj4X/5T8hNrYNmCx7q2/uLa73Zl1NWbdykcKXW9tdQI1uQ&#10;VF9Rta4QbkKxE+hB/mB/l6N9jkKXCj+IEH7ANX/PvRWF+o/1/alePRTJ59YG/U3/AAY+3utdcffu&#10;vdGO3sRl/jP0XlFIZ9rb23fsidr3skrYjNU8f6206Wr53tpW/kvb6M6KI6Z3HqFP7MdG9woeziYH&#10;4WdSPmxLf4FH7ei6r/m5P8CD7VuMdFSHPWF/0n2z090Ofxnl19y7XwTui0296TKdeVSS3KOufxVb&#10;iUDgWNhNVo3+uovcXBS3g/TJ9KEfkR0Z7Q1JwDwYMD8xQmn7QOgJlikhkkhlRo5YnMUsbixVlNmB&#10;H4IIt7VA16LWUoSDxGD9vXcv673vqUN/twPdm49UTA6x+69KE4dDb3oP4jm9l70CaV391hgs/Oy/&#10;R6ukpf4HkXvz6pcjiJ5CCSbvzyfaC37QV/hZgPsrX/L0Z7l3ssnm6Kx9K0oQP2DoFRyjj+lm/wCI&#10;/wCJ9qlyp/LoqbDD8x1w906c6FzKqc70vtXKDW9VsLeNbs+tcm4Siy8X8WxSAfVB95TZZv6MWuLE&#10;NdlBplP9IA/mMH/J0Yt+rbocdjstPMhqMD+2o6CMGxU/0Ye1p6RyDUpHy6wsNLMv9CR7ZIoetqdQ&#10;B9ehKxB/jXWW5sVpllqtmZ6n3lRgcrHRZDxYnKuRbgvVriQD9LAg86fbDdrg+RBH5jI/y9L46SQM&#10;uKowYepDdp/ydBs/1/2Ht7pOnDr0n1Df6tQ3+x/P+8+7N1SHAK+hI/yj+R64e69Pde9+691ybkKf&#10;6ix/2H/Gre6SeR6ouCR+f7f9mvWGT8e9R9X6x+3Ovde9+691737r3Uf37r3Xvfuvde91fh1ZOPXv&#10;bPT3Xvfuvde9+691737r3Xvfuvde90fh17rE/wBf9h78nDp1OHXD3fq/Xvfuvde9+6fHDr3v3W+v&#10;e2Dx69173rr3XR+h/wBb37r3WD37r3Xvfuvde9+691737r3WOT8e/de6x+/de697917r3v3TycOo&#10;/v3Vuve/de697q/Dr3XvbPXuve/de697e8vy6fHDr3tnrfXvfuvdcH+n+x9+691i9+691737r3Xv&#10;fuvde9+6fHDr3tp+PW+sB+p/1/bg4daPDrr3vpjr3v3T3l+XXvfumeve/dKOve/de6wp+oe6vw69&#10;1m9s9e64v+k+7Jx6snHrD7e6e697Zfj17r3uvXuve/de6j+/de697917r3v3XuvHnj37p8cOo/v3&#10;W+ux9R/r+/de6z+/de6xyfj37r3WP37r3XF/0n37r3WH37r3Xvfuvde9+6fHDr3v3W+vsXfyxv8A&#10;t2x/L1/8Ud6m/wDeCwHuJNy/3Il/5qP/AMePU77P/uJB/wA0Y/8Aji9Hi9oujH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kB9lNJjPjp8Z8CbRrl6renYrIDy4rMtSYGN3UStwv92nCXjQgM5BcMbZJQZmlP8ApB/K&#10;v+XrBa8NLSAZ/wBEqPLDYP7Gx0Wv2u6KOve/de6MD2lE2J6e+NmDdgHyO09w9gvAP7P8T3NkMSjH&#10;8Xkg25GeObWBseAit+6WVvmq/sX/AGeja+Om3gQ8QHYj+i7Aqfz6L97W9FPXvfuvdGJ7u8eM2L8a&#10;dqxoEkxvTEm5Mg1gGaoz25twZJC3oVm/3HvSAE39NgLganRWnc8jer6f95AHRtuX6UcEXkI9df8A&#10;moakcPIjou3tb0U9e9+690P3ejy0ON6J2o6CFNsdE4moEKhhdtwV2V3V5SGt65Ys7HyAAVC21W1s&#10;jtMmRvWQj8lAH+To13MBFhVeHgo1PRmrX9tOgB9rOirr3v3Xuht7zjGOzGwdsiaOYbX6b2tTOIyr&#10;COXKYqHcdTCSqj1w1WbkSQG5WQMt+LBJZ5DN/E7EfZWn+To13Zu6NKUKQxqw/pAV/wAvQJe1fRV1&#10;737r3Qvd3mODe9Ng4UMUe1Nj7b2pLESDaqocBjoskfSFC+TKfcyabXXXZmdgXZJZdyav4mZv2sf8&#10;nRpvAaOYRE18NEQH5BQfU+ZPQQ+1fRX1737r3XvfuvdWt/LNo8p8DPhlmFqZpmoqeHCgSX/sYqSF&#10;xdubQtQhEA40/TgD2RWGLqX/AG3/AB4dCvdcWMX/ADa/6tt1VJ7Pegp1737r3Vpf8yGeKp2p8Qam&#10;BxJDUdNeeGQXGpXpsMymxsRcH8+yPZhQyfaP+fuhTzLnR/ppP+fOqtPZ50Fuve/de6s274/7dzfE&#10;r/w8sn/1uz3sktP9y5PsP+FehVuf+4MX2x/9W26rJ9nfQV697917qwj+XdBK29PkDUhLwxfFvc8M&#10;knHDyVeIZBb6+oRN/tufx7KN4PYo/pj/AAH/AD9CDlxCZi3kAAT8ywI/wHqvf2b9B/r3v3Xuve/d&#10;e6sY+fn/ABYviN/4rfiP+tMHsl2jjJ/pv8/Qo5j4R/bJ/wA+dVz+zroL9e9+690dL+XiL/MLqAD/&#10;ALOD/wB5fN+y/df7Bv8Aa/8AHh0Z7MaXKf7b/jrdFE3B/wAX7N/9rep/63P7WQ/Av2D/AAdJr7+3&#10;k/07/wDHj00e3OkvXvdH4dXTj0djrf8A7Ia+SH/iTNpf9bvZRL/uSn+lP+XoSW//ACT5f9P/AJYu&#10;iT+zLog6xP8AX/Ye/de6yD6D/W9+6fHDo4Xywk+8wfxVybqEnk+LG3cUyJ+jRQ1OSgiYA3Ot1N35&#10;tf6AD2hszmQf0z/q/l0cbnEFSFvMxqP2Kp/5+PRO/wAN/rf8Sfa7olXiesXv3V+jDfE2ubHfJPpe&#10;oVpFMm/KOhJiNjaqY0xB+npImIb+q3HtHfisLfZ/lHRls5pcJ/tv+Ot0DW7KL+G7s3LjhcCg3DWU&#10;QBXQf2qmSPlf7P6fp+Pp7tCaqp+Q6T366ZpB/TYfzPSYcWdgP6+1I6Sj/IOuPvfXujHY4Nk/ibui&#10;nALHaffeJywvqssWXwOSpZrAArqeXGU9z6eF5JOke0LHTcD5xkfsNejdEL2LU/DLqP2aVX/C3RdF&#10;/TIP9pv/ALY+1jdFS9Yn/SfbPT3Sh2Tnn2rvPaO545Gifbm56DPJKl7qaOriqAw0+q6mO4tz/Tn3&#10;SVdakeoI/aOn7VxHIjNwDKT9gIPSt7ywCbW7l7TwEQApsbv7Kw0Wm9jTtWzPTHn+sDofyP6EixLd&#10;s2uNT8h/LHTu4IY53B82J/Ju4fyPQXyfSM/1j/3oke1LeXSFcV+3rH7r0oTh0Nm5NGa6J6zyyu71&#10;Wz94Z7YtYrXISlqRRZvH6f7KrJUVeRIH1LKxt+Sh+GVh6hW/Zj/J0aS/qWsbD8Dsh+Zbu/wdAsn1&#10;Yf1Q/wC8C/8AxHtTH/kPRVJ5H5jrh7p1foWuuF/i23O1tpFXkmyOyDurFRr9BV7fqYsjNIV/OjCj&#10;Ii4/TqvyAR7Yl7WRv6VP96x0Y2J1pLHwqgavzQ1p+dT0Eb/pPta/DpN1xl/Vf/VKG/245/3n22/H&#10;pqHC09CR/PoQ+qZI5d40uBqDGKTedDVbJm8zKkayZSB6WjmkdrKqUmQenqLkgAxAsbX9p5x219CG&#10;/Z/sdGVgwEmk8HBQ/wC2FB/OnQfTxvFI0UqPFLG5jkjkBDKymxVgbEEHgg8j28DXpOoK1B8uuB5Q&#10;H/Utb/b8j/ifduI6oO1z8wD+zH+brh7r091737r3XIcqw/p6v+I/4n3Vsin5/wCTqhwwPrj/AC/5&#10;OsMn491j6v1j9ude697917r3v3Xuo/v3Xuve/de697q/Dqyceve2enuve/de697917r3v3Xuve/d&#10;e697o/Dr3WJ/r/sPfk4dOpw64e79X697917r3v3T44de9+63172wePXuve9de66P0P8Are/de6we&#10;/de697917r3v3Xuve/de6xyfj37r3WP37r3Xvfuvde9+6eTh1gP1P+v791brr37r3XvdX4de697Z&#10;691737r3Xvb3l+XT44de9s9b697917rg/wBP9j7917rF7917r3v3Xuve/de697908uR1720/Hq3W&#10;A/U/6/twcOtHh11730x1737p7y/Lr3v3TPXvfulHXvfuvdYU/UPdX4de6ze2evdcX/Sfdk49WTj1&#10;h9vdPde9svx69173Xr3XvfuvdR/fuvde9+691737r3Xvfunxw6j+/db67H1H+v7917rP7917rHJ+&#10;PfuvdY/fuvddN9D/AK3v3XusHv3Xuve/de69790+OHXvfut9fYu/ljf9u2P5ev8A4o71N/7wWA9x&#10;JuX+5Ev/ADUf/jx6nfZ/9xIP+aMf/HF6PF7RdGP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fIE+SHmxydD7Sk1I&#10;Nq/HXbbNTEn0SZxq7dDll1HTIRnFDXCtZVUj0g+8krHu8RvWRs+oFB1gvu9V8Fc4hSoPk2QceRwK&#10;9Fq9ruifr3v3XujAfImJcZuPr7ayzCY7S6P2dQzBbWjnyODpdwVUQIvfxVWZkUnU3qB/T/m0RWOV&#10;Zv4ncj7K0/ydG27mjxoeKRIjD5gE/wCAjov/ALW9FPXvfuvdGN+VLLTduybYjTxQbA2BtLr5IrWK&#10;yYfa+JpKwMNbjUa9Jyeeb3a7FiUW35j1ebMzH82PRvvfZP4flGqovH4aahxJ/i6Ll7W9FHXOOOSa&#10;SOKKN5ZZXEcUUYLMzMbKqqLksSbADkn34mnW1UsaDJOABxJ6Hr5QO0Xeu/MI0iSDZM1B1qnjKFQu&#10;18XRbeCjR6fT/DLfk3vqJa5KOwFIVJ86n9pJ/wAvRnvLK1y+nh2gfKiio/I16AL2s6K+puMx9Rls&#10;jj8VRqrVeTrYsfSq1wDJNIsaAkAmxZh+D/re6uwQEnyFf2dOQxGd1QcWIUV4VJp0KfyByNFk+7u0&#10;5cXM9Rh6Pe1fg8HPIwcvQY2dsfQtqHBvSUsdrXAHAJtcsWS6IlHyB/bn/L0t3aUzXMjEU7tP+89v&#10;86dA/wC1PRd0qdjbbn3jvbZ+0aZJJKjdW6cftunjhBZ2euq4aVFVV9TMWlAAHJPA9tzP4aM3oCf2&#10;CvSi0jEsqK3AuoP2EgHqf2buRd49j7+3ZGI1i3LvPJ52BIQoRY6utmnjSNUARY0RwqKoCqoAUBQB&#10;7rbp4car6KP206tfP4k0jA1BdqGtaipp/Lh0h/b3SXr3v3Xuve/de6tl78YV/wDK++L1c9NEaik7&#10;HioVnRbskSQbvhI1m7KspgjLi4BYLxwtiKzxdyfY3+FT0J9zq1nF8hHX/nHTqpr2e9Bjr3v3XurT&#10;f5h1BHH1F8HcmHcy1fTklA8ZtpC02M2tIpHF9TGqYHm1gLfm5JtHxS/6Yf4W6FHMn+h/7f8A586q&#10;y9nfQX697917qzjvkD/huT4kH8/3zyf/AFuz/sktP9y5PsP+FehPuR/xKL/m1/1bbqsf2d9Bjr3v&#10;3XurD/5fFV9jXfJyt0eX7P4xbhqvFfTq8b0r6dVja9rXsbf0Psm3gVEY/pdCjlrjIfQof+PdV4ez&#10;noL9e9+691737r3Vif8AMFFRSf7K1h5vCf4b8acGTJFc3dtcT2JtdP8AJxp9IPJv9QATbPnxD6t/&#10;n6E/MmPDHoZP+fOq7PZz0GOve/de6PV/LeAPy46/uAbYnOkf4f7ha4f70fZXvH9iftHR5sH9s3+k&#10;P/Hl6JZuD/i/Zv8A7W9T/wBbn9mEPwL9g/wdFt9/byf6d/8Ajx6aPbnSXr3uj8Orpx6O11uP+cGP&#10;kkf+/mbSt/1O9lEv+5Kf6U/5ehJb/wDJPl/0/wDli6JL7MuiDrE/1/2Hv3Xusg+g/wBb37p8cOje&#10;/JZvuut/iVkZAFnk6KXGMEvp8dHlq6OI2NzrKsSxvYn6ADj2X2fxyD+l/lPR7uv9lAf6H/PkfRQP&#10;w3+t/wASfZh0QLxPWL37q/QrdEV64vu/pzJOJGjoO09v1cqQ8MyR5akZ1W5Auygjk2N7Hj2xcisb&#10;/wClb/AelVjXxo6fxqP2kDrj3lQrjO7u4cakjSpj+1NwUKSsLFhFl6uMMQOASFv7Ztson+lX/AOt&#10;3+Z5P9O3+E9BPL+tv99+Pa3pGOHWP37rfRjOsQa3oT5M4wLrakpdobsVdNzejzr45iCDcFY80xNw&#10;V0hiSCFuinxNEf8ATj9q9GtmK21x6/pf8eJP+Dou8f8Ab/5Zn2rb/Ieixf8AKOsL/pPtnp7rD791&#10;7od/kZ4qvsOi3FCytHvLrram7m0lTaas25jDVhiryev7xJdQJBVrrbi5S2mE0/wsw/mejPdu+USf&#10;78RXHyBFPU+nQGN/m4z/AMGH+83/AOJ9rDwHRUOJ/LrH7r0oTh0N2zA+Y6U7lwXjMzbfyW3Oxaa1&#10;rxLBVVWCqmH9orIM7DrA+gjVuApPtFP2yKfUEf5f8nRnb/qW8qnOkoyj5k0J/Z0CaW1rf6FgD7UR&#10;mjDorkFVPXH3U46sM9CP1DlqLDdmbMqso8iYapzceFzzxfqGOyQbH5DTfgn7Kql4PB+lxe/ti4XU&#10;h+yv7M/5Ol23SeFOh450/wC9DT/l6Q+bxlThMrlcNWDTWYjIz4yrXkWkp5WikFjyLMh9qg2tQfUA&#10;/t61LH4TFT5Ej9hp02NykZ/oCt/9Y3/4n3U8B0mTDMPsP7RT/J1zpZpaeeKogkaKeCRZoZUNirqQ&#10;ysD+CCLj3QiuOnlYoQRxBqPtHS/7VhhO88hl6VIo6PdlPTb0pY4BZIxl6aLIS06D8faVE8lOQLgN&#10;EwBIAJatz209Kr+w06X3agSFgCA4Div9IV/w16DxeVcf7Tcf7A/8U9qB59IpMFT86ftH+enXD3Xp&#10;3r3v3XuuS/qA/r6f9v7rXu/l+3qknD7M/sz1hk/HuqefV+sftzr3Xvfuvde9+691H9+691737r3X&#10;vdX4dWTj172z091737r3Xvfuvde9+691737r3XvdH4de6xyfj3qPpyPrH7c6c697917r3v3T44de&#10;9+63172wePXuve9de66P0P8Are/de6we/de697917r3v3Xuve/de6xv9Af8AH37r3WP37r3Xvfuv&#10;de9+6eTh1gP1P+v791brr37r3Xvem4de697Y691737r3Xvb44dPjh172x1vr3v3XuuD/AE/2Pv3X&#10;usXv3Xuve/de697917r3v3TycOve2n49W6wH6n/X9uDh14566976T9e9+6e8vy69790z1737p8cO&#10;ve/db6wp+oe6vw691m9s9e64v+k+7Jx6snHrD7e6e697afj17r3unXuve/de6jnjj37r3Xvfuvde&#10;9+691737p5cjqP791brsfUf6/v3Xus/v3Xuscn49+691j9+6910fof8AW9+691g9+691737r3Xvf&#10;un14de9+6319i7+WN/27Y/l6/wDijvU3/vBYD3Em5f7kS/8ANR/+PHqd9n/3Eg/5ox/8cXo8XtF0&#10;Y9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8gD5dusXyI7Gwscwmg2ZU4/rqnZf0hNt4mgwKhR44hYfw78Itzc8k&#10;3OSe3D9FT61P7ST1grvjarp6cO2ny7Qf8JPRbva3op6m42gqMrkKDGUihqvJVsVBSqb2MkzrGgOk&#10;MeWYfQE/0B91dggJPkK/s6chiMzqg4sQor6k06GT5L1lJV9/9ux46Uz4zD76rtr4mY/2qPDynFUj&#10;Dk8Gmo0t9Ba1lUekJ7FdMK/ZX9uf8vS7d5vHuZG4Z0/moCn+Y6A72q6Lelx1jth969k9fbOjjM0m&#10;7N7YrbaxAA6jXV0FNazArz5fzx/Xj21cNoRj6KT/AC6VWSB5owRUF1qOOKiv8un/AL33QN7d2dub&#10;uRg0O4uyc3l6SxUhYJsjUPAgZfSwSEqoP5Avck390tE0RIP6I/wdX3Fi88lTWjkfkp0j+QHQUe1H&#10;SLoWehdtwbw7t6l21VvFFQZjsXD0uUmnF0jo/v4GrJZLso8cVKsjtdlGlTdlFyE92/hxOf6J/aRQ&#10;dLtsQyXEYHEMG/Je4/yHSN3tuGbd2893bsqXeWo3Puev3DUSSX1M9bVS1Ls17G5aUk+3IU8NFX0A&#10;H7B0zdyCWV3XgzsR9hJPSY9udJ+hq+OdNTzd4daVlZTmroNt7lj3vk6YEKJKTAJJm6tWY8BDTY99&#10;X503tzb2lvm0xNTzFP8Aesf5ejLaIhNcxgmmdX5qCw/mOgerKuoyFZV19XIZqqtqZKuplb6tJIxd&#10;2P8AizMT7UqoQADyx0glkMrF24sST9pNeo3vfVOhi6IX7fsSn3AzrEuyds53fscz3stRhsJX5CgH&#10;AY6pclBTxJxYPIpYqoZglvcx6f4iq/tYf5K9Gmznw5/EpURq7tw4BT6/MjoHfaror697917r3v3X&#10;uve/de6tn7Jeap/lNdETSFpGi7QqIi1vokeZ3hDGDYWAVQq3/PF7k+yKMBb1vs/wqD0KGcybfU5w&#10;B+QkAH8gOqmPZ70F+ve/de6td/mJgDo/4IH+vVNZf/z0bM9ke0fHL9o/wt0JuYzXw/8Ab/8APvVU&#10;Xs86DPXvfuvdWd/IVVof5eHxBx80sZqqncmRyUMaajeJmy8hNyoF0FTGGH9TxcC/skszW7k+w/4R&#10;0Kd0WllF/wA2v+rbdViezvoLde9+691Yb8Dft6bAfL/Lzhz/AA34vZ8to5PjMMksgC8AsfAtv+N+&#10;yfdQWaIDzf8AzdCXYJBCkztwGgn7AHP+TqvL2cdBrr3v3Xuve/de6sZ/mRrJQ776HwUoRnxPxswC&#10;vPGTZ2NZlYWsCAQoNNcH6nVyBb2T7MOxj6uf5Af5+hHzHLWVUpwDN/vRp/z71XN7OOg51737r3R9&#10;/wCWpSio+WO0JS5X7Hbmbqgtr6r42eHT9eOJr35+lvz7Kt4NIf8AbD/L0e8visrf80z/AMfToiNb&#10;VPXVlXWyKqSVlTJVOiXsDI5cgXubAnj2ZqukAegp0TTSeM7OfxEn9pr1G926b697o/Dq6ceju9bq&#10;w+CnyQfS2luz9pqGtwSJlJAP9RqF/wDXH9fZRL/uUn+lP+XoSW//ACT5f9P/AJYuiRezLog6xP8A&#10;X/Ye/de6yL+kf63v3T68Ojd/I3/mVHxG/wDEN1P/ALuqz2X2f9pL/pv8/R7uv9jB/pP+fI+ihfhv&#10;9b/iT7MOiBeJ6xe/dX6V/Xs8tLv7Y9TA5jnp934yeGQWurpWwMrC9xwRf21P8Df6U/4Oldh/bx/8&#10;1E/48OhK+UMTQ/I3uxGiMRPZuXl0sum4krJZA1rDhw2oH8g3/PtJZf2a/Z09uwpcP+X/AB0dAFL/&#10;AJxv9h/vQ9mHRaOHWP37rfRi+hStVt35GYeQpau6DrchCragWlx2cwNcAGHA0xRSMQeG0gX5sUV4&#10;Mxn/AIYB+2vRttbErMvkYmY/7UY/490XZf7X/Bfaw9FP+x/hHWN/0n2x0o6w+/de6Hbt7x1+y/j5&#10;uCN9TVvU0uBq1LaiJsRuPO0gDfuOUP2vgstlGjS9ruQEtvhnX+lX/egD0Z3/AOpHDJ6po/5x4/y9&#10;AaT+0o/o5/3oe1nl+fRVXP5dY/delCcOhu6KtXZvfW1y+k7x6j3LiYYze0k9Fj3ztJHYEXL1mIiC&#10;/wC1abAtYFHeCgVvRgf50/y9Ge29zOnm8bqPtIr/AJOgRHHPt0GnRaRXrk/DN/r8e7Pgn7eqxmqj&#10;7OulZlYMpKsp1Ky8EEfQg/gj3TpwGmR0KndpFXv/ACO41YSJvjF43fzSgW1T5rH02QrVP9XiyE88&#10;TkcF0Yjj3S3xHp/hJX9hp/g6NNwFZNQFA4Vh+YH+WvQTDmI/7S4Nv9cf8a9u+XRacP8AaP8AAf8A&#10;Z64p+oe69O9CTuT/AHK9d7BzN1aowVXk9i1gUepYYpky9DJIf7RmOVqo0JuQlNp4VUHthO12HrRv&#10;8h/wDoxb9SFHz2koT/xofyJ/Z0G8f6x/Q+k/7Hj2oXj0imFVPyz+zPXD3rq4Neve/db697afj17r&#10;jN+oH/Ver/b29uDifnQ/t6pHwp6Y/Z1h976v1737r3XvfuvdYD9T/r+/de669+69173VuHVl49e9&#10;s9Pde9+691737r3Xvfuvde9+69173R+HXuscn496j6cj6x+3OnOve/de697908nDr3v3Vuve2Dx6&#10;9173rr3XR+h/1vfuvdYPfuvde9+691737r3XvfuvdcH+n+x9+691i9+691737r3XvfunU4dYD9T/&#10;AK/v3V+uvfuvde96PDr3XvbHXuve/de697fHDp8cOve2Ot9e9+691xf9J9+691h9+691737r3Xvf&#10;uvde9+6eTh1720/Hq3WA/U/6/twcOvdde99J+ve/dPeX5de9+6Z69790+OHXvfut9YB9R/r+9Hh1&#10;7rP7Y691xf8ASfdk49WTj1h9vdPde9tPx69173Tr3XvfuvdYD9T/AK/v3Xuuvfuvde9+691737p5&#10;OHUf37q3XvfuvdSPfuvdY5Px7917rH7917ro/Q/63v3XusHv3Xuve/de697908nDr3v3VuvsXfyx&#10;v+3bH8vX/wAUd6m/94LAe4k3L/ciX/mo/wDx49Tvs/8AuJB/zRj/AOOL0eL2i6Me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NL2XuR95djb/3fJJ5n3XvbK7keYkHWa6vnqi1wzA6jLf6n/XP195NwLojUeigfsHWB&#10;F6weaQrwLsRT0LGnSJ9u9Juhu+NmMoct371BDlYjNh6Lf2Oz2ciH5oMZULka7UdSaU+0pZNTalCr&#10;diwAv7S3r6InPyp+3H+Xox2mLxrmNQad2r/eQW/ydBHmcnPm8xlczVc1WXyU+TqSbH9yolaV+QFB&#10;9Tn6Af6w9qEXQoX0AH7Okc8vjyM/DUxan2mvTb7t010Y/wCJkZg712ruQsscPX2JzvaE08mkJH/d&#10;rA5LNxM+sMuk1FDGpuCPVzYXIRbif0iPNiqj51I6NtkH+MKx+FQxY1pQaSK/tI6LkzM7M7szu7Fm&#10;Zjcknkkk8kk+1oFOioksanrj791rowXxs8FBvfc+7alS0Ww+ot37phsdNqz+79dj8W1/oCmWyFKw&#10;vcXA9L/oZFfZQL/E6r/Ov+To32bslaUcY43kA9aClOB8j0X32t6KOve/de6HTpLyYyk7m3ijxwtt&#10;PpTL08U0gufJuOeh2eY4/wAiV6fcMxBHIRXY+lW9pLruKL6uP2LVv8nRpttEErsMCJgDTg7UC/ZX&#10;I/b0BftX0V9e9+690MnXlsX133fuR4yTNtjF7Bx9R/xyq8vmqSua305lxWCro/z6Xbj8hJP3SRr8&#10;y3+8j/OR0aWP6cM8gNCEVKeokbP8l6Bv2r6K+ve/de697917r3v3XurYdwVs9X/KX2PBLo8eL7Xm&#10;oqbSLHQ2bzFSdXJu3kqG544sPxckQ/3OP2f8+dCgCm2n7P8ArMOqnvZ70F+ve/de6tg/mKrp6P8A&#10;gf8A49U1v/uo2Z7I9o+OX7R/hboS8xcU/wBv/wA+9VP+zzoNde9+691Zx8ooZaf4L/CmOZGikeLI&#10;zoj8Eo8etGA/1LI6sD/Qj+vsjsf9ypfz/wCPDoV7qa2MX/Nr/q03VY/s86CnXvfuvdWG/C2T7Dpf&#10;5z5daPzvF0DLhRObgIuRgy0DDUAQCQusKeW8XHAJBTuP9rD/AKf/ACr0fbSKwXA/oV/YsnVeXs26&#10;Ieve/de65KrOyois7uwVVUXJJ4AAHJJPvxNOtgFjQdWLfzP2SH5GYXCw1Pnpds9S4XBUaMULxRJP&#10;kZ1jkKBSXPnMh1C9nFrLpAKNl/sj/pz/AIB0f8yZnU+sY/4+/Vc/s36D/XvfuvdH9/lvXp/kDmMt&#10;ExjqsB1JuHMUU3BVJUigjV3BBVlAlPB4va/sp3n+yH+nH+A9H/LuZmH9D/n9OiBezbog697917r3&#10;uj8Orpx6O7tRHH8v/taQqwjb5C4ZFcg2JGMjJAP0JAYXH4uP6+yiT/cpP9If8vQkt/8Akny/6f8A&#10;yxdEi9mXRB1if6/7D37r3XNP0j37p5OHRvfkd/zKf4i/+Iaqf/d1W+y6y/tJf9N/n6Pt1/sYP9J/&#10;z5H0UID6j+v/ABU+zHogXiesPv3V+nfb7tHnsI6MyOmXpnR0JBBEyEEEcgg+25vgb7D/AIOlFp/a&#10;p/p1/wAI6Hb5cf8AZTHc3/h81P8AvSe0Vj/Zr/q8+lm8/wC5L/Yn/HF6LdL/AJxv9h/vQ9mPRUOH&#10;WP37rfRivjWBUbk7JxN0LZvoPe2PijlF0aRMDVVcWo2OnRLSrIG/DIP9b2ivjpCn0kU/z6N9oUu0&#10;qji0LgfmV6Lun6h7WHh0Uf5x/h6xv+k+2OlHWH37r3Q67qVa74+dPZJX1SYffu79qzhifSvh25k4&#10;VUFRxfISsbErdhYai3tLH2yv8wp/ZUdGU58S2iI/AXU/ax1f4OgOA/aY/wBJB/vR9rPL8+iuma/L&#10;rH7r0oTh0L/QGQpsb3Z1bNWkigqt7UGHyViw/wAlr51oakHT6tJgqHuBe4uLG9ilvBVD9hP7M9L9&#10;tk8KdD86f70NP+XoMcvjpsPlspiKi/3GKyM+OnuLHXBI0TXFzb1KeLm39T72p1AH16TTR+E7L6Ej&#10;9hp1Af6/64B/3ge3JOP7Ok8fD8z/AIT1x906c6FbfR/ifXnUGfCeqlw+V2HVz/8AHSfF5STIpqP0&#10;1xUGepY/+CKl+eTRO1nHzDftH+cdGtz3xxNWpoyn5BTj+R6CVOVkH+03H+wI9urwPRbJgqfnT9oP&#10;XFP1D3Xp3oTNsH+J7E7IwBKa6Knxu/KMNfU0mOq2xs0cZ/BNJnJZnB9JWnufUqD2xJ2up+1T+Yr/&#10;AJOjC0/UjkXJICuPQaTQ/wAm6DH2/wBJznrnJ+tv8TqH+x597bj03CaqPlj9mP8AJ1w966c697af&#10;j17rqTmND/Qlf+J/4n3dcgH7R1RcMfyP+T/J1g926v1737r3XvfuvdYD9T/r+/de669+69173o8O&#10;tjj172x0/wBe9+691737r3Xvfuvde9+69173V+HXuscn491j6cj6x+3OnOve/de697908nDr3v3V&#10;uve2Dx69173rr3XR+h/1vfuvdYPfuvde9+691737r3XvfuvdcH+n+x9+691i9+691737r3XvfunU&#10;4dYD9T/r+/dX669+69173o8Ovde9sde697917r3t5OHTycOve2erde9+691xf9J9+691h9+69173&#10;7r3Xvfuvde9+6eTh1720/Hq3WFv1H3deHXuuPu3Sfr3v3T3l+XXvfumeve/dPjh1737rfWAfUf6/&#10;vR4de6z+2OvdcX/Sfdk49WTj1h9vdPde9tPx69173Tr3XvfuvdYD9T/r+/de669+691737r3Xvfu&#10;nk4dR/furde9+691I9+691jk/Hv3Xusfv3Xuuj9D/re/de6we/de697917r3v3TycOve/dW6+xd/&#10;LG/7dsfy9f8AxR3qb/3gsB7iTcv9yJf+aj/8ePU77P8A7iQf80Y/+OL0eL2i6Meve/de697917r3&#10;v3Xuve/de697917r3v3Xuve/de697917r3v3Xuve/de697917r3v3Xuve/de697917r3v3Xuve/d&#10;e697917r3v3Xuve/de697917r3v3Xuve/de697917r3v3Xuve/de697917r3v3Xuve/de697917r&#10;3v3Xuve/de697917r3v3Xuve/de697917r3v3Xuve/de697917r3v3Xuve/de697917r3v3Xuve/&#10;de697917r3v3Xuve/de697917r3v3Xuve/de697917r3v3Xuve/de697917r3v3Xuve/de697917&#10;r3v3Xuve/de697917r3v3Xuve/de697917r3v3Xu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Lf7yg65/wDXvfuvdGB+OxbG57sfeAgEw2R0fu3KK7i6wzZTFybZo5ySdKmKuz0JQm95&#10;NAX1lSEd7lVX+J1B+ytf8nRttHa7vwKRO6/6YAD/AAE9F+9rOinr3v3XujIdFhcRsf5K71dpEbDd&#10;Mf3UxzRhTeq3LnsPiHW7XA1YuSuuBYlQxB9OlkN33PGnq+r/AHgE9G+2/pRTy+Qj8Mj/AJqGgPHy&#10;I6Lf7XdFHXvfuvdGG6zabB9H/I3dKaYhmqDbPUsNQ1wS2WzQ3BLHF9Ls1PtFw/1ARiCLshCKfvlj&#10;X01MR9goD+09G1n+nbzvwNEVT6gnuH7OPRefa3op697917oc8F4sN8d+wsgxlWv3r2Zt/adBawRq&#10;LF0WXymUDG92YVc+KIFrAXJN9PtG/fOo/hVm/aQv+fo2hrDZyNikkiIfUaAXr+fDoDPazop69791&#10;7oZ6wNhfj9g4BLofsHtetylVSi92g2xiqWloKhx9CrT7myEcf1IMc3ChgWSjvmP9FAPzY1/wKP5d&#10;GbgRWigrl5SwbGVRdNPXix/n0DHtV0Wde9+691737r3XvfuvdWs5SOR/5Tm23RHZYu35JJGUEhV/&#10;i1et2I+g1MBc/kgfUj2RD/c78v8AnzoUj/km/wC1/wCs/VU3s96C3XvfuvdWn/zGJqyLrX4T4apU&#10;RpjeljN4rDUs0tBt2KYFhe4tSoB+BY2+vsj2fLSn5j/C3Qn5jFPD+2T/AJ86qw9nnQY697917q0L&#10;5pU7474l/AmhqmRaqo69qcnDEpuTDNjNvzq3+wSpj1f0LW9km3itxMfmf+PHoS7o4+kiFckRmn2R&#10;0P8AhHVXvs76DXXvfuvdWH/Fx/4Z8QPndlfuXi+82/tbD6YwbjXVZWG2oG5Wb73QwsABe5IJsT35&#10;rPCPQ1/mP83Qk2iPTbTvXirLT/SoT/z9/LqvD2cdBvr3v3XulJs2k/iG79q0Gpk+93JQ0mtRqI8t&#10;VElwvFyNX0/Ptqc0Rj/RP+DpXYCs8Y/4Yn/Hh0dP+ZbV/cfLbesACD+H7fwdJ6TcnViqaouw/B/f&#10;tb+lj+fZfs4pD/tj0ZcwNqmX5Rgf8ac9EI9mvRF1737r3Vgn8voCkz3ySzRJcYv4r7nBphxr1TY2&#10;X9f9m321vob6r8WsSjdzVUX1cf4D/n6EfLkVZGkr8IAp61Nf+ff59V9+zfoOde9+69173V+HVk49&#10;HqhUUP8ALgrDO6/7mflwpowlzym14wVbgBTalc/kWtzc2BOe66FPJM/tP+foRIPCsWr+N+38iP8A&#10;oA9EV9mXRH1if6g/4e/de65p+ke/dPJw6OF8m1ipOufiRjlaSSSPoWLKO7AAWrcpWyhRySSjKwPA&#10;4sfyQC6y+OX/AE/+fo83Q/pQD+h/z5H0T/2Y9Ea+f29R/furdOuB5zmGH9ctT/8AW5Pbc3wN9h/w&#10;dKLT+1T/AE6/4R0Pfy7Qx/JruZSVJ/vvUNdGDCzLGw5UkXseR9QbggEEe0Vh/Zr/AKvPpZvP+5L/&#10;AGJ/xxei1y/rb/ffj2Y9FQ4dY/fut9GL+KxEnb8NC6hqfKdebzx9UpuD422fnXOkggqSYxz/AEv/&#10;AK/tFuArET6FT/xoD/L0bbK5W4A/iBB+ylf8nRdk/UPaw8Oin/OP8PWN/wBJ9sdKOsPv3Xuhyj8l&#10;V8aqv9TRYLvKnuA/CtlsBU/WMm93GF4Zf9QQ39j2m/0b/af4G/2ejOo+jp/w7/nzoEV/zTj/AGpf&#10;+J9qxwPRUeI6x+69KE4dTcZXS4vJY/JwczY6uirofx6oZFkXmx/K/wBD/re2pRqFPt6eik8J1b0I&#10;P7DXoVPkHj6fGd39qwUalKKo3xkMrQKQVtT1071sAAYKwAiqFtcfS3J+pS2zao1Py/wY6VblH4U7&#10;j51/3oBv8vQQN/Z/4L/xr2qfy+wdFyef2n/P1x906v0K1MGyfR2ei1uzbQ7Mx9fDAbWWLOY2ugqp&#10;V4vxLg6RG5/tpweStJO2UH1Uj8wQf8vRqp127AD4XDE/JgR/hHQSxfqI/qpH+8H26vH9vRbNwr6E&#10;H+fXFP1D3Xp3oSuqWWXfmHw0jRLFu2Cs2O5nNow2bop8XFI5PpXwz1aShjwjIrnhfbFx8BI8qN+w&#10;16X7cR4gUkgNVTT+kCP8NOg1ZWRmR1ZHRirowsQRwQQeQQfb/TJFMHrt/oh/qtv9tx/xHux6ZjwW&#10;Hz/w0PXD3Xp3r3tp+PXuvMLo/wDtNm/3m3/E+7RnBHTbYYH7R/l/ydR/d+nOve/de697917rAfqf&#10;9f37r3XXv3Xuve9Hh1sceve2On+ve/de697917r3v3Xuve/de697q/Dr3WOT8e6x9OR9Y/bnTnXv&#10;fuvde9+6eTh1737q3XvbDcevde966910fof9b37r3WD37r3Xvfuvde9+691737r3XB/p/sffuvdY&#10;vfuvde9+691737p1OHWA/U/6/v3V+uvfuvde96PDr3XvbHXuve/de697eTh08nDr3tnq3Xvfuvdc&#10;X/SffuvdYffuvde9+691737r3Xvfunk4de9tPx6t1hf9R93Th17rj7t0n69790+OHXvfumOve/dP&#10;jh1737rfWH+3/wAhf8T70eHXus3tjr3XFv0n3ZePVl49Yfb3T3XvbT8evde90691737r3WA/U/6/&#10;v3Xuuvfuvde9+691737p5OHUf37q3XvfuvdSPfuvdY5Px7917rH7917ro/Q/63v3XusHv3Xuve/d&#10;e697908nDr3v3VuvsXfyxv8At2x/L1/8Ud6m/wDeCwHuJNy/3Il/5qP/AMePU77P/uJB/wA0Y/8A&#10;ji9Hi9oujH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e/de697917r&#10;3v3Xuve/de697917r3v3Xuve/de697917r3v3Xuve/de697917r3v3Xuve/de697917r3v3Xuve/&#10;de697917r3v3Xuve/de697917r3v3Xuvi3+8oOuf/XvfuvdGD6/E+G6D+QW5VYRJn63afVCyWGqQ&#10;ZDI1e5ZY0Y8gD+6MZfTzYqD6Wb2im7pox6amP7KD+Z6NbWkdrMxwWMaqfU1qw/ZxHp0Xz2t6Kuve&#10;/de6MrjFXAfEfdld4olq+yu+MTt+Cd7l2pNr4TIV1YifhVFVuKiJN7MRYglVKoW77gD+FCfzY0/w&#10;Do3j/SsmI4vKEbjlVGoU8uIP8+i1e13RR1737r3Rhs0Y8F8Xti48SMK3sPuPN7pq4FPpNFt/F4zG&#10;Y6VhewJq8tk1WwPCte3F0Sd87H+FAv5sSf8AJ0bS/pWSKfxyM4PyUaCD+eei8+1vRT1737r3Q8dg&#10;l8L0t0LtfWF/jUe5O16mnUAHVk8om3oTLYkk+DaQZAwGlJNSi0hLI4O+WRvTSo/IVP8AM9Gt3SO3&#10;hTIJ1uw9amin9gwfToB/azoq697917oau3wcVi+ndneMQvtzqWgy1cn9p6jclVW7ojncfhnxmXoo&#10;1tYGKKI2JJZklt3F2Pm5H5LRf8IPRnuJCJDGrVAiDUx2tISxGPy4+VOgV9q+izr3v3Xuve/de697&#10;917q3b/ukX/5Ub/5Z/ZD/wATvy/586FH/LN/L/rN1UT7Pugv1737r3VqH8y2oiOF+JdFqIqqfpda&#10;iaIhgVSWLGIhJIty0LiwNxp5AuLkWy/6J9o/5+6FPMv4P9NJ/wA+dVX+z3oLde9+691aP/MFmSl6&#10;Z+CG3Y42MeG6OEyVTsCXEuK2tAFKhQAVFHcm/Ou1hp5JdqOp5T6sP8LdCLfYhCkSjgAyivyCDqrj&#10;2ddB3r3v3XurEOnpf4R/Lx+WGR8rJLn+wdsbcpgsYPMVfiqiYMxuNL08zj6XU2sbsCCi4Gq7jH9E&#10;n/j3QhtXKbfIVx3kfkwjU/yPVd/s36D3XvfuvdDH8d8Wc3370lif3Alf21t2mmaG2pY2y9J5XXVc&#10;XSPU3N/p9D7T3baYnJ/hb/B0s25S88dM96n8gan+Q6Fr565b+NfLnumsBibw5uixN4QwH+QYjHUN&#10;iGJOsfbWY/QtcqApA9sbYKQL+f8Ax49KN6XTcuP9L/xxeihe1/RX1737r3VgvwxJxvUHzf3IY5Gi&#10;pPj9PtsvfRGsmYiyMERaXSQJQ0RaNODJpZQRa4KdxzJCP6f+VehDs5/QuPXRUfkkh6r69m3Qe697&#10;917r3ur8OrJx6PLu2Rsd/L46nx37US7k+Q2X3Fo+ry/ZY2ooBIOTpCeQoRxf0m35JPHm6f8A0g/5&#10;96ElwP8AdfEf6f8All6I17MuiHrHJ+Pfuvdck/SPfunk4dHL+XUUNDiPiji4vK/j+J+18w8sluTX&#10;y5CdkFgOEcMB/tNvqbn2X2I7pD/wxh+z/i+jfcpNSQr6Rqf2hR/z70TUX/P1H/FPZh0Tp1g9+6v0&#10;7YD/AIvuF/7W1N/1uT23N8DfYf8AB0otP7VP9Ov+EdDx8ugR8mu6B+f79VP/AER7RWP9mv8Aq8+l&#10;m9H/ABhj8k/44vRbJP1t/r+zAdFY/wAg64e99e6ML8VWI742UoPpmpszSzKeQ8c2BycUsbA8Mkkb&#10;srA8FSQeD7Q7jiFvy/48OjbYxW6T/bf8cbovifqHtaeHRT/nH+HrG/6T7Y6UdYffuvdDltWRan4+&#10;9xULsrNQ9gbNztMjj9NqfdNFMyNY2kP3cQsSBp1W/oU0mJUPqGH+A9GVuNdtLXgpQj5Emlf2dAeP&#10;0sPxx7VjgeilviH5/wCDrj7r0qTh1723J1bob/kAqT73wubj0aNz9XbP3AwjKkCWXbOLiqQdPGr7&#10;qGXVwtmvZQLXR23wkejMP5nox3PvkEn8aK32Yp/k6BI/RP8AWt/vJ9q24D/V59FS8T9v+QdcfdOn&#10;OhU698dbtfuDByJrkq+vo8zjrLcrU4vNYmqd7k8D+HfeKT9fUPxcGlzgo39Kn7Qeja0BdJUHDRqP&#10;+0IP+foJov8AOJf6ah7dXj0Wyiqn7D10vD2/ofderg1z1MpK2oxtdQ5Gkfx1VBVx1tNJ/qZInV0P&#10;4+jKD70w1Cnr0/A5jYMOIII/LPSw7So6Wi7E3eMfE0OLrs3LmsPE5DFaLIWr6JSwChiKWpj9QADf&#10;UAA29tQHUg+yn5jH+TpbfJomYcc1/wB67v8AL0hDyi/4MQf94t/xPtR5dF4w5+YB/wAI64e69O9e&#10;9tPx6912OTp/1QK/7cG3+8+9x8eqScK+hB/nn+XUb251fr3v3Xuve/de6wH6n/X9+69117917r3v&#10;R4dbHHr3tjp/r3v3Xuve/de697917r3v3Xuve6vw691jk/HusfTkfWP25051737r3Xvfunk4de9+&#10;6t172y/Hr3XvdevddH6H/W9+691g9+691737r3Xvfuvde9+691wf6f7H37r3WL37r3Xvfuvde9+6&#10;dTh1gP1P+v791frr37r3Xvejw69172x17r3v3Xuve3k4dPJw697Z6t1737r3XF/0n37r3WH37r3X&#10;vfuvde9+691737p5OHXvbb9W6wv+o+7Jw691x926T9e9+6fHDr3v3THXvfunxw69791vrD/b/wCQ&#10;v+J96PDr3Wb2x17ro/Q/63vY49bHHrB7f6f697afj17r3unXuve/de6wH6n/AF/fuvdde/de6979&#10;17r3v3TycOo/v3Vuve/de6ke/de6xyfj37r3WP37r3XR+h/1vfuvdYPfuvde9+691737p5OHXvfu&#10;rdfYu/ljf9u2P5ev/ijvU3/vBYD3Em5f7kS/81H/AOPHqd9n/wBxIP8AmjH/AMcXo8XtF0Y9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8W/3lB1z/697917ofs6sOF+NHXtCGP3++u2dwboq4/x9lh8dh8Zjn+vOqrr&#10;ckv0/sfj8ok752P8KKv5sS3+bo3lrFZRqf8ARJGcfLSNBH+XoAfa3oo697917ozHbpGB6M+MGzBM&#10;vmrtu7j7ZyVMi20y53Oy4mmLm93ZsftmBxcDSH9IIbUyC275ZW+aqP8AajP8z0cX/wClbwRnjpZy&#10;BWhDnUp/mR+3os/tf0T9e9+690Ynv0NhcX0RsMwilbaPR2LyddT3BJq90VVfuxpZOSfK9FmqVCDY&#10;osaxkDQPaKz7zI/q5H5KAB0b7p+ksMY4CIMQeIdydXH5jh0Xb2t6KOve/de6Hf5GD+Hdi0+zlR4k&#10;632Nt7r6anf6x1uOw1GuYUiw0ls5JWOVtdS1jyD7R2OU1fxMzftJ/wAgHRtvNUmEda+GiID6gKD/&#10;AJegI9rOinp0weIrNwZrD4HHRmXIZvKU+IoIgCdU1TKkMS2AJN3cDgX91d/DUsfIE/s6dgiM7qg4&#10;swUfmadL/u/LY/Ndt9gVWGd5MFS7lqMHtx5PqcZjCMdjb/0P2NLFx+Ppc2v7Ys00RKPlX8zn/L0s&#10;3aXxrmQ0pRtP+89v86dBZ7U9F3Xvfuvde9+691737r3Vr2Ulkj/lLbcWOR0WfuGSKdUJAdBlq9wr&#10;gfqUOitY8alB+oHsiH+535f8+dCkf8k3/a/9Z+qofZ70Fuve/de6tX/mrFqbfPROIqIpYK7HdNQm&#10;rikFtJasmi0nn9avTsGH445P4I9kGHPzH+XoUcyGvh/bJ/z51VR7POgv1737r3VoP8zYmhzPxv26&#10;ZZZWw3RFCS30jOuUwa0XUdLN9p6uPpoFzbgj2UYc/Mf5f8/Qp5lNdH+mk/586q+9nnQW697917qx&#10;SivhP5YWY9c0Y3f8olWxkCq4ixNKbBRYugOLvoa51KX+iixOx13o/op/kP8An6EaIItvY/x5z6iQ&#10;DH5J/h6rr9nHQc697917o0vwmxDZv5W9H0Sx+Qw7zTLadJawoKeori1l5GgU2q/0W2o8A+0O5GkD&#10;/YP8I6NdkNLlPsf/AI43SS+UeVTNfJHvbIRyrPC3bGepoJ0cSK8dPkqinjdHXho2SIFLXGmwBPty&#10;xXRCg/og/tz/AJemt1l8a4c8M6f95AX/ACdAP7VdF/XvfuvdWFfHtDhvg982txgFTlJ9obb8igsT&#10;/uU8JWzegADKfUeoBiT9E9lF333MS+lT/l/596EW36YbOWQ8TqT/AIyAP5v1Xr7N+g71737r3Xvd&#10;X4dWTj0e7vNI8R8KfhdiV0JLmchvjcNR40A8jLmI1R3a2rXHDVog5swH9FFie37riQ+mkfy/2OhF&#10;efpWkUZOSQw+whj/AC1j7eiI+zLoj6xyfj37r3XJP0j37p5OHRyfmrI8e9OocO8sbHbfxu2bhBBC&#10;LJDpopagxJZVut6guP8ABrcWsC7bcox9Xb/J0eb4uiVR/QH/AB5h0Tj2Y9EacOo/v3VulBtKl+93&#10;Vtmj1+L7vcNFS+S2rT5KmNNVri9r3tcX/r7bmwjf6U/4OlNmKzRj+mv/AB4dDV8tJ46n5Md1SREl&#10;V7ArYCSCPVE4icc/0dCP8fr7R2H9mv2f5+lO8Gs7fYv/AB0dFvf9Tf8ABj/vfsw6LeuPv3XujC/F&#10;X/mfWxP9bK/+6XI+0e4CsLfl/wAeHRtsf+5Sf7b/AI43RfE+t/6C/tWein/Y/wAI6xt+k+2OlHWH&#10;37r3Q1bBBm6m77p7NIKfEbey5jAJCeLP01J5jb6BfvvHc/mW31I9ppf7RP8Abf4OjO1P+LT/APNr&#10;/j56Bcfpb/Ye1Y4Hoob4h+f+Drj7r0pTh1723J1focO4l+42/wBEZpSzplOmIKWSQur/ALuNzuex&#10;jICAGskVJGLMPTfQCQvCOAaS4/pE/tAPRjfnWsTeXhKtfmta/wCHoET+lf8AXI9qzwH59Fa/Efy6&#10;4+6dX6FTphlk33FinVZE3NtjPbSEbaeZcpgsjQ0xBYEB0qp43TgnWq8H6Gt5hK+hU/sI6NtuXxJQ&#10;laBlZT+an/L0Ei8EH+h93GOkDCoPWQi0rD/aj/xPvzcT1SI1UfYP8HXUn4966UR9CR2LrraTrncL&#10;yGV871zRU8zNyVbDVFZt6ONjyLrS4mEqPxG0Y49sQ4LD0Y/zof8AL0vuqMI2ApVAPtKkqf8AB0Gw&#10;/Q4/oQ3+9j/ifakcD0gbDD7CP8B/ydcPdenOve25OvddE6Srf6lweP8AD3qPj1phqBHr1icaXdf6&#10;MQPbxx1pG1AH5dcfeurde9+691gP1P8Ar+/de669+69173o8Otjj172x0/1737r3Xvfuvde9+691&#10;737r3XvdX4de6xyfj3WPpyPrH7c6c697917r3v3TycOve/dW697Zfj17r3uvXuve/de6j+/de697&#10;917r3v3Xuve/de64P9P9j7917rF7917r3v3Xuve/dOpw6wH6n/X9+6v117917r3vR4de697Y6917&#10;37r3XvbycOnk4de9s9W697917ri/6T7917rD7917r3v3Xuve/de697908nDr3tuTq3WF/wBR92Th&#10;17rj7t0n697908vDr3v3TPXvfunxw69791vrD/b/AOQv+J96PDr3Wb2x17ro/Q/63vY49bHHrB7f&#10;6f697afj17r3unXuve/de6wH6n/X9+69117917r3v3Xuve/dPJw6j+/dW697917qR7917rg/0H+v&#10;7917rF7917ro/Q/63v3XusHv3Xuve/de697908nDr3v3VuvsXfyxv+3bH8vX/wAUd6m/94LAe4k3&#10;L/ciX/mo/wDx49Tvs/8AuJB/zRj/AOOL0eL2i6Meve/de697917r3v3Xuve/de697917r3v3Xuve&#10;/de697917r3v3Xuve/de697917r3v3Xuve/de697917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Lf7yg65/8AXvfu&#10;vdGA7014nE9FbIMSU52r0jjMnVxILF6jc1bkd1+eS4DGV6DNUkfPASJAvpA9orPuMjerkfkoAH+X&#10;o23P9NYYwcCJWp6M5Jb9tOHRf/a3op67ALEKoJJNgB9Sf6D37rwFejM/LYrj+3hsaLWIOqOv9r9W&#10;aHsNNThsBQQZMaQSF1Zc1bHn1Mxc2ZiAh27Mes/jZm/af9jo33shZhGOEaKgNa1FNQ/49T8uiy+1&#10;3RR08bewtXuTP4PbtAC1dn8xTYWiUC95aqZIIxYWvd5Bx+fdJH8NS3oCf2dO28XjyKnDUwWvpUgd&#10;Cx8lc1QZ3vntOow8z1GCxm7Z9qbcmchi2MwgXDYw3UKCPsKCG1gOLcD2xYpoiUH0r/vWf8vSzd5f&#10;GuZDSmdP5qAp/mOgP9qui7oT+lNr0m8+3ettsZKaOlxOW3pj4c5Vy/phx6VMctfO1g3pho0lc8fR&#10;fae7fw4mPyNPtOB0v2yIzXEajPcDQ+YXuP8AIdJvfe6avfO99471r2kat3funIbnq2ltq8lfVy1T&#10;6rXF9Up+nH9OPbkMfhIF9AB+wdJ7qUTyu4rRmYivEAnH8ukp7c6Y6Gv4+6aLs/GbrkdIouucPlez&#10;llkUsoqdv4yrymOSwB9VRlKemgS9hrlW7KLsEl7mPSOLEKPzNP8ABXo02hQJtbDUsatIwxwVT6+d&#10;SOgVJLEsxJJNyT9Sf6n2r6Kya9de/de697917r3v3Xuve/de6tlz9HUUv8pLZM8yBY8j23LWUjAg&#10;6o1zWXpySAbr+7A4sbHi/wBCD7Ih/ucfs/586FIP+60/6X/rOOqmvZ70FupmOpPv8hQ0Pk8X3tZF&#10;SeW2rT5HVNWm66rXva4v/Ue6u2gE+gJ6dgi8Z1StNTBa+lTTq0z+bxUu3yG2FQ2TxU/TFFVowvq1&#10;TZzPowJvbSBAtuL3JuTxYo2Rf02P9Kn7AP8AP0db/IS6p5Ba/OrGn/Po6qn9nPRB04YmgfKZXGYy&#10;Pya8jkIaBPEpdrzSLGNKjlmu3A/J491dtCk+gJ/Z09bxePIqfxMq/tIHVln82XJ/e/JfAUKhlTC9&#10;SYyiIL6gXkyWZqi4WwCErUKpHJOgG9rAFOyCkRP9I/4B0b7/AF8VR5aK08ssw/ydVh+zjoi69791&#10;7qxXtVWwP8uL4zYc+ht5dtZ/ek8SxIvNFLmcfEzyai7sYJ1ZTYAowVreNCSiA6ruQ+igf8d6EF0h&#10;WwjqKUcfsbxGH8j1XV7N+g/1737r3R/P5ZuIbJfLfZdYsZf+AbdzmXZgCdAfF1FBqJBAXmtC3Nxz&#10;a1yCCveG0w09SB/l/wAnR3sKB5iT+FCR9upR/gJ6JRvTMHcO8d2Z8v5TnNy1+YMlwdX3NVLNquAo&#10;N9d+AB/gPa+BdCKPRQP2DotvXEk0jDgXYj7CxPSa9u9Juve/de6sIwiJt/8Alpbzq3DLPvz5K0uL&#10;RmFg8NHjaOpRV1MAdMtFMSyAk/pPCkqUOdd4v9FP8/8An6EcaeFtzEn42qP97Ufn8BPVe/s36DnX&#10;vfuvde91fh1ZOPR7Pl5G2H6q+F21WYA0nx+h3YYru2n+OTR1NySAgJENiBypBDEgKfZPY5eU/wBO&#10;n7K9CPdTWGD/AEv/AD5GP8nRE/ZmeiEdY5Px711vrmgJCgAkk2AH+v7908gqOjmfPiP7H5K7m27r&#10;jZdqbU23t1VhQRxqItv46XTGAB6P3ri/0vp+gABftikRVPmSf50/ydHG+yCSbHktP2kt/l6Jp7MO&#10;ideHUf37q3S96rpI8h2f1xQS6/FW79w9JJ4v1aZMhTodPB9Vm44PPtm4NI2/0rf4D0rsP7eP/mon&#10;/Hh0tPkrVfefIrvKXx+PR2zuCl03v/mMpVQar2H6vHqt+L2ubX9sWQ0on+lH8xXre5vrlc/On7O3&#10;/J0A7fqP+v7WjPSPrr37r3Rhfir/AMz62J/rZX/3S5H2jv8A+xb8v+PDo22P/cpP9t/xxui+r/b/&#10;AME/4p7Vnop/2P8AD1jP0P8Are2OlHWD37r3Q4dWvr67+R9Giu88vVmMrFVBf9un3vtMysT+NIkB&#10;/wBa5/HtNN8aH5kftU9L7Y1ilUcSFb8lbP8Ah6BEfpb/AGHtWOB6LG+Ifn/g64+69KU4de9tydX6&#10;G3f0v3XT/QlQzhjQUO5cAoKKrKkWbevA1j1SJqyjEauVYsBxb2ii/tH/ANr/AIP9joyuh/i8B/5q&#10;f8eHQKH9C/8ABj/vQ9rD8I+0/wCTopHxH7B/l64+6dOdLzqzMDb/AGb13nW06MRvjFZKVX/S0cNd&#10;BJIjjUgKOilWBZQVJBIB92uV1RsP6J/wdGNmaSp5dy8PtHSU3Hi2we4M7hXUo+IzNVi3Rr3Bp53i&#10;INwDcFPyL/19tRtqUH1APTc6eFIyjyYj9hp01t/nSf6m/wDtx7efB6SwfCOupPx7p0pj6EbJFa7q&#10;XatQNRqMBvjL4moYkWFPW0mKqqNQtrg+eCtJNyDccKQS7C9shHqoP7CR0YPV4FPkrsv7QG/z9Bwn&#10;0cf1T/eiD7Ur59F0mCp/pf4QR/l64e69O9e9tyde64P9P9j70nHr3XUvLBv9Uin/AHjn/efbx6pH&#10;wp6E/wCHrH711fr3v3XusB+p/wBf37r3XXv3Xuve9Hh1sceve2On+ve/de697917r3v3Xuve/de6&#10;97q/Dr3WOT8e6x9OR9Y/bnTnXvfuvde9+6eTh1737q3XvbL8evde91691737r3Uf37r3Xvfuvde9&#10;+691737r3XB/p/sffuvdYvfuvde9+691737p1OHWA/U/6/v3V+uvfuvde96PDr3XvbHXuve/de69&#10;7eTh08nDr3tnq3XvfuvdcX/SffuvdYffuvde9+691737r3Xvfunk4de9tydW6wv+o+7Jw691x926&#10;T9e9+6eTh1737pnr3v3T44de9+631h/t/wDIX/E+9Hh17rN7Y6910fof9b3scetjj1g9v9P9e9tP&#10;x69173Tr3XvfuvdYD9T/AK/v3Xuuvfuvde9+691737p5OHWA8Ej/AB9+6t117917qR7917rg/wBP&#10;9j7917rF7917ro/Q/wCt7917rB7917r3v3Xuve/dPJw69791br7F38sb/t2x/L1/8Ud6m/8AeCwH&#10;uJNy/wByJf8Amo//AB49Tvs/+4kH/NGP/ji9Hi9oujHr3v3Xuve/de697917r3v3Xuve/de69791&#10;7r3v3Xuve/de697917r3v3Xuve/de697917r3v3Xuve/de697917r3v3Xuve/de697917r3v3Xuv&#10;e/de697917r3v3Xuve/de697917r3v3Xuve/de697917r3v3Xuve/de697917r3v3Xuve/de6979&#10;17r3v3Xuve/de697917r3v3Xuve/de697917r3v3Xuve/de697917r3v3Xuve/de697917r3v3Xu&#10;ve/de697917r3v3Xuve/de697917r3v3Xuve/de697917r3v3Xuve/de697917r3v3Xuve/de697&#10;917r3v3Xuve/de697917r3v3Xuve/de697917r3v3Xuve/de697917r3v3Xuve/de697917r3v3X&#10;uve/de697917r3v3Xuve/de697917r3v3Xuve/de697917r3v3Xuve/de697917r3v3Xuve/de69&#10;7917r3v3Xuve/de697917r3v3Xuve/de697917r3v3Xuve/de697917r3v3Xuve/de697917r3v3&#10;Xuve/de697917r3v3Xuve/de697917r3v3Xuve/de697917r3v3Xuve/de697917r3v3Xuve/de6&#10;97917r3v3Xuve/de697917r3v3Xuve/de697917r3v3Xuve/de697917r3v3Xuve/de697917r3v&#10;3Xuve/de697917r3v3Xuve/de697917r3v3Xuve/de697917r3v3Xuve/de697917r3v3Xuve/de&#10;697917r3v3Xuve/de697917r3v3Xuve/de697917r3v3Xuve/de697917r3v3Xuve/de697917r3&#10;v3Xuve/de697917r3v3Xuve/de697917r3v3Xuve/de697917r3v3Xuve/de697917r3v3Xuve/d&#10;e697917r3v3Xuve/de697917r3v3Xuve/de697917r3v3Xuve/de697917r3v3XuvmJ/9A8v84T/&#10;ALxC/wDX/wCr/wD7Nvc8f1z23/f3/VOX/oDrD/8A1rd+/wCUX/qtb/8AW3rkn/CeP+cG7orfEVYl&#10;ZgrSPv8A6w0qCbFjp3ozWH1NgT/QE8e/HnTbR/o3/VOX/oDra+1m+k0+mp8zNb4/ZKehe78/kH/z&#10;Z95dv73zW1finPmNpRZCLb2z8pUb760haow+HpKfEYmbwT7zSeBHx1DCUjkVZI0Ko6qylQms+b9u&#10;hjVWmzkn9OXiST/B8+l25+2u93c7SJa4NKfrW44KB/v3zp0D/wD0Dy/zhP8AvEL/ANf/AKv/APs2&#10;9qf657b/AL+/6py/9AdIP9a3fv8AlF/6rW//AFt6X/VP/Cej+azF2f13Pvr4priNlU+98XU7uyTb&#10;561qPDjY62B66TwU28Zp5iKZXskaOzGwCn2zcc5bc0bBZakggfpy8SKeadKrL2w3yOZGa2oFYMT4&#10;0B+E18pTxpTrF2h/IU/nE9gdldg77m+IrSSby3rlN0Fm391eOK+unqgAp3qNKqsoAWw0gAAAC3v1&#10;vzhtsSKvjcFA/s5eNP8ASdavPbLfZpnYW1QWYgme3+GuOMvpTpC/9A8v84T/ALxC/wDX/wCr/wD7&#10;Nvb39c9t/wB/f9U5f+gOk3+tbv3/ACi/9Vrf/rb0M3x6/kG/zX9jdzbC3xuz4mxUWJ2RlZN5QyTb&#10;662nWSvxVLUZDE03jpt4zS3q8rT00AfTojMgklaOJXdU15zht8kbKk2Tj+zl4Eiv4PTpftntjvUM&#10;6tLbdorX9a3NO00OJTwNOgen/wCE9n84qqnmqaj4jNLUVErTzyvv/q+7O5LMx/3+v1ZiSfagc5bY&#10;ooJuH/C5f+gOkT+2G/yEs1tUkkk+Nb5Jz/v3rF/0Dy/zhP8AvEL/ANf/AKv/APs297/rntv+/v8A&#10;qnL/ANAdV/1rd+/5Rf8Aqtb/APW3oXum/wCQb/No2Vl95bmyvxPSlylH1fuDE7OgffXWspnyuZoH&#10;wUaoY94SxxSU1JlKirWSYxxqaYAP5jEjprrnDbpQFEtQWXV+nL8INf4PkOjDbvbTe7dmdrYhhG/h&#10;kTW/xkUH+i+hPHHQQ/8AQPL/ADhP+8Qv/X/6v/8As29qf657b/v7/qnL/wBAdF/+tbv3/KL/ANVr&#10;f/rb17/oHl/nCf8AeIX/AK//AFf/APZt79/XPbf9/f8AVOX/AKA69/rW79/yi/8AVa3/AOtvQpbL&#10;/kE/zbdubC7dhf4nRpubeGExeysRQtvrrRnNDJlqfL5OqjmXeRghaI4Wmp2DOkkkdY6xh082lNNz&#10;htzun63aCSf05eNKD8HzPS+19s97hilrbEOwVVpNBlS1WH9rTgBx/LoLf+geX+cJ/wB4hf8Ar/8A&#10;V/8A9m3tT/XPbf8Af3/VOX/oDpB/rW79/wAov/Va3/629e/6B5f5wn/eIX/r/wDV/wD9m3v39c9t&#10;/wB/f9U5f+gOvf61u/f8ov8A1Wt/+tvXv+geX+cJ/wB4hf8Ar/8AV/8A9m3v39c9t/39/wBU5f8A&#10;oDr3+tbv3/KL/wBVrf8A629e/wCgeX+cJ/3iF/6//V//ANm3v39c9t/39/1Tl/6A69/rW79/yi/9&#10;Vrf/AK29e/6B5f5wn/eIX/r/APV//wBm3v39c9t/39/1Tl/6A69/rW79/wAov/Va3/629WH7z/ks&#10;/wAzLK/y7OpOicd8bDP2ptrsGpzee2qN5bATw0kmW3NVJKa591LjZbw5CnfTHUO48lioZHClS81W&#10;AujJ4vaRg6JP4QOGivR4PbnefovC+n7/AE8aD/fmrj4tOHz6rw/6B5f5wn/eIX/r/wDV/wD9m3s1&#10;/rntv+/v+qcv/QHRH/rW79/yi/8AVa3/AOtvSl2Z/wAJ7v5ulFvDalZlviVDSYqk3LQ1OTqqjfnW&#10;ckcVPHVRNNI8cO8pZZESMEsqI7sAQqMSAW5ucttZGAmyQafpy8af6TpTZ+2O+RTIzW2A6k/rW/AM&#10;Cf8ARejbfP8A/kkfzRO8vkBLvPrP4uncO1odmY3Bw5Y7267pPLNAaiWYCCv3ZSVKeNp9FzHZtN1J&#10;B9ots5s2+3jKvLQ6ifgkPkPRD0t3j223q6kVo7eoCAH9aAZ1MfOUeRHRJP8AoHl/nCf94hf+v/1f&#10;/wDZt7Mf657b/v7/AKpy/wDQHRT/AK1u/f8AKL/1Wt/+tvS063/4T4/za8f2JsKv3H8TVoNvUO9M&#10;XWZ6uffvWriGiiroHqpilNvKWocRwKzFYkeQ2siM1gWp+cdtdGAmyVIH6cvEj/SdKLP2x3yGZHa2&#10;wrqT+tb8AwP+/ejGfOn+R7/NQ7p+Rm6N8defFxdw7QqMNicdicuN69dUfl+3oIVqAYK7d9NUqY6k&#10;yJdo1BCgrdbMUm282bfbxaXloak/BIf8CdLt49t97u5FZLaoCAf20AzqY+co9eif/wDQPL/OE/7x&#10;C/8AX/6v/wDs29mH9c9t/wB/f9U5f+gOin/Wt37/AJRf+q1v/wBbevf9A8v84T/vEL/1/wDq/wD+&#10;zb37+ue2/wC/v+qcv/QHXv8AWt37/lF/6rW//W3o53yE/kgfzRd2/H34l9ZbJ+Lv8UyvWm1svLv2&#10;lG9OuaYUmRyUtBKsAkqN2wRVBV46gtJA8qNcFm1fUttOa9vjlkdpaaj29kuRU/0Ps6Odw9ut7mhi&#10;jS3rRV1DxYBQqijiZR6tw6Jj/wBA8v8AOE/7xC/9f/q//wCzb2Zf1z23/f3/AFTl/wCgOib/AFrd&#10;+/5Rf+q1v/1t69/0Dy/zhP8AvEL/ANf/AKv/APs29+/rntv+/v8AqnL/ANAde/1rd+/5Rf8Aqtb/&#10;APW3o7fwb/kifzQuj969o723z8Yf4FXzdM5bb2xtO9OvKl58vU1FDNTxxPQ7tnallYUhQTO8KKHY&#10;NIAbgt3PmywuFVUlr3VPZIPL5p8+jrZfbXeLV2eW3pgADxoDUE1PCQ8KD9vRJP8AoHl/nCf94hf+&#10;v/1f/wDZt7Mv657b/v7/AKpy/wDQHRL/AK1u/f8AKL/1Wt/+tvXv+geX+cJ/3iF/6/8A1f8A/Zt7&#10;9/XPbf8Af3/VOX/oDr3+tbv3/KL/ANVrf/rb17/oHl/nCf8AeIX/AK//AFf/APZt79/XPbf9/f8A&#10;VOX/AKA69/rW79/yi/8AVa3/AOtvRx99fyN/5o1T8Luk+m9vfGMV29sb2RmN9dgYJN69eQikdnyN&#10;NjmNTLuuOjq2koqlTeGaQx3KMBbgui5t28XLyGXtKgA6JM/D/Q+XRxP7b701mkIt6srVI8aDgfEP&#10;EyD+IefROP8AoHl/nCf94hf+v/1f/wDZt7Mf657b/v7/AKpy/wDQHRP/AK1u/f8AKL/1Wt/+tvXv&#10;+geX+cJ/3iF/6/8A1f8A/Zt79/XPbf8Af3/VOX/oDr3+tbv3/KL/ANVrf/rb17/oHl/nCf8AeIX/&#10;AK//AFf/APZt703Oe2kf23/VOX/oDra+12+g/wC4v/Va3/629Gz+X/8AI0/modm7x60GwPi4M9tv&#10;YPSG3uu48gu9uvKUNU49aqSpXx1+8YZ2KSVOjyaFVgo0lra2LLDmuwhU65aEsT8Eny9E6Ot39uN5&#10;uZAY7eq6f9/QCh1H1lHlTopn/QPL/OE/7xC/9f8A6v8A/s29mDc47af9G/6py/8AQHRQvtfvo/4j&#10;f9Vrf/rb1wf/AITx/wA4U2t8Qv8A1/8Aq7/7Nvdf647b/v7/AKpy/wDQHVv9bDff+Ub/AKrW/wD1&#10;t6ftrf8ACej+brBuTbsuW+JIpMXFnaSTJ1R391kwip1qIzNIVi3nJK2iO5sis5tZVY2BpLzhtxU0&#10;lzQ0/Tl40/0nSuz9tN7jkQtbUAZSf1oOAIJ4S9DD8o/5Ef8ANo7Q7+7O33tn4qNl9vZ/PpJhMk2+&#10;+t4vNSwUtPSwv4qveMNREDHAAEdFKjgAAD2zac27fFGFaWhFf9Dk8yT/AAdP7n7b71cSsyW9QQtD&#10;40A4KAeMo9OgD/6B5f5wn/eIX/r/APV//wBm3tT/AFx23/f3/VOX/oDpEPbLfP8AlG/6rW//AFt6&#10;w/8AQPF/OG/7xB/9f/q7/wCzb37+uO2/7+/6py/9Adb/ANbLfP8AlG/6rW//AFt6FHpD/hP/APza&#10;drdzdUbo3P8AFL+Ebd2z2Nhdx5rJf3660qPDTUGRp6uZ/DT7zknk9EJFo0d+fSrHgs3HN+3tGwWW&#10;pIIA0SDiKfwdKLT203pZFLW9ACCT4sB4Z8pfOlOmTsb+QB/N83T2Lv3c9J8SZ6uj3HvPK56lqqrf&#10;/WIlljrK6eoSSQPvbWHdJAW1c3Jvz7rb827fGqgy8FA/s5fID+h1699td6llZltqgsSP1oOBYnzl&#10;6Qh/4Twfzh7n/nED8/8APwOrv/s29vjnDbv9/f8AVOX/AKA6T/62W+f8o3/Va3/629df9A8H84j/&#10;ALxA/wDYgdXf/Zt73/XHbf8Af3/VOX/oDr3+tlvn/KN/1Wt/+tvQydAfyCv5tOyO2dsbp3N8UFxm&#10;FxFPlJaqqO++tZvU+Ir4YIljpt4zSl6iokSJTp0KzhpWjjDyKmvObdvljKrLUmn+hyeo/odGG1e3&#10;W82s6u9vQDVU+NAeKkeUvz6B1f8AhPD/ADhhqv8AED6oQP8AjIHV31/9Db2oPOG3U/tv+qcv/QHR&#10;f/rZb5Uf4t5/7+t/+tvXA/8ACd/+cRY/84gfj/n4HV3/ANm3tr+t23f79/6py/8AQHT3+trvf/KN&#10;/wBVoP8Arb1i/wCgd3+cV/3h/wD+xA6u/wDs29+/rdt3+/f+qcv/AEB17/W13v8A5Rv+q0H/AFt6&#10;FjrT+QH/ADb9v4Hueiy/xM+0qd2dTttrb8f9/Os5PuK47k25X+C8W83WL/JKCeTXIUj/AG9OrWyK&#10;zE3Ne3uVpLwYE9knCh/ofPpbZe3W8xa9VvSsbqP1YMk0pwl6Ckf8J3v5xOhh/soHJIsP9IHV3+P/&#10;AGe3tQOb9up/a/8AVOX/AKA6QH203skf4t/1Wg/629cf+gd3+cV/3h//AOxA6u/+zb3r+t23f79/&#10;6py/9AdPJ7bb0P8AiN/1Wg/629e/6B3f5xX/AHh//wCxA6u/+zb3R+bdvP8Aov8A1Tk/6A6t/rb7&#10;1/yj/wDVaD/rb0LWf/kB/wA3DI9L9a7Wi+KbS7h2vvfdGQr8S2++tB4qPKU+3ftZVmbeYp2WSbH1&#10;A0I7OpBZ1UMpZMvNNgHY+LggZ0SeVf6HS2X283h4Y1EHcpao8WHgxrx8Wnl/PoJv+gd7+cTpA/2U&#10;DkMT/wAzA6u/w/7Pb2o/rbt9KeL5/wAEn/QHRf8A6229aq/TeQ/0aD1P/Deuv+gd3+cV/wB4f/8A&#10;sQOrv/s291/rZt/+/f8AjEn/AEB1f/W33r/lH/6rQf8AW3rnH/wni/nHQSRzQ/EIpNC4lidewOrb&#10;hlN1I/3+31BHt1ubduYEeL/1Tl/6A6fX273pTUW+Rn+1g/629Lbtb/hPp/Ny3H2b2BuPb3xBV8Hu&#10;HeWSz2L0b96wjVYayrlqURUfeULqsYl0qCiGwHpH09pYearBUAMtCAB8Enl/tOn7v273dpGKwVBJ&#10;NfFhFa585OkK3/Cdz+cUXDD4f8aQP+ZgdW/0t/z23t482bef9F/4xJ/0B0ji9uN6UUNv5n/RoPUn&#10;/fvXF/8AhO5/OKIFvh/zf/n4HVv/ANm/vX9bNv8A9+/8Yk/6A6eT273kf8R/+qsH/W3pb4v/AIT6&#10;fzeo+u947arPiL46+t3JhNw4aM7+6xbU1FDl6WpRXXerRxhoskrtqK6/EgBJUD203NVhrUiXFCD2&#10;SfIj8Hy6Wp7f7t4TKYDWqlR4sNCcg/6J6HpDp/wnc/nFgm/w+4Kkf8zA6t/IP/Z7f19vDmzbx/ov&#10;/GJP+gOkUnt3vLDFv5g/2sHkQf8AfvXH/oHb/nF/94ff+xA6t/8As396/rZt/wDv3/jEn/QHTn+t&#10;5vH/ACj/APVWD/rZ17/oHb/nF/8AeH3/ALEDq3/7N/dH5qsD/ov/ABiT/oDr3+t5vH/KP/1Vg/62&#10;dcX/AOE7X84wjj4ffn/n4HVv/wBm/vSc1WA/0X/jEn/QHXv9bzeP+Uf/AKqwf9bOum/4Ts/zjCsf&#10;/OH3KqVP/GQOrf6kj/mN/wDH27/Wzb/9+/8AGJP+gOqL7d7wCf8AF+Jr/awegH+/Pl1w/wCgdj+c&#10;b/3h7/7EHq3/AOzf3r+tm3/79/4xJ/0B1f8A1vN4/wCUf/qrB/1s69/0Dsfzjf8AvD3/ANiD1b/9&#10;m/v39bNv/wB+/wDGJP8AoDr3+t5vH/KP/wBVYP8ArZ1iP/Cdb+cfc/8AOHv5/wCfg9Wf/Zv79/Wz&#10;b/8Afv8AxiT/AKA69/rebx/yj/8AVWD/AK2ddf8AQOr/ADj/APvD3/2IPVn/ANm/v39bNv8A9+/8&#10;Yk/6A69/rebx/wAo/wD1Vg/62de/6B1f5x//AHh7/wCxB6s/+zf3o817f/v3/jEn/QHWx7e7x/yj&#10;/wDVWD/rZ17/AKB1f5x//eHv/sQerP8A7N/bX9abD/fv/GJP+gOnf9b/AHf/AJR/+qsP/Wzr3/QO&#10;r/OP/wC8Pf8A2IPVn/2b+/f1psP9+/8AGJP+gOvf63+7/wDKP/1Vh/62de/6B1f5x/8A3h7/AOxB&#10;6s/+zf37+tNh/v3/AIxJ/wBAde/1v93/AOUf/qrD/wBbOvf9A6v84/8A7w9/9iD1Z/8AZv79/Wmw&#10;/wB+/wDGJP8AoDr3+t/u/wDyj/8AVWH/AK2de/6B1f5x/wD3h7/7EHqz/wCzf37+tNh/v3/jEn/Q&#10;HXv9b/d/+Uf/AKqw/wDWzr3/AEDq/wA4/wD7w9/9iD1Z/wDZv703NFgR/a/8Yk/6A69/rf7v/wAo&#10;/wD1Vh/62dcH/wCE6n85A2t8PP8A2IPVn/2b+6pzRYj/AEX/AIxJ/wBAdXTkDdx/oH/VWH/rZ1w/&#10;6B0/5yP/AHh5/wCxB6s/+zf3f+tNh/v3/jEn/QHV/wCoO7f74/6qw/8AWzr3/QOn/OR/7w8/9iD1&#10;Z/8AZv79/Wmw/wB+/wDGJP8AoDr39Qd2/wB8f9VYf+tnXv8AoHT/AJyP/eHn/sQerP8A7N/fv602&#10;H+/f+MSf9AdOLyHuoH9h/wBVYf8ArZ17/oHT/nI/94ef+xB6s/8As39+/rTYf79/4xJ/0B1b+om6&#10;/wC+P+qsP/Wzr3/QOn/OR/7w8/8AYg9Wf/Zv7bbmexJ/tf8AjEn/AEB17+om6/74/wCqsP8A1s69&#10;/wBA6f8AOR/7w8/9iD1Z/wDZv7r/AFmsf9+/8Yk/6A69/UTdf98f9VYf+tnXv+gdP+cj/wB4ef8A&#10;sQerP/s39+/rNY/79/4xJ/0B17+om6/74/6qw/8AWzrD/wBA6H85P/vDv/2IXVn/ANnHv39ZrH/f&#10;v/GJP+gOvf1E3X/fH/VWH/rZ17/oHQ/nJ/8AeHf/ALELqz/7OPfv6zWP+/f+MSf9Ade/qJuv++P+&#10;qsP/AFs69/0Dofzk/wDvDv8A9iF1Z/8AZx79/Wax/wB+/wDGJP8AoDr39RN1/wB8f9VYf+tnXv8A&#10;oHQ/nJ/94d/+xC6s/wDs49+/rNY/79/4xJ/0B17+om6/74/6qw/9bOuL/wDCc/8AnJkcfDr8/wDP&#10;wuq//s49+/rNY/79/wCMSf8AQHXv6ibr/vj/AKqw/wDWzrH/ANA5385X/vDr/wBiF1X/APZx79/W&#10;ax/37/xiT/oDr39RN1/3x/1Vh/62de/6Bzv5yv8A3h1/7ELqv/7OPfv6zWP+/f8AjEn/AEB17+om&#10;6/74/wCqsP8A1s69/wBA5385X/vDr/2IXVf/ANnHv39ZrH/fv/GJP+gOnE5G3Uf6B/1Uh/62dYm/&#10;4Tl/zlrm3w54/wDEhdV//Zx79/Wax/37/wAYk/6A6t/UfdP98f8AVSH/AK2ddf8AQOX/ADlv+8Of&#10;/YhdV/8A2ce/f1msf9+/8Yk/6A69/UfdP98f9VIf+tnXv+gcv+ct/wB4c/8AsQuq/wD7OPejzNY/&#10;78/4xJ/0B17+o+6f74/6qQ/9bOvf9A5f85b/ALw5/wDYhdV//Zx7a/rJZf78/wCMSf8AQPXv6j7p&#10;/vj/AKqQ/wDWzr3/AEDl/wA5b/vDn/2IXVf/ANnHv39ZLL/fn/GJP+gevf1H3T/fH/VSH/rZ17/o&#10;HL/nLf8AeHP/ALELqv8A+zj26vM1iB/af8Yk/wCgOnF5J3QD+x/6qRf9bOvf9A5f85b/ALw5/wDY&#10;hdV//Zx7a/rJZf78/wCMSf8AQPVv6k7n/vn/AKqRf9bOvf8AQOX/ADlv+8Of/YhdV/8A2ce/f1ks&#10;v9+f8Yk/6B69/Unc/wDfP/VSL/rZ1xb/AITl/wA5cggfDn/2IXVf/wBnHv39ZLL/AH5/xiT/AKB6&#10;9/Unc/8AfP8A1Ui/62dY/wDoHJ/nMf8AeHH/ALELqr/7OPfv6yWX+/P+MSf9A9e/qTuf++f+qkX/&#10;AFs69/0Dk/zmP+8OP/YhdVf/AGce/f1ksv8Afn/GJP8AoHr39Sdz/wB8/wDVSL/rZ17/AKByf5zH&#10;/eHH/sQuqv8A7OPfv6yWX+/P+MSf9A9e/qTuf++f+qkX/Wzr3/QOT/OY/wC8OP8A2IXVX/2ce/f1&#10;ksv9+f8AGJP+genF5L3MD+x/6qRf9B9e/wCgcn+cx/3hx/7ELqr/AOzj3R+Y7M/6J/xh/wDoHq39&#10;TNy/3z/1Ui/6D6xN/wAJx/5zRJI+G/8A7EPqr/7Ofdl5jsgP7T/jEn/QPXv6mbl/vn/qpF/0H11/&#10;0Djfzmv+8N//AGIfVX/2c+9/1ksv9+f8Yk/6B6Z/qTuf++f+qkX/AFs69/0Djfzmv+8N/wD2IfVX&#10;/wBnPv39ZLL/AH5/xiT/AKB6cXkvcwP7H/qpF/0H17/oHG/nNf8AeG//ALEPqr/7Offv6yWX+/P+&#10;MSf9A9N/1J3P/fP/AFUi/wCtnXv+gcb+c1/3hv8A+xD6q/8As59+/rJZf78/4xJ/0D06OS9z/wB8&#10;/wDVSL/oPr3/AEDjfzmv+8N//Yh9Vf8A2c+/f1ksv9+f8Yk/6B63/Uzcv98/9VIv+g+sX/QOJ/Oc&#10;1X/2TfjVf/mYfVX/ANnPvR5ksv8Afn/GJP8AoHr39TNy/wB8/wDVSL/oPrL/ANA4385r/vDf/wBi&#10;H1V/9nPtr+sNn/vz/jD/APQPXv6mbl/vn/qpF/0H10f+E4385qx/5w3/AB/z8Pqr/wCzn3scxWf+&#10;/P8AjD/9A9bHJm5f75/6qRf9B9Yv+gcP+c5/3ht/7EPqr/7Ofbv9ZLL/AH5/xiT/AKB6d/qduX++&#10;f+qkX/QfXv8AoHD/AJzn/eG3/sQ+qv8A7Ofbb8xWZ/0T/jD/APQPXv6nbl/vn/qpF/0H17/oHD/n&#10;Of8AeG3/ALEPqr/7Ofdf6w2f+/P+MP8A9A9e/qduX++f+qkX/QfXv+gcP+c5/wB4bf8AsQ+qv/s5&#10;9+/rDZ/78/4w/wD0D17+p25f75/6qRf9B9Yj/wAJwf5z1z/zht+f+fh9U/8A2c+/f1hs/wDfn/GH&#10;/wCgevf1O3L/AHz/ANVIv+g+uv8AoHB/nPf94a/+xD6p/wDs59+/rDZ/78/4w/8A0D17+p25f75/&#10;6qRf9B9e/wCgcH+c9/3hr/7EPqn/AOzn37+sNn/vz/jD/wDQPXv6nbl/vn/qpF/0H17/AKBwf5z3&#10;/eGv/sQ+qf8A7Offv6w2f+/P+MP/ANA9OLyhuIH9l/1Ui/6D6xH/AITf/wA5+5/5w1/P/PxOqf8A&#10;7Offv6w2f+/P+MP/ANA9W/qjuP8Avr/qpF/0H11/0DffzoP+8NP/AGInVP8A9nPv39YbP/fn/GH/&#10;AOgevf1R3H/fX/VSL/oPrN/0Dg/znv8AvDX/ANiH1T/9nPv39YbP/fn/ABh/+gevf1R3H/fX/VSL&#10;/oPri/8AwnA/nPkcfDX8/wDPw+qf/s59+/rDZ/78/wCMP/0D17+qO4/76/6qRf8AQfWP/oG+/nQf&#10;94af+xE6p/8As59+/rDZ/wC/P+MP/wBA9e/qjuP++v8AqpF/0H17/oG+/nQf94af+xE6p/8As59+&#10;/rDZ/wC/P+MP/wBA9e/qjuP++v8AqpF/0H1h/wCgbz+dF/3hp/7ETqn/AOzr37+sNn/vz/jD/wDQ&#10;PXv6o7j/AL6/6qRf9B9e/wCgbz+dF/3hp/7ETqn/AOzr37+sNn/vz/jD/wDQPXv6o7j/AL6/6qRf&#10;9B9e/wCgbz+dF/3hp/7ETqn/AOzr37+sNn/vz/jD/wDQPTi8p7gB/Zf8bj/6D69/0Defzov+8NP/&#10;AGInVP8A9nXv39YbP/fn/GH/AOgerf1T3D/fX/G4/wDoPr6UfwU633p038Ivhx1B2Rhv7udidVfF&#10;Xrzrffu3vuKSs+wzWD2jiMXlaL7ugnqqGq+1rqWWLzU800EmnXDLJGyuY7vpFmmkdchncg+oLEjj&#10;1LO2xNb28UbijLGisMGhCgHhUcR0an2l6W9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vfuvde9+691737r3Xvfuvde9+691737r3Xvfuvde9+691737r3Xvfuvde9+691737r3&#10;Xvfuvde9+691737r3Xvfuvde9+691737r3Xvfuvde9+691737r3Xvfuvde9+691737r3Xvfuvde9&#10;+691737r3Xvfuvde9+691737r3Xvfuvde9+691737r3Xvfuvde9+691737r3Xvfuvde9+691737r&#10;3Xvfuvde9+691737r3Xvfuvde9+691737r3Xvfuvde9+691737r3Xvfuvde9+691737r3Xvfuvde&#10;9+691737r3Xvfuvde9+691737r3Xvfuvde9+691737r3Xvfuvde9+691737r3Xvfuvde9+691737&#10;r3Xvfuvde9+691737r3Xvfuvde9+691737r3Xvfuvde9+691737r3Xvfuvde9+691737r3Xvfuvd&#10;e9+691737r3Xvfuvde9+691737r3Xvfuvde9+691737r3Xvfuvde9+691737r3Xvfuvde9+69173&#10;7r3Xvfuvde9+691737r3Xvfuvde9+691737r3Xvfuvde9+691737r3Xvfuvde9+691737r3Xvfuv&#10;de9+691737r3Xvfuvde9+691737r3Xvfuvde9+691737r3Xvfuvde9+691737r3Xvfuvde9+6917&#10;37r3Xvfuvde9+691737r3Xvfuvde9+691737r3Xvfuvde9+691737r3Xvfuvde9+691737r3Xvfu&#10;vde9+691737r3Xvfuvde9+691737r3Xvfuvde9+691737r3Xvfuvde9+691737r3Xvfuvde9+691&#10;737r3Xvfuvde9+691737r3Xvfuvde9+691737r3Xvfuvde9+691737r3Xvfuvde9+691737r3Xvf&#10;uvde9+691737r3Xvfuvde9+691737r3Xvfuvde9+691737r3Xvfuvde9+691737r3Xvfuvde9+69&#10;1737r3Xvfuvde9+691737r3Xvfuvde9+691737r3Xvfuvde9+691737r3Xvfuvde9+691737r3Xv&#10;fuvde9+691737r3Xvfuvde9+691737r3Xvfuvde9+691737r3Xvfuvde9+691737r3Xvfuvde9+6&#10;91737r3Xvfuvde9+691737r3Xvfuvde9+691737r3Xvfuvde9+691737r3Xvfuvde9+691737r3X&#10;vfuvde9+691737r3Xvfuvde9+691737r3Xvfuvde9+691737r3Xvfuvde9+691737r3Xvfuvde9+&#10;691737r3X//ZUEsDBAoAAAAAAAAAIQCHgbMRZh8AAGYfAAAUAAAAZHJzL21lZGlhL2ltYWdlMi5w&#10;bmeJUE5HDQoaCgAAAA1JSERSAAABcAAAAIYIBgAAAMSl0Y8AAAABc1JHQgCuzhzpAAAABGdBTUEA&#10;ALGPC/xhBQAAAAlwSFlzAAAdhwAAHYcBj+XxZQAAHvtJREFUeF7tnQmUJVV5x8ctxuyriZEw0K+b&#10;QZJoksliFjNuMNP1ehhNZpiueoPEDYMxShSVRMyoKMQV9xB3Y0yixkzcF1TAXdFg9KgoKiouKLgF&#10;FQU85v+/73s9r+t999ateq97HOb/O+d/Zk6/735Vdever27drTYIIYQQQgghhBBCCCGEEEIIIYQQ&#10;QgghhBBCCCGEEEIIIYQQQgghhBBCCCGEEEIIIYQQQgghhBBCCCGEEEIIIYQQQgghhBBCCCGEEEII&#10;IYQQQgghhBBCCCGEEEIIIYQQQgghhBBCCCGEEEIIIYQQQgghhBBCCCGEEEIIIYQQQgghhBBCiAPL&#10;Mbt2/dRRS+XRvf7uO1Lz2wa337h19xH49zAzyWbjlpN+nGn5r/1JCCHELGGA7fXLB/SK8rz5fnnN&#10;fL/64YSK6h1mHmWuf8Jv9hbLR8HXezwfvaK60kyFEEJMCwLufRBcv1wPtnUh+J5jSSZg4IbNvnoa&#10;R2+wJOJQYuOOk34uvIp5muHrmesfwivlL5nJ1Gwsdv2qdwxq/Dh8lfVsKP5mZgctK6/XnnC/zWwm&#10;MF/d49SFe2NJAut5juvNQr+aQ0B9ei3ARsVAb0lXgRb7KWidf9JLM6GiPMuSiUMJFJ4HuwUCWiiq&#10;PzezqUBBHHj+KbwSPs/MpmKhf8Lt8Jr6ae8YQw3uZaYbFpaqM3wbaLFaMrODFlT6e7vXBqG1d5qZ&#10;Tc38UvVX6TwfCvf4wvmlcrslC+Dvu+p2Iy0U5UPN7KBjy5YtN8U1vKF+TSmhnv22JV+B3S6ebVyD&#10;nZZUHEqkgisq0v3MbCp6/eo/Pf8UAsqrzWwqELT2ev6HKt92eL/6eTNl5XiJb1f98MjF3UeZ2UEL&#10;rveJ3rVRC8Vy38w6w9YzjvFI3Lv/844xLgT4Vyz0yz+wpCswvWdPwe8OMzvowPk/tn49SRXVFccc&#10;t/MXLHkA5fMeyIMrXfuI5haXf8+Si0OJ+cXlY70CQc0V1Rlm1hlWRlTWH3j+KRTW95ppZzbhtRt+&#10;Lvb8U71i+W/MNIBzep9nh/O8xEwOapAXr/GuD9f9fb7em1kn5pZ2HY6g8wzP/4SK8pnsErGkq8A5&#10;vtRNA3GmhpkdVDCIetfToIsseYDdR8i3bzh2UeG+Xm3JxaHGQn/P7bxCQaGSPc3MOoPK/iLP90ho&#10;oX3GTDuD18dTPd8Ug/VC/x63NtMNR25f/hX8/Zt1Owq2M3kbOJBs3nzyzfAgutS/vvJDZtYJvElt&#10;RnD5D8/3uFBuvsUW9mE7d97Ckk4APx/00qK8fHLDhr03NrODClzT+e417dc+5M0DGOhj40vItzOd&#10;dCtC+stxH/AGuXwqHsZ3HU1HtOTiUOPwrYNbeQWFYivJzDoxLGCszL5/CoXx6tseu+cnLUlrDsPr&#10;J3xc4PkOKsqHm2lgoT+4g2sXVD7RzKLgreQvQ0V1xBkDZtYKmx72Qkf/ZCbZHLlY/ZZ/bVBR/buZ&#10;tQZvMdvg460TPutCAMb9ONmSuQxb8eV3vPRI+1ozO6gIgdS5nqHKa2IDleNwQJi2vo+gfTeEQXYx&#10;S/buvTFanm5/GyrTm82qE73+8rM8v3UdtX3PkZakNWiJ3MvzGVSUH6n3advULtce13tfM4uCAPVi&#10;L22oeNt298wsGw568S3E91m91cyyQZro4OB8MfgHM2sFyseJuL4Puz5XqXwnbBv7r9FiPM5PH/Rk&#10;Mzuo4MPRuZYgPvTNLAny7jQvvem5ZibEatDS+6hTYNgCv9hMWsPXOhTIL3p+61oolv/QkrVj166b&#10;4Biv9nxS+O0xZrkC/v6Eut1IC0X1Z2YWBRX13V5aPCw+aCatWCh238b1RxXVM8wsGwTR6OAgtMvM&#10;sukthVlKzXOZ++UrYftHliwJAtoDPR/UrAbO1xOU9WNwrz7vXQ/+/sbxAfQYm09m15f/hsOZPt5A&#10;sBABVPq3RQrOF8ykNUj7eM+nq9oUs1zmF8u/cP1BodA707PYd2jdExNqmvfOioiHQuxt5SVm1ope&#10;f3C852+o8hQzywbXER0cZPeKmTXCmRG4prMRgK73fI0LefLsNoOj88Xynnrej3QwDmCGbjUnX6i5&#10;frlsZklswY7rA+WgsWtPHMKg9egOTKECfw+ti58xs2ysMH6i7i+qorq3JW0Fg6brjyrKJ5nZzGAr&#10;yD0WhHP5OzNrBYJf/LV5W7nFzLLBefyP66soL2V3jZkl2XT8YBOC6fNcP2PCsa7Gvds7zRjGDQHk&#10;xbn1vAkqym8ggC+YWZKFpfKhrg+I4w9mJsQkeMLHV4116NdteI2fUG+xffDj9McQQBx/CCpX9Io9&#10;f2ymM4MtR/d4EAJxp7nLqOT/7PlDHn5lfPVoDkcU1UZc+3c9fzi/rBk2OOafwserPB/j4htOlzeE&#10;Gxy7dt0E99CdUYM8Os+sGoH9y+vpKfj4zNF3O/EXzUyISTjf2ys81EKxp1X/NOf9IgD4U8QiQmvv&#10;KZY8m9QAKV/pzWym4IHxaP945bW5La06CIJu9xWCwvlmkg3ycavrC8I5Pt7MonDlLezczZJWqaje&#10;PatVurOG86jZddZbLO8WusuK6pwwywdiV0dsXnpXetv3zLt5FFSeaWZJhgPZkcbIjPc4mcgf5o3l&#10;EfOHs2nM9IDA8wu7NeKtg+cz7J7SKtMkw0xyC88PORXQzLJAEGm5BBhqOb2N+2qgckSnW8Wm86GQ&#10;3of9rJ7qrd1hQaouW6V4JWN3wmrbMTF/6XMOrduJY8d8FuWlE7Zj8lrnyJMHub4gVNrkTAgOHuJc&#10;P+WlrWnf3GL1J5asNQwc3vVQXVcThsUvw7GNi9lt4ZzzauHhyKDVJZgjXfYKSdrWy4Kv8nIvPcVr&#10;GuVPXag3WYPcoSxbvmflD9Q1f+rYVGLv/FemyLIso46cgb/FFuOtWuwkatgcXy/jsqdAkbAPBAKP&#10;5ycE3NhUq5atTfiKLhWH9pnZBGhdvsmx5wPkChZyMwtwyblr20FonRf0ieM8zvu9rVC5vjh3110/&#10;G050DAQDvy8Wir1JzW/bdnOrPMn5+qZz2eK0pJ1g5XX8BrV+22NgQqDJDUqe2PI0d42E2SaOjwMl&#10;lmc7NRcL3I+aKn+mDOR8yHh+8fePDPeN4cKl5Nx3PsRar4c4pEguAS7K082sEY64uz4o3EgGCv+3&#10;8lJz0UhobaUKZGRVmu3f8VkvDQrIhWa2AoLhQzzb1iqq747mueP/OduCNgoV9y3hJGugsrkLmmIB&#10;H3l1GK79aV6aVcI1wMdjNh1/r5+2pJ2BL38aZr/80sYdO7J2IZxF4B4X8uDinCCVmvV0gBSdMx+6&#10;IdC6d9J0UteuFdzvd3j+oItM3m+rhPvzAHMnPFiRvYwbKn8KEyuC5wMF6Tq23Nia935nRTQXjfBV&#10;2fVBJVryqS0DkO45ZrYCrqVxFkaWisrmh3PBVHmJa9NeTx/63A+nOOJYVzi2PIeJgD+/bfl3cF/+&#10;zbUfE4NAb7H6a0s2FWEbg6L8uncclLO3mVmS8ADP2x+7nVAG2Tdsh3HB7/FdLA+I9u+wOWLl4eba&#10;T6vlU+0wWRyza9ePoczHFqllC3Vxq7kUHlyei0ruLm1GwX6RmSVZKJZLN/1QYRVZb4kDJ87vRXV9&#10;zoyLo7cOboWA8l7XB7VYVWY6Qa9YPsFNA8HnQ8xsBfz9XXW7LkIBDtsR9LYv/4b3ezdNzv7gIhrf&#10;FirKZ5pZYH5pcBzO6zzXdkzDvJ7dABIC4J95x6EQdBoHnsPg2wxblRNqCOIIJNE59gdC9QVwa/Zw&#10;GxP70u1wjSS3dcgU8vx7sx54vkESqxj4e9beFLD1p0HhBoz6gDmI59lQC8WJtwmOEjBweWmDivL1&#10;qYU4SBuf2ljbAzzsDzOr1/Ni8Aj6ZCD0fu+iXn8w8TqL1lF0S4HxFjTyYYBg+SHPblyweTX3jbFk&#10;MwFl6WTvWBQC5wPNzIWBtc09sfLMzaM4cNe0ydSKmM4OOQF+8+fYHwDxPI/Zsn9flNbBm3nJwdyW&#10;+UOlHnLjzKLMoxz+r7kTKZBR7har/LuZROFKShSE67z0aF2vzDA5Yutgk2tDLaUXrdxq6eSfQKvR&#10;H4SE0DJIbhaE6/hXLx0K7w/qUwD5RsLunnEhvb8CE3+v245rNOjHvnkOKI2EfEltyXrRuG1d3oMK&#10;FTq6RcDc4vKdaYMKxWl1OdsbPJf3KjieISgjT3GONRTeCsxsgtAtEJ+hsF8MSGgh0t6SriK3X5hB&#10;zZKsgi3BcaXuIWdC1e094ZxP99JTnFzgpaHY7WmnFcB9be42CQ/A5VNj+TN8w4kPMq8IfixJktS1&#10;ueKDJOTp8qlsVLHu1L/kJCKgALh7irAPy0yiIO0LvLQUuy7MLCzPZneJZwcl9+mYX6oqJ00QKuUF&#10;R98lvdgBdu6ACQrsx8wkyqbjl38Ntu4WtGjR/reZtSLVpYMC/DAzyybVJcIHEvLobO+3CbUYUG4L&#10;fL/eP2b1nbmlEw83swlgk2xZMrgzcJt5IyFAOH7GxSBp5lFw3u6sKtSH7FYj8uRJvo/yqvltO3/Z&#10;zJI0Xk9D4K4TGh4NDzramHkU3Jf4Sukx4VpfgTw7aD/i8SMBMtsdtEPGXp3qmsDvdxoWECdtv3wN&#10;96c20wD+7m6M1FtKD5TxJnvphiofZGYuDMA4T//rMUV82uGIuaXBXdy0EAr6P5pZK7gzoOeP4v4o&#10;ZpYNri+2R0voSqj/Pak1+KycDWj5n19LbATGQOGmMTF45wTbOgz4nr8xNZYLHttJR73MTBrB/Xmt&#10;k57lsvFL9SS0xiP1Lwi/tXm4jQh+PX8jZbTCcQ0fcdOuiNMHtUhnJuCGnOVnMirJcbt/3cwmwE1I&#10;fLx1eWKUHMdxbyoK8qPNZILwOtWv/C6afnlRb0f8/Eh4yLhpw3EbAzAqanxx0mJ5TzNrRaz1RnEv&#10;EjPLIr0RUgcV1eu8aYfTcOS25du6x4KQv+6+801dJyF4Z7YqPZA+2V2QejBwaugwAE2mg9+sueXJ&#10;h1rm9rEo2/Guk47BewS7nFy/plQrnONIyIfo2gKc9/fxFrrqS1liClKvYb2lwe+a2SqOWhr8Pm6S&#10;v4qsKM/3KhcKfWznw+hkfRwjOqUPAbhxHxV+fNdLG5QRgJPL9jO3UK2D63UHEvH31p91m+UA6YqQ&#10;Z+Z+JsBnfJ/yfvlIM1tFsvWN4DRN8B6B8pPoKohPm5tbrBb9NGHhVtYOhEduTz3UJmdG1WlqfU8T&#10;vEc0POSibykc03LsV4Q6dbaZilmwUAzi0wAjA0woPPFWezFwn6747WV1WwoF5ZVmsgrOhMBvV0XS&#10;fDSntZpqpfSK3Y2bXsEu9iWaL+fs9VyHG4SxBeL4g9r3qSPQtZ6fzDcanMPHvd+CWuxemAODtHuc&#10;odzxD9zfeOt7MX8FZYqG/uN4gCqqv3Xsg3JnaaTGQXI+Pp1sfWd0AeXAh6Tje6hENwruT/TDKbMu&#10;WwKk+nlR+QZmtgKn/cUDQPn++ij5CPz2TC8NfLl9fqjE8ZkLmZsFwc4dPMMxr2wa/BwW4PJLkfQX&#10;mFkr8LCMLtNHC7xx06k6SJMYH5gUr5uvx2FqnvP7frVbuJEC59hqn/LUubHVPIvWN+kaoPCbu4sk&#10;8vaypn3lR8TGQeDj+zm7gKbeHrqunPRIHSf2sMJvT67brqgoO30ZSiRIT7ofTFRkBNa/921DBYt2&#10;a6DlstdLgyD5CTNZYaF/wu1Q8WMruS6Lde2Mwy+dwEekn7F8p5lFSS2QwXWea2atQAVNfDprcnVd&#10;E6gQLXZ/LF/Ph7Ul5X1MvSJ/oP5Juq7QV813EPLwU7xHZrYCW9iefVCYt8yW84yU6Iaw05kA+Xah&#10;Z8/8NZNGEuMgjbNYmh5w7nV2VWKeeOxBgTL+Os8e+XPN3BSboYkIc3ffc0s/w6GiepyZBThoiL9H&#10;puVVHzsq8VUVLirx0rEScVDHzALxYM/j5G1BO9ffEx3gQ2B/vplFQQGOf3MThdvMWsHj+v44Z7td&#10;4eb0O+Sdv4q2JtybF3BFqCUNcK4x8jkyRRLCPTDTznAQHPfr255/nJO7UCwVNNZT3kAm9+fG9XzV&#10;s88tlwS2nWexJB9w6yq/DkQfipmza0QH8HT8ip/pq/cKwdM/+k3DerCvk5z/PNbtsgkVJ1bAUem/&#10;ylWdZpqkYQOixvnWyJPozocMfmbWCuSRu6ETuzbabt7P8QnP17iQj9fOL5VnxXzj/kY+KsFzKi/h&#10;vilm2gluKer5DioGE19OSnZrrLO8AM6HrGdLoWwmv8g/YtMOTtOLzWJZjs7IGgG7NV0ynytvJgrq&#10;cWrXxseamZg1qMj+vM2i+i8zGW2aFGsdfb5pT2cEqfiUvrEuEXbbeDYUKkl21wWCV7yrJ2PxANL7&#10;83RR+fiQMbNs0sv0m7t06iQfplRRfZ42Zu7ClZrRh/dQTzDTTiAPo9Mwe0uTK2hT3QPrLS+AI0/v&#10;7dlSOPfGD2OTaWexoA4kZs+sn7yZLgv9wd09Wwp17kQzE7MGGezPthh77WEfrWsDoaI+zcyipLs0&#10;hi3aw8IHdf0+Rvz921D27mQ49xd7fqhUVw9JzdPFOXT6Yn/yAZbRpVMH/p7t+Qoqyvf3FqvdZpoE&#10;+RRdFo5rvXyafVFwHu7ANYV7MPEm1TT/eN0UGcTE3xOrJ++Zt3pyylksXroDIa8PnJ9I9GwpfV1/&#10;DcFT3d1elK/R/D0MCPbL13g2KNRf9zZZqjP8mo6THoLve9Cm4SHR6uvvuKbI7oVh0PRGQyuf9Ba0&#10;7b4iNAL5dH/X31Ctl9Ajjb+nMoKP13qMMfw0WHxjfeS7uz9IDig/7jJ/PHyu9HahbFp9uV7CNbsP&#10;afw99laW/QaF++PPYkHLumkWC++rl/ZAyH9DKV/k2UJfnvUCMTEGKtRTnUxnofoaP97K1pz3O5Xd&#10;eqQf+PN9VKeF3yP7slBzeD0zT40M95+u3O4KHsPMojR8oKLT4F66pdtuCb1NcXS3JsDfs2dDjMC5&#10;paZ+faNLnz93zEPAiyz28ge0hrMfHPuh9nEAbz3kDdANGzH+p+dwnc8zs0ZgG5vF0vgNzFQXEx86&#10;3rWsleyUVoFY4H5XFXWu07RbkUlqQUjYECmxYVLOa98ItjI8H/j72cnX56Ldp9fYH+n6CWr+UAUH&#10;k/y0ONelvK6JOriGt3j+qE0tdwCc3z64veeHwr06x8yy4est0sU34C+qF5tpNrinm11fQ7nLxVMt&#10;8FjQWC/SWwI0r54kHExG+XPHHBCAG2exNMxdb/0x7Fkyd+yeW+Ic/I924K3DzMRa0FBx4pv/tCw0&#10;KKT+E3o4Jzk6us5zMBdZoELd1/NDwVdy+1li5+On7/htSFRcf+ZBUV1pJtngARXvaui4FJ4PUdcf&#10;hPy4Fq3SVpsP4XoHni8qFvCSZW1GKwy7kppFxQVaZpZkFrNYvLRBkX779WKhv/sO7nlBuK8PNjOx&#10;FvAV2ct4U+RVnQMTrb9c7/ejJ46BNK0HDTlFzfNFsaCZWRS0OF/lpUUlu45b45pZNoft3HkLtHAR&#10;BCd9Qm81s2zg6/GOnyA8EO5kZq3gmxTyOvrpN/z2yvp8/RSotGd6fqhYwEt1ERzoAIXjR1ZP4r5m&#10;rJ4kKFdTz2JhPnjpqTZjH7OGDSPvnKic7QHEFPATTV7GJ8UVV9u23dxcZIHC9xzXV0K5LZNxog8K&#10;vuJlzBaAXXQxiZm0ggN2ni8K19dqcJbg/CIPmPJb/PycmbUG5xLtOqLm+oOTzLQRBDZ3mT/OMRrw&#10;muaBH9AAFf2OaPlhM2mE3XeeD+TJVeyCMLMkqbLpzc1eL2LXhjhxfe+4bm+tIpPhFplO5ieU0xVR&#10;BzfzcZ6vmBAE3u7NVkiyd++NUcgvjfh7j1klwXnGvqjN6W/tzgdwoZLni8I5nWdmefD6+tUn6n4o&#10;+Hq/WXViuBCj/LDnO6io3pi7iVfcTzrgpQIUfzOzzoRWPluxEfF3M10FAnjss2ot9gCfwSyW1EAv&#10;zp8PQTPtBNPjPC+u58uKIiswYxMQ4OujZiLWivDZssiSZ0+wvbBpMyiP1CIdX5N7sTTBzbZ8X1Dm&#10;h5pxffF9Qjp+9AAF/GrPH451uZlkkV7tVv6LmXUGD4FH+L5NxeD+Zhol7LoY+s2d9P3q5Wbm0jSV&#10;kP3kZtoatuARiFMLYdx+di7cQt5GVk/G97MfZ1azWJreUqDOYwXmO77SEwE88oC4EX53GxVIs7IY&#10;UKwhqLixDeYdddsLBJUgOrA1oaL84BFFtdGSZhP9Aj5VDE43syQ49sPd9BDy6U1dXuWR7u2ev6Hy&#10;8zO1RQCDr5l1Zjgv3N+AKghvJ00f0uDHrN20EB5kjzEzl8YAxSDSIf+tjz+6TW3Kb2qMaKFYLs0s&#10;SWrTOOTJaWaWBc41uV9Mlx0JreWd2uAs+vDEW+nRnn3QUnmWmYm1BDfPnSHi6ANdAivBMbY6/lx1&#10;DUYo3NEPqubOJWcr20s/EgNB20qCwBf9Eg+DB1ueOXslM19cH0Gz+UzVQlE+1Pe/ouTCIzxEH+yk&#10;GWqpqswsCgJFesMmyy8zbyS06pHG9bWi+EM0+eaYuV/MLGaxjEgO9prwUMieTsqynHy4QQzuZj4B&#10;jrXDS0O1GTcRU4AC7g6M1dUrBp1bedzzxPNZFwrEx9kVYslawYLm+QzaNjjGzJJw1ShedyOfctuv&#10;YMP+drSI+HkzS+4Cm+YvdQ/77vex8tHekq4Cx4x+MNbbX7sLw50O/Y23KFZ2trrMfAKce3SwOmcr&#10;4NAKbwy4oZycE3uQhhYlF500BCZTstsB5xLb9KvFHuCRWSyJQd0USNu4qRWvnfnjvVlY/twt5E9D&#10;XqPMJfdhh83D6mlWtH1wezMTa8l8MciYIVJeUt+WtA22Ha3jt6aGnQ1TxAIPCuqnuNrTzBrhOXh+&#10;fJXXNFVC5hts3zWZNqKicgfs8Ju/nW9RfrrNNL8mcE0P8o4zEip1tO8Xee2vNizKz3G8xcySMPC4&#10;PiJikIH/83MC0rhonwpOJHo9/apx9eQInN/Us1jGCQE43Z8/qQ75Q9umcQeUvcg2yeVXuny5SnQA&#10;Gf7YyRuwWigwU33Pjq0V3Gz/K/EjFdXnmnY2jMEZIjhHf7l+ZP/pGGEgrqgu8HxNqKiiX1cfZ36p&#10;vCdsr3d91MTvcVqyFYb7a/uDoahorZfQp9hYnMS3kPj1F9UnvfvEDclYcb00uPdvMrMsmgY0pxYC&#10;WlPw5rz/xPW06KaIzmJJDuqmyOlKmUoZwZsgf97ppUf9ebuZiLUGhSG5PSluxhc4X9zMO8OWoud/&#10;JBznqWbaGu4V7vk0PdnMsuFCJVS85q6UonyFJWmEtp6PulBxJqZpzi8uH+vZUm2CSS6omKd4x1pR&#10;MZmn6S8ZNe9aWYfdIJ6vacXul6bgTWaxepJdGMir70Z8ZM1iiRGCeJsWdabCm0nGYHH4yEVRXen5&#10;gLK+sC9mQHIDJ6qonmGmU4Gb/T7XP4QgdBUKZNaKNA+cY3SlW25lqxM+nJAagITgu/EL+SMW+jtv&#10;jZblGY0PMqdvlx+M9myphaK8n5nNDLY+cW1v9o5HoZJ/iV8hN/NAeMtwbIcqTzGzVrTtTkkqBLsW&#10;s35msHpyFrNYUjDQhq4Rx38XwdcLcx5uhB8H93xQqOutZteIKUBmR/erhr45t335zmY6FSgckcUM&#10;UO0LQG3pLVZPcP1StUDTlvlieQ8rCfJpoguj7ZYCJLTK+tUb6r6GKq/xZqQgmD7Lt2ela97Stwup&#10;AEbhnFZ9ZAMPppkv8yfDPt/0NLekwtS75VNzA9MI3IvI6snqa9mrJ2cwiyUHXl/n1viwu+RRbNGb&#10;uyySD+ylcruZibVm2H9cvtATW4xmNjXsGvCOQTXN5GiCBdjzS+XOFsghtHjQqgp9tIvV0jS+udsj&#10;K83wDag8k2869Gs/rwKV7HTv2qhZXl8dBN5zvGOONB4U1/oehC6DYaBKzoUOAWnYKt3XNiiNAx+R&#10;/XvKd5lJI7A/dzJ90GXcJ8fMZkbIn6ZZKiF/hgO/tG/7YBvBPvLxezyuLquWhRCHCMNW+e47Mojw&#10;ocd/Gaxz+m5z2Lz55JshUPvbMsxkD/D8WSxdYX6M8mf4cN19x5BHHQO2EEIcFMxi9WSYxVJMP4tF&#10;CCFECxBkd9WD7ooy98TpFXuig3xrMfAshBACzPfLR3qBt9cvr83dIjU5CLxtuoF1IYQQERCo13AP&#10;8Oprc3fPm8UihBCiJQiyU6+exENg6lksQgghWsAdN+djqycbtsQdsWXL3pvOxz8u8nwzE0IIMUuS&#10;34ldbN4Sl8xyD3AhhBCZ2GIYN/jOH5+3ehK2U89iEUII0RJuEeAG3n752dzVk4lZLNfxy0dmJoQQ&#10;YpYggPtb6RbVG82kEQTql7o+Ou4BLoQQooGwp3lRXeEFX+4LY2aNwHbme4ALIYRIkNoiNXf15Cxm&#10;sQghhGgJv/fZ4/c0HeVulBW+q+qkp6bZHVEIIYQQQgghhBBCCCGEEEIIIYQQQgghhBBCCCGEEEII&#10;IYQQQgghhBBCCCGEEEIIIYQQQgghhBBCCCGEEEIIIYQQQgghhBBCCCGEEEIIIYQQQgghhBBCCCGE&#10;EEIIIYQQQgghhBBCCCGEEEIIIYQQQgghhBBCCCGEEEII8aPHhg3/D6i1GmWUXVL9AAAAAElFTkSu&#10;QmCCUEsDBAoAAAAAAAAAIQAcOe8XNBAAADQQAAAUAAAAZHJzL21lZGlhL2ltYWdlMy5zdmc8c3Zn&#10;IHZpZXdCb3g9IjAgMCAxODQgNjcuMyIgeG1sbnM9Imh0dHA6Ly93d3cudzMub3JnLzIwMDAvc3Zn&#10;IiB4bWxuczp4bGluaz0iaHR0cDovL3d3dy53My5vcmcvMTk5OS94bGluayIgaWQ9IkxheWVyXzEi&#10;IG92ZXJmbG93PSJoaWRkZW4iPjxkZWZzPjxjbGlwUGF0aCBpZD0iY2xpcHBhdGgiPjxyZWN0IHg9&#10;IjE3LjkiIHk9IjE4LjUiIHdpZHRoPSIxNDkuNSIgaGVpZ2h0PSIzMS43IiBmaWxsPSJub25lIi8+&#10;PC9jbGlwUGF0aD48Y2xpcFBhdGggaWQ9ImNsaXBwYXRoLTEiPjxyZWN0IHg9IjE3LjkiIHk9IjE4&#10;LjUiIHdpZHRoPSIxNDkuNSIgaGVpZ2h0PSIzMS43IiBmaWxsPSJub25lIi8+PC9jbGlwUGF0aD48&#10;Y2xpcFBhdGggaWQ9ImNsaXBwYXRoLTIiPjxyZWN0IHg9IjE3LjkiIHk9IjE4LjUiIHdpZHRoPSIx&#10;NDkuNSIgaGVpZ2h0PSIzMS43IiBmaWxsPSJub25lIi8+PC9jbGlwUGF0aD48Y2xpcFBhdGggaWQ9&#10;ImNsaXBwYXRoLTMiPjxyZWN0IHg9IjE3LjkiIHk9IjE4LjUiIHdpZHRoPSIxNDkuNSIgaGVpZ2h0&#10;PSIzMS43IiBmaWxsPSJub25lIi8+PC9jbGlwUGF0aD48Y2xpcFBhdGggaWQ9ImNsaXBwYXRoLTQi&#10;PjxyZWN0IHg9IjE3LjkiIHk9IjE4LjUiIHdpZHRoPSIxNDkuNSIgaGVpZ2h0PSIzMS43IiBmaWxs&#10;PSJub25lIi8+PC9jbGlwUGF0aD48Y2xpcFBhdGggaWQ9ImNsaXBwYXRoLTUiPjxyZWN0IHg9IjE3&#10;LjkiIHk9IjE4LjUiIHdpZHRoPSIxNDkuNSIgaGVpZ2h0PSIzMS43IiBmaWxsPSJub25lIi8+PC9j&#10;bGlwUGF0aD48Y2xpcFBhdGggaWQ9ImNsaXBwYXRoLTYiPjxyZWN0IHg9IjE3LjkiIHk9IjE4LjUi&#10;IHdpZHRoPSIxNDkuNSIgaGVpZ2h0PSIzMS43IiBmaWxsPSJub25lIi8+PC9jbGlwUGF0aD48Y2xp&#10;cFBhdGggaWQ9ImNsaXBwYXRoLTciPjxyZWN0IHg9IjE3LjkiIHk9IjE4LjUiIHdpZHRoPSIxNDku&#10;NSIgaGVpZ2h0PSIzMS43IiBmaWxsPSJub25lIi8+PC9jbGlwUGF0aD48Y2xpcFBhdGggaWQ9ImNs&#10;aXBwYXRoLTgiPjxyZWN0IHg9IjE3LjkiIHk9IjE4LjUiIHdpZHRoPSIxNDkuNSIgaGVpZ2h0PSIz&#10;MS43IiBmaWxsPSJub25lIi8+PC9jbGlwUGF0aD48L2RlZnM+PHBhdGggZD0iTTQzLjQgMjAgMzUu&#10;NiAzNyAzNCAyMCAzMC43IDIwIDIyLjggMzcgMjEuMyAyMCAxNy45IDIwIDIwLjEgNDMgMjMuNSA0&#10;MyAzMS40IDI2IDMyLjkgNDMgMzYuMyA0MyA0Ny4xIDIwIDQzLjQgMjBaIiBmaWxsPSIjMjQ0QjVB&#10;Ii8+PHBhdGggZD0iTTQ3LjkgMjMuOSA1MS4zIDIzLjkgNTIgMjAgNDguNiAyMCA0Ny45IDIzLjla&#10;IiBmaWxsPSIjMjQ0QjVBIi8+PHBhdGggZD0iTTQ0LjQgNDMgNDcuOCA0MyA1MC45IDI1LjggNDcu&#10;NSAyNS44IDQ0LjQgNDNaIiBmaWxsPSIjMjQ0QjVBIi8+PGc+PGcgY2xpcC1wYXRoPSJ1cmwoI2Ns&#10;aXBwYXRoKSI+PHBhdGggZD0iTTU5LjUgMjIuMiA1Ni4xIDIyLjIgNTUuNSAyNS43IDUzLjMgMjUu&#10;NyA1Mi43IDI4LjggNTQuOSAyOC44IDUzLjUgMzYuMkM1My40IDM2LjcgNTMuNCAzNy4yIDUzLjQg&#10;MzcuOCA1My40IDQxIDU1LjMgNDIuOSA1OC42IDQyLjkgNTguOCA0Mi45IDU5IDQyLjkgNTkuMiA0&#10;Mi44TDU5LjQgNDIuOCA2MCAzOS44IDU5LjUgMzkuOEM1Ny42IDM5LjggNTYuOCAzOSA1Ni44IDM3&#10;LjQgNTYuOCAzNy4xIDU2LjkgMzYuOCA1Ni45IDM2LjRMNTguMyAyOC44IDYyIDI4LjggNjIuNiAy&#10;NS43IDU4LjggMjUuNyA1OS41IDIyLjJaIiBmaWxsPSIjMjQ0QjVBIi8+PC9nPjxnIGNsaXAtcGF0&#10;aD0idXJsKCNjbGlwcGF0aC0xKSI+PHBhdGggZD0iTTY4LjcgMjguOSA3Mi40IDI4LjkgNzMgMjUu&#10;OCA2OS4yIDI1LjggNjkuOSAyMi4zIDY2LjUgMjIuMyA2NS45IDI1LjggNjMuNyAyNS44IDYzLjEg&#10;MjguOSA2NS4zIDI4LjkgNjMuOSAzNi4zQzYzLjggMzYuOCA2My44IDM3LjMgNjMuOCAzNy45IDYz&#10;LjggNDEuMSA2NS43IDQzIDY5IDQzIDY5LjIgNDMgNjkuNCA0MyA2OS42IDQyLjlMNjkuOCA0Mi45&#10;IDcwLjQgMzkuOSA2OS45IDM5LjlDNjggMzkuOSA2Ny4yIDM5LjEgNjcuMiAzNy41IDY3LjIgMzcu&#10;MiA2Ny4zIDM2LjkgNjcuMyAzNi41TDY4LjcgMjguOVoiIGZpbGw9IiMyNDRCNUEiLz48L2c+PGcg&#10;Y2xpcC1wYXRoPSJ1cmwoI2NsaXBwYXRoLTIpIj48cGF0aCBkPSJNOTUuNCAyMCA5MC4yIDIwIDc4&#10;LjMgMzAuMSA4MC4yIDIwIDc2LjggMjAgNzIuNSA0MyA3NS45IDQzIDc3LjQgMzQuOSA4MS42IDMx&#10;LjQgODcuNiA0MyA5MS42IDQzIDg0LjMgMjkuMyA5NS40IDIwWiIgZmlsbD0iIzI0NEI1QSIvPjwv&#10;Zz48ZyBjbGlwLXBhdGg9InVybCgjY2xpcHBhdGgtMykiPjxwYXRoIGQ9Ik05My4xIDQzIDk2LjUg&#10;NDMgOTkuNyAyNS44IDk2LjMgMjUuOCA5My4xIDQzWiIgZmlsbD0iIzI0NEI1QSIvPjwvZz48ZyBj&#10;bGlwLXBhdGg9InVybCgjY2xpcHBhdGgtNCkiPjxwYXRoIGQ9Ik05Ny40IDIwIDk2LjcgMjMuOSAx&#10;MDAuMSAyMy45IDEwMC44IDIwIDk3LjQgMjBaIiBmaWxsPSIjMjQ0QjVBIi8+PC9nPjxnIGNsaXAt&#10;cGF0aD0idXJsKCNjbGlwcGF0aC01KSI+PHBhdGggZD0iTTExMC42IDI1LjNDMTA1IDI1LjMgMTAw&#10;LjggMjkuNyAxMDAuOCAzNS41IDEwMC44IDQwIDEwNC4xIDQzLjQgMTA4LjQgNDMuNCAxMTIuNCA0&#10;My40IDExNS40IDQxLjYgMTE3LjEgMzguMkwxMTcuMyAzNy43IDExMy43IDM3LjcgMTEzLjYgMzcu&#10;OEMxMTIuNCAzOS41IDExMC45IDQwLjMgMTA4LjcgNDAuMyAxMDcuNSA0MC4zIDEwNi40IDM5Ljkg&#10;MTA1LjYgMzkgMTA0LjcgMzguMSAxMDQuMiAzNi44IDEwNC4yIDM1LjRMMTE4IDM1LjQgMTE4IDM1&#10;LjFDMTE4LjEgMzQuNCAxMTguMiAzMy44IDExOC4yIDMzLjIgMTE4LjEgMjguOCAxMTQuOCAyNS4z&#10;IDExMC42IDI1LjNNMTA0LjcgMzIuNEMxMDUuNyAyOS45IDEwNy44IDI4LjQgMTEwLjMgMjguNCAx&#10;MTIuNCAyOC40IDExNC40IDMwLjIgMTE0LjcgMzIuNEwxMDQuNyAzMi40WiIgZmlsbD0iIzI0NEI1&#10;QSIvPjwvZz48ZyBjbGlwLXBhdGg9InVybCgjY2xpcHBhdGgtNikiPjxwYXRoIGQ9Ik0xMzguMiAy&#10;NS44IDEzNC40IDI1LjggMTM0LjUgMjUuNUMxMzQuOSAyMy4yIDEzNS43IDIxLjcgMTM3LjkgMjEu&#10;N0wxMzkuMSAyMS43IDEzOS43IDE4LjYgMTM5LjMgMTguNkMxMzkgMTguNiAxMzguMyAxOC41IDEz&#10;OCAxOC41IDEzNC4zIDE4LjUgMTMyLjEgMjAuOCAxMzEuMiAyNS4zTDEzMS4xIDI1LjcgMTI1Ljgg&#10;MjUuNyAxMjUuOSAyNS40QzEyNi4zIDIzLjEgMTI3LjEgMjEuNiAxMjkuMyAyMS42TDEzMC41IDIx&#10;LjYgMTMxLjEgMTguNSAxMzAuNyAxOC41QzEzMC40IDE4LjUgMTI5LjcgMTguNCAxMjkuNCAxOC40&#10;IDEyNS43IDE4LjQgMTIzLjUgMjAuNyAxMjIuNiAyNS4yTDEyMi41IDI1LjYgMTIwLjIgMjUuNiAx&#10;MTkuNiAyOC43IDEyMS45IDI4LjcgMTE3LjkgNTAgMTIxLjIgNTAgMTI1LjIgMjguNyAxMzAuNSAy&#10;OC43IDEyNi41IDUwIDEyOS44IDUwIDEzMy44IDI4LjcgMTM3LjYgMjguNyAxMzguMiAyNS44WiIg&#10;ZmlsbD0iIzI0NEI1QSIvPjwvZz48ZyBjbGlwLXBhdGg9InVybCgjY2xpcHBhdGgtNykiPjxwYXRo&#10;IGQ9Ik0xNDYuOSAyNS4zQzE0MS4zIDI1LjMgMTM3LjEgMjkuNyAxMzcuMSAzNS41IDEzNy4xIDQw&#10;IDE0MC40IDQzLjQgMTQ0LjcgNDMuNCAxNDguNyA0My40IDE1MS43IDQxLjYgMTUzLjQgMzguMkwx&#10;NTMuNiAzNy43IDE1MCAzNy43IDE0OS45IDM3LjhDMTQ4LjcgMzkuNSAxNDcuMiA0MC4zIDE0NSA0&#10;MC4zIDE0My44IDQwLjMgMTQyLjcgMzkuOSAxNDEuOSAzOSAxNDEgMzguMSAxNDAuNSAzNi44IDE0&#10;MC41IDM1LjRMMTU0LjMgMzUuNCAxNTQuMyAzNS4xQzE1NC40IDM0LjQgMTU0LjUgMzMuOCAxNTQu&#10;NSAzMy4yIDE1NC40IDI4LjggMTUxLjEgMjUuMyAxNDYuOSAyNS4zTTE0MSAzMi40QzE0MiAyOS45&#10;IDE0NC4xIDI4LjQgMTQ2LjYgMjguNCAxNDguNyAyOC40IDE1MC43IDMwLjIgMTUxIDMyLjRMMTQx&#10;IDMyLjRaIiBmaWxsPSIjMjQ0QjVBIi8+PC9nPjxnIGNsaXAtcGF0aD0idXJsKCNjbGlwcGF0aC04&#10;KSI+PHBhdGggZD0iTTE2NyAyNS40IDE2Ni4xIDI1LjRDMTY0LjMgMjUuNCAxNjIuOSAyNS45IDE2&#10;MS42IDI3TDE2MS44IDI1LjggMTU4LjYgMjUuOCAxNTUuNSA0MyAxNTguOCA0MyAxNjAuNiAzMy4x&#10;QzE2MS4xIDMwLjMgMTYzLjEgMjguNyAxNjUuOSAyOC43TDE2Ni43IDI4LjcgMTY3LjMgMjUuNCAx&#10;NjcgMjUuNFoiIGZpbGw9IiMyNDRCNUEiLz48L2c+PC9nPjwvc3ZnPlBLAwQUAAYACAAAACEAa+k8&#10;iuAAAAAJAQAADwAAAGRycy9kb3ducmV2LnhtbEyPQUvDQBCF74L/YRnBm90k2trEbEop6qkUbAXx&#10;ts1Ok9DsbMhuk/TfO570OLyPN9/LV5NtxYC9bxwpiGcRCKTSmYYqBZ+Ht4clCB80Gd06QgVX9LAq&#10;bm9ynRk30gcO+1AJLiGfaQV1CF0mpS9rtNrPXIfE2cn1Vgc++0qaXo9cbluZRNFCWt0Qf6h1h5sa&#10;y/P+YhW8j3pcP8avw/Z82ly/D/Pd1zZGpe7vpvULiIBT+IPhV5/VoWCno7uQ8aJVMI8ZVLB84kUc&#10;p2m6AHFkLnlOIpBFLv8vKH4AAAD//wMAUEsDBBQABgAIAAAAIQDNs8M30gAAACoCAAAZAAAAZHJz&#10;L19yZWxzL2Uyb0RvYy54bWwucmVsc7yRwUoDMRCG70LfIcy9ye4WRKTZXkTotdQHGJLZbHQzCUks&#10;9u0b9GKh4q3HmeH//g9mu/sKizhRLj6yhl52IIhNtJ6dhrfj6/oJRKnIFpfIpOFMBXbj6mF7oAVr&#10;C5XZpyIahYuGudb0rFQxMwUsMibidpliDljbmJ1KaD7QkRq67lHl3wwYr5hibzXkvd2AOJ5Ta/6f&#10;HafJG3qJ5jMQ1xsVyofW3YCYHVUNgazHn+VGlpMDddthuI/DIBP/6dDfx6GX74m+JdTVh8cLAAAA&#10;//8DAFBLAQItABQABgAIAAAAIQBpWsSsHAEAAH0CAAATAAAAAAAAAAAAAAAAAAAAAABbQ29udGVu&#10;dF9UeXBlc10ueG1sUEsBAi0AFAAGAAgAAAAhADj9If/WAAAAlAEAAAsAAAAAAAAAAAAAAAAATQEA&#10;AF9yZWxzLy5yZWxzUEsBAi0AFAAGAAgAAAAhABEigeH/BAAAFw8AAA4AAAAAAAAAAAAAAAAATAIA&#10;AGRycy9lMm9Eb2MueG1sUEsBAi0ACgAAAAAAAAAhACU3uMxpMhMAaTITABUAAAAAAAAAAAAAAAAA&#10;dwcAAGRycy9tZWRpYS9pbWFnZTEuanBlZ1BLAQItAAoAAAAAAAAAIQCHgbMRZh8AAGYfAAAUAAAA&#10;AAAAAAAAAAAAABM6EwBkcnMvbWVkaWEvaW1hZ2UyLnBuZ1BLAQItAAoAAAAAAAAAIQAcOe8XNBAA&#10;ADQQAAAUAAAAAAAAAAAAAAAAAKtZEwBkcnMvbWVkaWEvaW1hZ2UzLnN2Z1BLAQItABQABgAIAAAA&#10;IQBr6TyK4AAAAAkBAAAPAAAAAAAAAAAAAAAAABFqEwBkcnMvZG93bnJldi54bWxQSwECLQAUAAYA&#10;CAAAACEAzbPDN9IAAAAqAgAAGQAAAAAAAAAAAAAAAAAeaxMAZHJzL19yZWxzL2Uyb0RvYy54bWwu&#10;cmVsc1BLBQYAAAAACAAIAAECAAAnbBM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3" o:spid="_x0000_s1027" type="#_x0000_t75" alt="A picture containing screenshot, graphics, design&#10;&#10;Description automatically generated" style="position:absolute;width:63150;height:75438;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m7HqywAAAOIAAAAPAAAAZHJzL2Rvd25yZXYueG1sRI9Ba8JA&#10;FITvhf6H5RV6q7vWUEN0FRELpVCqsVKPj+wzCWbfhuzWxH/fLRQ8DjPzDTNfDrYRF+p87VjDeKRA&#10;EBfO1Fxq+Nq/PqUgfEA22DgmDVfysFzc380xM67nHV3yUIoIYZ+hhiqENpPSFxVZ9CPXEkfv5DqL&#10;IcqulKbDPsJtI5+VepEWa44LFba0rqg45z9Ww+fx9H3YqI9Nm+P7ZGUP293+2mv9+DCsZiACDeEW&#10;/m+/GQ2pSsbTJJ0k8Hcp3gG5+AUAAP//AwBQSwECLQAUAAYACAAAACEA2+H2y+4AAACFAQAAEwAA&#10;AAAAAAAAAAAAAAAAAAAAW0NvbnRlbnRfVHlwZXNdLnhtbFBLAQItABQABgAIAAAAIQBa9CxbvwAA&#10;ABUBAAALAAAAAAAAAAAAAAAAAB8BAABfcmVscy8ucmVsc1BLAQItABQABgAIAAAAIQABm7HqywAA&#10;AOIAAAAPAAAAAAAAAAAAAAAAAAcCAABkcnMvZG93bnJldi54bWxQSwUGAAAAAAMAAwC3AAAA/wIA&#10;AAAA&#10;">
                <v:imagedata r:id="rId5" o:title="A picture containing screenshot, graphics, design&#10;&#10;Description automatically generated"/>
              </v:shape>
              <v:shapetype id="_x0000_t202" coordsize="21600,21600" o:spt="202" path="m,l,21600r21600,l21600,xe">
                <v:stroke joinstyle="miter"/>
                <v:path gradientshapeok="t" o:connecttype="rect"/>
              </v:shapetype>
              <v:shape id="Text Box 2" o:spid="_x0000_s1028" type="#_x0000_t202" style="position:absolute;left:29108;top:24155;width:33223;height:25527;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w3GnyQAAAOIAAAAPAAAAZHJzL2Rvd25yZXYueG1sRE/LasJA&#10;FN0X+g/DLXRXJ41aTHQUCUiL6MLHxt01c01CM3diZqrRr3cWQpeH857MOlOLC7WusqzgsxeBIM6t&#10;rrhQsN8tPkYgnEfWWFsmBTdyMJu+vkww1fbKG7psfSFCCLsUFZTeN6mULi/JoOvZhjhwJ9sa9AG2&#10;hdQtXkO4qWUcRV/SYMWhocSGspLy3+2fUbDMFmvcHGMzutfZ9+o0b877w1Cp97duPgbhqfP/4qf7&#10;RysY9AdJEifDsDlcCndATh8AAAD//wMAUEsBAi0AFAAGAAgAAAAhANvh9svuAAAAhQEAABMAAAAA&#10;AAAAAAAAAAAAAAAAAFtDb250ZW50X1R5cGVzXS54bWxQSwECLQAUAAYACAAAACEAWvQsW78AAAAV&#10;AQAACwAAAAAAAAAAAAAAAAAfAQAAX3JlbHMvLnJlbHNQSwECLQAUAAYACAAAACEAGcNxp8kAAADi&#10;AAAADwAAAAAAAAAAAAAAAAAHAgAAZHJzL2Rvd25yZXYueG1sUEsFBgAAAAADAAMAtwAAAP0CAAAA&#10;AA==&#10;" filled="f" stroked="f" strokeweight=".5pt">
                <v:textbox>
                  <w:txbxContent>
                    <w:p w14:paraId="0B8E3B83" w14:textId="77777777" w:rsidR="00A54CFB" w:rsidRPr="00566AAF" w:rsidRDefault="00A54CFB" w:rsidP="00A54CFB">
                      <w:pPr>
                        <w:pStyle w:val="LeadParagraph"/>
                        <w:rPr>
                          <w:sz w:val="20"/>
                          <w:szCs w:val="20"/>
                        </w:rPr>
                      </w:pPr>
                      <w:r w:rsidRPr="00566AAF">
                        <w:rPr>
                          <w:sz w:val="20"/>
                          <w:szCs w:val="20"/>
                        </w:rPr>
                        <w:t xml:space="preserve">WittKieffer is the premier executive search and advisory firm developing inclusive, impactful leadership teams for organizations that improve quality of life. For more than 50 years, we have operated exclusively at the intersection of not-for-profit and for-profit healthcare delivery, science, and education – the Quality of Life Ecosystem. Through our expert executive search services as well as our Professional Search, Interim Leadership, and Leadership Advisory solutions, we strengthen organizations that make the world better. </w:t>
                      </w:r>
                      <w:r w:rsidRPr="00566AAF">
                        <w:rPr>
                          <w:sz w:val="20"/>
                          <w:szCs w:val="20"/>
                        </w:rPr>
                        <w:br/>
                      </w:r>
                    </w:p>
                    <w:p w14:paraId="6A8DC51D" w14:textId="77777777" w:rsidR="00A54CFB" w:rsidRPr="00566AAF" w:rsidRDefault="00A54CFB" w:rsidP="00A54CFB">
                      <w:pPr>
                        <w:pStyle w:val="LeadParagraph"/>
                        <w:rPr>
                          <w:sz w:val="16"/>
                          <w:szCs w:val="16"/>
                        </w:rPr>
                      </w:pPr>
                      <w:r w:rsidRPr="00566AAF">
                        <w:rPr>
                          <w:sz w:val="20"/>
                          <w:szCs w:val="20"/>
                        </w:rPr>
                        <w:t xml:space="preserve">Visit </w:t>
                      </w:r>
                      <w:hyperlink r:id="rId6" w:history="1">
                        <w:r w:rsidRPr="00566AAF">
                          <w:rPr>
                            <w:rStyle w:val="Hyperlink"/>
                            <w:sz w:val="20"/>
                            <w:szCs w:val="20"/>
                          </w:rPr>
                          <w:t>WittKieffer.com</w:t>
                        </w:r>
                      </w:hyperlink>
                      <w:r w:rsidRPr="00566AAF">
                        <w:rPr>
                          <w:sz w:val="20"/>
                          <w:szCs w:val="20"/>
                        </w:rPr>
                        <w:t xml:space="preserve"> to learn more.</w:t>
                      </w:r>
                    </w:p>
                    <w:p w14:paraId="5BCFD009" w14:textId="77777777" w:rsidR="00A54CFB" w:rsidRDefault="00A54CFB" w:rsidP="00A54CFB">
                      <w:pPr>
                        <w:spacing w:line="320" w:lineRule="exact"/>
                        <w:rPr>
                          <w:sz w:val="24"/>
                          <w:szCs w:val="24"/>
                        </w:rPr>
                      </w:pPr>
                    </w:p>
                  </w:txbxContent>
                </v:textbox>
              </v:shape>
              <v:rect id="Rectangle 1" o:spid="_x0000_s1029" style="position:absolute;left:27584;top:20650;width:1543;height:3015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pwQFywAAAOIAAAAPAAAAZHJzL2Rvd25yZXYueG1sRI/NbsIw&#10;EITvlfoO1lbiUhUnHPJXDGqRIjhQKmgfYBtvk6jxOo0NhLfHSJV6HM3MN5r5cjSdONHgWssK4mkE&#10;griyuuVawedH+ZSBcB5ZY2eZFFzIwXJxfzfHQtsz7+l08LUIEHYFKmi87wspXdWQQTe1PXHwvu1g&#10;0Ac51FIPeA5w08lZFCXSYMthocGeVg1VP4ejUfD4+rZLVuM+z+Os5Pfyy6W/661Sk4fx5RmEp9H/&#10;h//aG60gT5M0m+VxCrdL4Q7IxRUAAP//AwBQSwECLQAUAAYACAAAACEA2+H2y+4AAACFAQAAEwAA&#10;AAAAAAAAAAAAAAAAAAAAW0NvbnRlbnRfVHlwZXNdLnhtbFBLAQItABQABgAIAAAAIQBa9CxbvwAA&#10;ABUBAAALAAAAAAAAAAAAAAAAAB8BAABfcmVscy8ucmVsc1BLAQItABQABgAIAAAAIQCepwQFywAA&#10;AOIAAAAPAAAAAAAAAAAAAAAAAAcCAABkcnMvZG93bnJldi54bWxQSwUGAAAAAAMAAwC3AAAA/wIA&#10;AAAA&#10;" fillcolor="#757575 [1614]" stroked="f" strokeweight="1pt"/>
              <v:shape id="Graphic 1" o:spid="_x0000_s1030" type="#_x0000_t75" style="position:absolute;left:609;top:60655;width:23857;height:7302;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idr+zAAAAOIAAAAPAAAAZHJzL2Rvd25yZXYueG1sRI9Pa8JA&#10;FMTvgt9heYVeRDemtcbUVVrxH17EaO+P7GsSzL4N2a2m375bKPQ4zMxvmPmyM7W4UesqywrGowgE&#10;cW51xYWCy3kzTEA4j6yxtkwKvsnBctHvzTHV9s4numW+EAHCLkUFpfdNKqXLSzLoRrYhDt6nbQ36&#10;INtC6hbvAW5qGUfRizRYcVgosaFVSfk1+zIKBuuj200/ng6T7XmV7bPD+2YdnZR6fOjeXkF46vx/&#10;+K+91wricTJLkud4Br+Xwh2Qix8AAAD//wMAUEsBAi0AFAAGAAgAAAAhANvh9svuAAAAhQEAABMA&#10;AAAAAAAAAAAAAAAAAAAAAFtDb250ZW50X1R5cGVzXS54bWxQSwECLQAUAAYACAAAACEAWvQsW78A&#10;AAAVAQAACwAAAAAAAAAAAAAAAAAfAQAAX3JlbHMvLnJlbHNQSwECLQAUAAYACAAAACEAh4na/swA&#10;AADiAAAADwAAAAAAAAAAAAAAAAAHAgAAZHJzL2Rvd25yZXYueG1sUEsFBgAAAAADAAMAtwAAAAAD&#10;AAAAAA==&#10;">
                <v:imagedata r:id="rId7" o:title="" croptop="-1758f" cropbottom="17424f" cropleft="6242f"/>
              </v:shape>
            </v:group>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DE1BD7"/>
    <w:multiLevelType w:val="multilevel"/>
    <w:tmpl w:val="40EE3D44"/>
    <w:styleLink w:val="ListHeadings"/>
    <w:lvl w:ilvl="0">
      <w:start w:val="1"/>
      <w:numFmt w:val="decimal"/>
      <w:pStyle w:val="ListHeading1"/>
      <w:suff w:val="space"/>
      <w:lvlText w:val="%1."/>
      <w:lvlJc w:val="left"/>
      <w:pPr>
        <w:ind w:left="680" w:hanging="680"/>
      </w:pPr>
      <w:rPr>
        <w:rFonts w:hint="default"/>
      </w:rPr>
    </w:lvl>
    <w:lvl w:ilvl="1">
      <w:start w:val="1"/>
      <w:numFmt w:val="decimal"/>
      <w:pStyle w:val="ListHeading2"/>
      <w:suff w:val="space"/>
      <w:lvlText w:val="%1.%2"/>
      <w:lvlJc w:val="left"/>
      <w:pPr>
        <w:ind w:left="624" w:hanging="624"/>
      </w:pPr>
      <w:rPr>
        <w:rFonts w:hint="default"/>
      </w:rPr>
    </w:lvl>
    <w:lvl w:ilvl="2">
      <w:start w:val="1"/>
      <w:numFmt w:val="decimal"/>
      <w:pStyle w:val="ListHeading3"/>
      <w:suff w:val="space"/>
      <w:lvlText w:val="%1.%2.%3"/>
      <w:lvlJc w:val="left"/>
      <w:pPr>
        <w:ind w:left="794" w:hanging="794"/>
      </w:pPr>
      <w:rPr>
        <w:rFonts w:hint="default"/>
      </w:rPr>
    </w:lvl>
    <w:lvl w:ilvl="3">
      <w:start w:val="1"/>
      <w:numFmt w:val="none"/>
      <w:lvlText w:val=""/>
      <w:lvlJc w:val="left"/>
      <w:pPr>
        <w:ind w:left="680" w:firstLine="0"/>
      </w:pPr>
      <w:rPr>
        <w:rFonts w:hint="default"/>
      </w:rPr>
    </w:lvl>
    <w:lvl w:ilvl="4">
      <w:start w:val="1"/>
      <w:numFmt w:val="none"/>
      <w:lvlText w:val=""/>
      <w:lvlJc w:val="left"/>
      <w:pPr>
        <w:ind w:left="680" w:firstLine="0"/>
      </w:pPr>
      <w:rPr>
        <w:rFonts w:hint="default"/>
      </w:rPr>
    </w:lvl>
    <w:lvl w:ilvl="5">
      <w:start w:val="1"/>
      <w:numFmt w:val="none"/>
      <w:lvlText w:val=""/>
      <w:lvlJc w:val="left"/>
      <w:pPr>
        <w:ind w:left="680" w:firstLine="0"/>
      </w:pPr>
      <w:rPr>
        <w:rFonts w:hint="default"/>
      </w:rPr>
    </w:lvl>
    <w:lvl w:ilvl="6">
      <w:start w:val="1"/>
      <w:numFmt w:val="none"/>
      <w:lvlText w:val=""/>
      <w:lvlJc w:val="left"/>
      <w:pPr>
        <w:ind w:left="680" w:firstLine="0"/>
      </w:pPr>
      <w:rPr>
        <w:rFonts w:hint="default"/>
      </w:rPr>
    </w:lvl>
    <w:lvl w:ilvl="7">
      <w:start w:val="1"/>
      <w:numFmt w:val="none"/>
      <w:lvlText w:val=""/>
      <w:lvlJc w:val="left"/>
      <w:pPr>
        <w:ind w:left="680" w:firstLine="0"/>
      </w:pPr>
      <w:rPr>
        <w:rFonts w:hint="default"/>
      </w:rPr>
    </w:lvl>
    <w:lvl w:ilvl="8">
      <w:start w:val="1"/>
      <w:numFmt w:val="none"/>
      <w:lvlText w:val=""/>
      <w:lvlJc w:val="left"/>
      <w:pPr>
        <w:ind w:left="680" w:firstLine="0"/>
      </w:pPr>
      <w:rPr>
        <w:rFonts w:hint="default"/>
      </w:rPr>
    </w:lvl>
  </w:abstractNum>
  <w:abstractNum w:abstractNumId="1" w15:restartNumberingAfterBreak="0">
    <w:nsid w:val="1229704C"/>
    <w:multiLevelType w:val="hybridMultilevel"/>
    <w:tmpl w:val="7AE8AB1A"/>
    <w:lvl w:ilvl="0" w:tplc="04090005">
      <w:start w:val="1"/>
      <w:numFmt w:val="bullet"/>
      <w:lvlText w:val=""/>
      <w:lvlJc w:val="left"/>
      <w:pPr>
        <w:ind w:left="360" w:hanging="360"/>
      </w:pPr>
      <w:rPr>
        <w:rFonts w:ascii="Wingdings" w:hAnsi="Wingding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 w15:restartNumberingAfterBreak="0">
    <w:nsid w:val="178463C6"/>
    <w:multiLevelType w:val="hybridMultilevel"/>
    <w:tmpl w:val="8A484BC2"/>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3" w15:restartNumberingAfterBreak="0">
    <w:nsid w:val="21DD4490"/>
    <w:multiLevelType w:val="multilevel"/>
    <w:tmpl w:val="40EE3D44"/>
    <w:numStyleLink w:val="ListHeadings"/>
  </w:abstractNum>
  <w:abstractNum w:abstractNumId="4" w15:restartNumberingAfterBreak="0">
    <w:nsid w:val="3B9C04A7"/>
    <w:multiLevelType w:val="multilevel"/>
    <w:tmpl w:val="EDEE44D6"/>
    <w:lvl w:ilvl="0">
      <w:start w:val="1"/>
      <w:numFmt w:val="bullet"/>
      <w:lvlText w:val="▪"/>
      <w:lvlJc w:val="left"/>
      <w:pPr>
        <w:ind w:left="357" w:hanging="357"/>
      </w:pPr>
      <w:rPr>
        <w:rFonts w:ascii="Arial" w:hAnsi="Arial" w:hint="default"/>
        <w:b w:val="0"/>
        <w:i w:val="0"/>
        <w:color w:val="86B5BD" w:themeColor="text2"/>
        <w:spacing w:val="0"/>
        <w:w w:val="100"/>
        <w:kern w:val="0"/>
        <w:position w:val="0"/>
        <w:sz w:val="28"/>
      </w:rPr>
    </w:lvl>
    <w:lvl w:ilvl="1">
      <w:start w:val="1"/>
      <w:numFmt w:val="bullet"/>
      <w:lvlText w:val="o"/>
      <w:lvlJc w:val="left"/>
      <w:pPr>
        <w:ind w:left="1440" w:hanging="363"/>
      </w:pPr>
      <w:rPr>
        <w:rFonts w:ascii="Courier New" w:hAnsi="Courier New" w:hint="default"/>
        <w:color w:val="auto"/>
      </w:rPr>
    </w:lvl>
    <w:lvl w:ilvl="2">
      <w:start w:val="1"/>
      <w:numFmt w:val="bullet"/>
      <w:lvlText w:val="▪"/>
      <w:lvlJc w:val="left"/>
      <w:pPr>
        <w:ind w:left="2160" w:hanging="363"/>
      </w:pPr>
      <w:rPr>
        <w:rFonts w:ascii="Arial" w:hAnsi="Arial" w:hint="default"/>
        <w:color w:val="auto"/>
      </w:rPr>
    </w:lvl>
    <w:lvl w:ilvl="3">
      <w:start w:val="1"/>
      <w:numFmt w:val="bullet"/>
      <w:pStyle w:val="ListBullet4"/>
      <w:lvlText w:val="‒"/>
      <w:lvlJc w:val="left"/>
      <w:pPr>
        <w:ind w:left="1136" w:hanging="284"/>
      </w:pPr>
      <w:rPr>
        <w:rFonts w:ascii="Arial" w:hAnsi="Arial" w:hint="default"/>
        <w:color w:val="86B5BD" w:themeColor="text2"/>
      </w:rPr>
    </w:lvl>
    <w:lvl w:ilvl="4">
      <w:start w:val="1"/>
      <w:numFmt w:val="bullet"/>
      <w:pStyle w:val="ListContinue5"/>
      <w:lvlText w:val="‒"/>
      <w:lvlJc w:val="left"/>
      <w:pPr>
        <w:ind w:left="1420" w:hanging="284"/>
      </w:pPr>
      <w:rPr>
        <w:rFonts w:ascii="Arial" w:hAnsi="Arial" w:hint="default"/>
        <w:color w:val="86B5BD" w:themeColor="text2"/>
      </w:rPr>
    </w:lvl>
    <w:lvl w:ilvl="5">
      <w:start w:val="1"/>
      <w:numFmt w:val="bullet"/>
      <w:lvlText w:val="‒"/>
      <w:lvlJc w:val="left"/>
      <w:pPr>
        <w:ind w:left="1704" w:hanging="284"/>
      </w:pPr>
      <w:rPr>
        <w:rFonts w:ascii="Arial" w:hAnsi="Arial" w:hint="default"/>
        <w:color w:val="86B5BD" w:themeColor="text2"/>
      </w:rPr>
    </w:lvl>
    <w:lvl w:ilvl="6">
      <w:start w:val="1"/>
      <w:numFmt w:val="bullet"/>
      <w:lvlText w:val="‒"/>
      <w:lvlJc w:val="left"/>
      <w:pPr>
        <w:ind w:left="1988" w:hanging="284"/>
      </w:pPr>
      <w:rPr>
        <w:rFonts w:ascii="Arial" w:hAnsi="Arial" w:hint="default"/>
        <w:color w:val="86B5BD" w:themeColor="text2"/>
      </w:rPr>
    </w:lvl>
    <w:lvl w:ilvl="7">
      <w:start w:val="1"/>
      <w:numFmt w:val="bullet"/>
      <w:lvlText w:val="‒"/>
      <w:lvlJc w:val="left"/>
      <w:pPr>
        <w:ind w:left="2272" w:hanging="284"/>
      </w:pPr>
      <w:rPr>
        <w:rFonts w:ascii="Arial" w:hAnsi="Arial" w:hint="default"/>
        <w:color w:val="86B5BD" w:themeColor="text2"/>
      </w:rPr>
    </w:lvl>
    <w:lvl w:ilvl="8">
      <w:start w:val="1"/>
      <w:numFmt w:val="bullet"/>
      <w:lvlText w:val="‒"/>
      <w:lvlJc w:val="left"/>
      <w:pPr>
        <w:ind w:left="2556" w:hanging="284"/>
      </w:pPr>
      <w:rPr>
        <w:rFonts w:ascii="Arial" w:hAnsi="Arial" w:hint="default"/>
        <w:color w:val="86B5BD" w:themeColor="text2"/>
      </w:rPr>
    </w:lvl>
  </w:abstractNum>
  <w:abstractNum w:abstractNumId="5" w15:restartNumberingAfterBreak="0">
    <w:nsid w:val="4DF57664"/>
    <w:multiLevelType w:val="multilevel"/>
    <w:tmpl w:val="51464FE4"/>
    <w:styleLink w:val="ListBullets"/>
    <w:lvl w:ilvl="0">
      <w:start w:val="1"/>
      <w:numFmt w:val="bullet"/>
      <w:lvlRestart w:val="0"/>
      <w:pStyle w:val="ListBullet"/>
      <w:lvlText w:val="▪"/>
      <w:lvlJc w:val="left"/>
      <w:pPr>
        <w:ind w:left="340" w:hanging="340"/>
      </w:pPr>
      <w:rPr>
        <w:rFonts w:ascii="Arial" w:hAnsi="Arial" w:hint="default"/>
        <w:color w:val="86B5BD" w:themeColor="accent2"/>
        <w:sz w:val="24"/>
      </w:rPr>
    </w:lvl>
    <w:lvl w:ilvl="1">
      <w:start w:val="1"/>
      <w:numFmt w:val="bullet"/>
      <w:pStyle w:val="ListBullet2"/>
      <w:lvlText w:val="‒"/>
      <w:lvlJc w:val="left"/>
      <w:pPr>
        <w:ind w:left="680" w:hanging="340"/>
      </w:pPr>
      <w:rPr>
        <w:rFonts w:ascii="Arial" w:hAnsi="Arial" w:hint="default"/>
        <w:color w:val="86B5BD" w:themeColor="accent2"/>
      </w:rPr>
    </w:lvl>
    <w:lvl w:ilvl="2">
      <w:start w:val="1"/>
      <w:numFmt w:val="bullet"/>
      <w:pStyle w:val="ListBullet3"/>
      <w:lvlText w:val="‒"/>
      <w:lvlJc w:val="left"/>
      <w:pPr>
        <w:ind w:left="1020" w:hanging="340"/>
      </w:pPr>
      <w:rPr>
        <w:rFonts w:ascii="Arial" w:hAnsi="Arial" w:hint="default"/>
        <w:color w:val="86B5BD" w:themeColor="accent2"/>
      </w:rPr>
    </w:lvl>
    <w:lvl w:ilvl="3">
      <w:start w:val="1"/>
      <w:numFmt w:val="none"/>
      <w:lvlText w:val=""/>
      <w:lvlJc w:val="left"/>
      <w:pPr>
        <w:ind w:left="0" w:firstLine="0"/>
      </w:pPr>
      <w:rPr>
        <w:rFonts w:hint="default"/>
        <w:color w:val="86B5BD" w:themeColor="text2"/>
      </w:rPr>
    </w:lvl>
    <w:lvl w:ilvl="4">
      <w:start w:val="1"/>
      <w:numFmt w:val="none"/>
      <w:lvlText w:val=""/>
      <w:lvlJc w:val="left"/>
      <w:pPr>
        <w:ind w:left="0" w:firstLine="0"/>
      </w:pPr>
      <w:rPr>
        <w:rFonts w:hint="default"/>
        <w:color w:val="86B5BD" w:themeColor="text2"/>
      </w:rPr>
    </w:lvl>
    <w:lvl w:ilvl="5">
      <w:start w:val="1"/>
      <w:numFmt w:val="none"/>
      <w:lvlText w:val=""/>
      <w:lvlJc w:val="left"/>
      <w:pPr>
        <w:ind w:left="0" w:firstLine="0"/>
      </w:pPr>
      <w:rPr>
        <w:rFonts w:hint="default"/>
        <w:color w:val="86B5BD" w:themeColor="text2"/>
      </w:rPr>
    </w:lvl>
    <w:lvl w:ilvl="6">
      <w:start w:val="1"/>
      <w:numFmt w:val="none"/>
      <w:lvlText w:val=""/>
      <w:lvlJc w:val="left"/>
      <w:pPr>
        <w:ind w:left="0" w:firstLine="0"/>
      </w:pPr>
      <w:rPr>
        <w:rFonts w:hint="default"/>
        <w:color w:val="86B5BD" w:themeColor="text2"/>
      </w:rPr>
    </w:lvl>
    <w:lvl w:ilvl="7">
      <w:start w:val="1"/>
      <w:numFmt w:val="none"/>
      <w:lvlText w:val=""/>
      <w:lvlJc w:val="left"/>
      <w:pPr>
        <w:ind w:left="0" w:firstLine="0"/>
      </w:pPr>
      <w:rPr>
        <w:rFonts w:hint="default"/>
        <w:color w:val="86B5BD" w:themeColor="text2"/>
      </w:rPr>
    </w:lvl>
    <w:lvl w:ilvl="8">
      <w:start w:val="1"/>
      <w:numFmt w:val="none"/>
      <w:lvlText w:val=""/>
      <w:lvlJc w:val="left"/>
      <w:pPr>
        <w:ind w:left="0" w:firstLine="0"/>
      </w:pPr>
      <w:rPr>
        <w:rFonts w:hint="default"/>
        <w:color w:val="86B5BD" w:themeColor="text2"/>
      </w:rPr>
    </w:lvl>
  </w:abstractNum>
  <w:abstractNum w:abstractNumId="6" w15:restartNumberingAfterBreak="0">
    <w:nsid w:val="59A14AD1"/>
    <w:multiLevelType w:val="hybridMultilevel"/>
    <w:tmpl w:val="A9AA6490"/>
    <w:lvl w:ilvl="0" w:tplc="EFFADA22">
      <w:start w:val="1"/>
      <w:numFmt w:val="bullet"/>
      <w:lvlText w:val=""/>
      <w:lvlJc w:val="left"/>
      <w:pPr>
        <w:ind w:left="360" w:hanging="360"/>
      </w:pPr>
      <w:rPr>
        <w:rFonts w:ascii="Wingdings" w:hAnsi="Wingdings" w:hint="default"/>
        <w:color w:val="905CB4" w:themeColor="accent5" w:themeTint="99"/>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7" w15:restartNumberingAfterBreak="0">
    <w:nsid w:val="64EF601B"/>
    <w:multiLevelType w:val="multilevel"/>
    <w:tmpl w:val="89E21184"/>
    <w:styleLink w:val="ListNumbers"/>
    <w:lvl w:ilvl="0">
      <w:start w:val="1"/>
      <w:numFmt w:val="decimal"/>
      <w:lvlRestart w:val="0"/>
      <w:pStyle w:val="ListNumber"/>
      <w:lvlText w:val="%1."/>
      <w:lvlJc w:val="left"/>
      <w:pPr>
        <w:ind w:left="340" w:hanging="340"/>
      </w:pPr>
      <w:rPr>
        <w:b/>
        <w:i w:val="0"/>
        <w:color w:val="86B5BD" w:themeColor="accent2"/>
        <w:sz w:val="20"/>
      </w:rPr>
    </w:lvl>
    <w:lvl w:ilvl="1">
      <w:start w:val="1"/>
      <w:numFmt w:val="lowerLetter"/>
      <w:pStyle w:val="ListNumber2"/>
      <w:lvlText w:val="%2"/>
      <w:lvlJc w:val="left"/>
      <w:pPr>
        <w:ind w:left="680" w:hanging="340"/>
      </w:pPr>
      <w:rPr>
        <w:rFonts w:hint="default"/>
        <w:color w:val="auto"/>
      </w:rPr>
    </w:lvl>
    <w:lvl w:ilvl="2">
      <w:start w:val="1"/>
      <w:numFmt w:val="lowerRoman"/>
      <w:pStyle w:val="ListNumber3"/>
      <w:lvlText w:val="%3"/>
      <w:lvlJc w:val="left"/>
      <w:pPr>
        <w:ind w:left="1020" w:hanging="340"/>
      </w:pPr>
      <w:rPr>
        <w:rFonts w:hint="default"/>
        <w:color w:val="auto"/>
      </w:rPr>
    </w:lvl>
    <w:lvl w:ilvl="3">
      <w:start w:val="1"/>
      <w:numFmt w:val="none"/>
      <w:lvlText w:val=""/>
      <w:lvlJc w:val="left"/>
      <w:pPr>
        <w:ind w:left="1360" w:hanging="34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1489979671">
    <w:abstractNumId w:val="5"/>
  </w:num>
  <w:num w:numId="2" w16cid:durableId="229080214">
    <w:abstractNumId w:val="7"/>
  </w:num>
  <w:num w:numId="3" w16cid:durableId="126974896">
    <w:abstractNumId w:val="0"/>
  </w:num>
  <w:num w:numId="4" w16cid:durableId="1287155754">
    <w:abstractNumId w:val="5"/>
  </w:num>
  <w:num w:numId="5" w16cid:durableId="193348920">
    <w:abstractNumId w:val="7"/>
  </w:num>
  <w:num w:numId="6" w16cid:durableId="2070957812">
    <w:abstractNumId w:val="4"/>
  </w:num>
  <w:num w:numId="7" w16cid:durableId="1401708610">
    <w:abstractNumId w:val="3"/>
  </w:num>
  <w:num w:numId="8" w16cid:durableId="1686206134">
    <w:abstractNumId w:val="5"/>
  </w:num>
  <w:num w:numId="9" w16cid:durableId="1797135535">
    <w:abstractNumId w:val="5"/>
  </w:num>
  <w:num w:numId="10" w16cid:durableId="369232890">
    <w:abstractNumId w:val="5"/>
  </w:num>
  <w:num w:numId="11" w16cid:durableId="956064681">
    <w:abstractNumId w:val="5"/>
  </w:num>
  <w:num w:numId="12" w16cid:durableId="416485910">
    <w:abstractNumId w:val="5"/>
  </w:num>
  <w:num w:numId="13" w16cid:durableId="321473395">
    <w:abstractNumId w:val="7"/>
  </w:num>
  <w:num w:numId="14" w16cid:durableId="1212885849">
    <w:abstractNumId w:val="7"/>
  </w:num>
  <w:num w:numId="15" w16cid:durableId="842471175">
    <w:abstractNumId w:val="7"/>
  </w:num>
  <w:num w:numId="16" w16cid:durableId="441071896">
    <w:abstractNumId w:val="7"/>
  </w:num>
  <w:num w:numId="17" w16cid:durableId="429591031">
    <w:abstractNumId w:val="7"/>
  </w:num>
  <w:num w:numId="18" w16cid:durableId="200632849">
    <w:abstractNumId w:val="5"/>
  </w:num>
  <w:num w:numId="19" w16cid:durableId="1737849881">
    <w:abstractNumId w:val="0"/>
  </w:num>
  <w:num w:numId="20" w16cid:durableId="707341444">
    <w:abstractNumId w:val="7"/>
  </w:num>
  <w:num w:numId="21" w16cid:durableId="83117663">
    <w:abstractNumId w:val="5"/>
  </w:num>
  <w:num w:numId="22" w16cid:durableId="2102136812">
    <w:abstractNumId w:val="5"/>
  </w:num>
  <w:num w:numId="23" w16cid:durableId="95440988">
    <w:abstractNumId w:val="5"/>
  </w:num>
  <w:num w:numId="24" w16cid:durableId="669716972">
    <w:abstractNumId w:val="5"/>
  </w:num>
  <w:num w:numId="25" w16cid:durableId="1330328927">
    <w:abstractNumId w:val="5"/>
  </w:num>
  <w:num w:numId="26" w16cid:durableId="922834487">
    <w:abstractNumId w:val="5"/>
  </w:num>
  <w:num w:numId="27" w16cid:durableId="1043166114">
    <w:abstractNumId w:val="4"/>
  </w:num>
  <w:num w:numId="28" w16cid:durableId="1457336979">
    <w:abstractNumId w:val="4"/>
  </w:num>
  <w:num w:numId="29" w16cid:durableId="311059772">
    <w:abstractNumId w:val="3"/>
  </w:num>
  <w:num w:numId="30" w16cid:durableId="38824426">
    <w:abstractNumId w:val="3"/>
  </w:num>
  <w:num w:numId="31" w16cid:durableId="593588643">
    <w:abstractNumId w:val="3"/>
  </w:num>
  <w:num w:numId="32" w16cid:durableId="1061904306">
    <w:abstractNumId w:val="7"/>
  </w:num>
  <w:num w:numId="33" w16cid:durableId="165947655">
    <w:abstractNumId w:val="7"/>
  </w:num>
  <w:num w:numId="34" w16cid:durableId="683748227">
    <w:abstractNumId w:val="7"/>
  </w:num>
  <w:num w:numId="35" w16cid:durableId="1786584172">
    <w:abstractNumId w:val="7"/>
  </w:num>
  <w:num w:numId="36" w16cid:durableId="189034067">
    <w:abstractNumId w:val="7"/>
  </w:num>
  <w:num w:numId="37" w16cid:durableId="626162242">
    <w:abstractNumId w:val="7"/>
  </w:num>
  <w:num w:numId="38" w16cid:durableId="906647696">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2059158085">
    <w:abstractNumId w:val="1"/>
  </w:num>
  <w:num w:numId="40" w16cid:durableId="1761024891">
    <w:abstractNumId w:val="2"/>
  </w:num>
  <w:num w:numId="41" w16cid:durableId="1632596217">
    <w:abstractNumId w:val="6"/>
  </w:num>
  <w:numIdMacAtCleanup w:val="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isplayBackgroundShape/>
  <w:proofState w:spelling="clean" w:grammar="clean"/>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F1757"/>
    <w:rsid w:val="00004EEA"/>
    <w:rsid w:val="00007F5A"/>
    <w:rsid w:val="00015A8D"/>
    <w:rsid w:val="00015CB5"/>
    <w:rsid w:val="00017797"/>
    <w:rsid w:val="0002323A"/>
    <w:rsid w:val="00030893"/>
    <w:rsid w:val="00053289"/>
    <w:rsid w:val="00060312"/>
    <w:rsid w:val="00066416"/>
    <w:rsid w:val="00073C27"/>
    <w:rsid w:val="0009793A"/>
    <w:rsid w:val="000B7607"/>
    <w:rsid w:val="000C36BA"/>
    <w:rsid w:val="000C75FA"/>
    <w:rsid w:val="000D0EED"/>
    <w:rsid w:val="000D1DD0"/>
    <w:rsid w:val="000D3791"/>
    <w:rsid w:val="000D530A"/>
    <w:rsid w:val="000E6077"/>
    <w:rsid w:val="000E7326"/>
    <w:rsid w:val="00101F5F"/>
    <w:rsid w:val="00114D79"/>
    <w:rsid w:val="00116AE6"/>
    <w:rsid w:val="00123DF7"/>
    <w:rsid w:val="001260A5"/>
    <w:rsid w:val="00130F56"/>
    <w:rsid w:val="00134967"/>
    <w:rsid w:val="00135002"/>
    <w:rsid w:val="001377AD"/>
    <w:rsid w:val="0014283D"/>
    <w:rsid w:val="0014654F"/>
    <w:rsid w:val="0015029D"/>
    <w:rsid w:val="00166EB8"/>
    <w:rsid w:val="00175F7F"/>
    <w:rsid w:val="00185648"/>
    <w:rsid w:val="00190A86"/>
    <w:rsid w:val="00192FD4"/>
    <w:rsid w:val="00197E18"/>
    <w:rsid w:val="001B2C39"/>
    <w:rsid w:val="001B4DE1"/>
    <w:rsid w:val="001C1317"/>
    <w:rsid w:val="001C65FA"/>
    <w:rsid w:val="001C75C7"/>
    <w:rsid w:val="001D6018"/>
    <w:rsid w:val="001D7F89"/>
    <w:rsid w:val="001E399B"/>
    <w:rsid w:val="001E73A0"/>
    <w:rsid w:val="001E7428"/>
    <w:rsid w:val="001F1713"/>
    <w:rsid w:val="002211B1"/>
    <w:rsid w:val="00235E20"/>
    <w:rsid w:val="00235FA0"/>
    <w:rsid w:val="0024407E"/>
    <w:rsid w:val="0025343F"/>
    <w:rsid w:val="002611CD"/>
    <w:rsid w:val="002734F7"/>
    <w:rsid w:val="00274DD8"/>
    <w:rsid w:val="0028191A"/>
    <w:rsid w:val="0028445C"/>
    <w:rsid w:val="002B07AC"/>
    <w:rsid w:val="002C1247"/>
    <w:rsid w:val="002C384D"/>
    <w:rsid w:val="002C6EF5"/>
    <w:rsid w:val="002D3628"/>
    <w:rsid w:val="002D48D2"/>
    <w:rsid w:val="002E3093"/>
    <w:rsid w:val="002F2592"/>
    <w:rsid w:val="002F7880"/>
    <w:rsid w:val="0030033F"/>
    <w:rsid w:val="00300BD5"/>
    <w:rsid w:val="00300CA4"/>
    <w:rsid w:val="003058CD"/>
    <w:rsid w:val="0031576B"/>
    <w:rsid w:val="003210A0"/>
    <w:rsid w:val="003250A3"/>
    <w:rsid w:val="003259EC"/>
    <w:rsid w:val="00354D22"/>
    <w:rsid w:val="00357194"/>
    <w:rsid w:val="003672E1"/>
    <w:rsid w:val="003806A2"/>
    <w:rsid w:val="00384647"/>
    <w:rsid w:val="00385CB8"/>
    <w:rsid w:val="003A22C8"/>
    <w:rsid w:val="003B5112"/>
    <w:rsid w:val="003B5658"/>
    <w:rsid w:val="003C0140"/>
    <w:rsid w:val="003C213D"/>
    <w:rsid w:val="003C2A25"/>
    <w:rsid w:val="003C49B1"/>
    <w:rsid w:val="003C62BC"/>
    <w:rsid w:val="003D3D1A"/>
    <w:rsid w:val="003E035E"/>
    <w:rsid w:val="003F02B0"/>
    <w:rsid w:val="004013C7"/>
    <w:rsid w:val="00405CB6"/>
    <w:rsid w:val="0041689C"/>
    <w:rsid w:val="00420365"/>
    <w:rsid w:val="004253F3"/>
    <w:rsid w:val="004312B9"/>
    <w:rsid w:val="004315C7"/>
    <w:rsid w:val="004365B7"/>
    <w:rsid w:val="0044050C"/>
    <w:rsid w:val="004465D6"/>
    <w:rsid w:val="00453B8D"/>
    <w:rsid w:val="00460952"/>
    <w:rsid w:val="00461021"/>
    <w:rsid w:val="00470F4D"/>
    <w:rsid w:val="00476708"/>
    <w:rsid w:val="004814CA"/>
    <w:rsid w:val="004824A9"/>
    <w:rsid w:val="004917CB"/>
    <w:rsid w:val="004935B4"/>
    <w:rsid w:val="004937D2"/>
    <w:rsid w:val="00496D33"/>
    <w:rsid w:val="004A0729"/>
    <w:rsid w:val="004A6D65"/>
    <w:rsid w:val="004A6E3D"/>
    <w:rsid w:val="004B66E5"/>
    <w:rsid w:val="004C21B2"/>
    <w:rsid w:val="004C3203"/>
    <w:rsid w:val="004C451E"/>
    <w:rsid w:val="004C7455"/>
    <w:rsid w:val="004C787A"/>
    <w:rsid w:val="004D6B36"/>
    <w:rsid w:val="004E56B3"/>
    <w:rsid w:val="004F48E1"/>
    <w:rsid w:val="0051147E"/>
    <w:rsid w:val="005174E6"/>
    <w:rsid w:val="005200A1"/>
    <w:rsid w:val="0052241D"/>
    <w:rsid w:val="00523AEE"/>
    <w:rsid w:val="005370AA"/>
    <w:rsid w:val="00540E62"/>
    <w:rsid w:val="00541E3E"/>
    <w:rsid w:val="00543E28"/>
    <w:rsid w:val="00554CFC"/>
    <w:rsid w:val="00566AAF"/>
    <w:rsid w:val="00570F63"/>
    <w:rsid w:val="00587DDC"/>
    <w:rsid w:val="00592098"/>
    <w:rsid w:val="00592EA6"/>
    <w:rsid w:val="005A2D28"/>
    <w:rsid w:val="005A46C2"/>
    <w:rsid w:val="005A5FAE"/>
    <w:rsid w:val="005A7CA0"/>
    <w:rsid w:val="005B354B"/>
    <w:rsid w:val="005C549A"/>
    <w:rsid w:val="005D466B"/>
    <w:rsid w:val="005D55A5"/>
    <w:rsid w:val="005E743B"/>
    <w:rsid w:val="005F3D9C"/>
    <w:rsid w:val="005F634B"/>
    <w:rsid w:val="005F7612"/>
    <w:rsid w:val="00601239"/>
    <w:rsid w:val="00601DF8"/>
    <w:rsid w:val="006025CB"/>
    <w:rsid w:val="00611691"/>
    <w:rsid w:val="00614BB8"/>
    <w:rsid w:val="006262A1"/>
    <w:rsid w:val="00631584"/>
    <w:rsid w:val="00636558"/>
    <w:rsid w:val="00637E5F"/>
    <w:rsid w:val="0064291A"/>
    <w:rsid w:val="00644CB7"/>
    <w:rsid w:val="006462D9"/>
    <w:rsid w:val="006504B2"/>
    <w:rsid w:val="006527E5"/>
    <w:rsid w:val="006550A8"/>
    <w:rsid w:val="006638B6"/>
    <w:rsid w:val="00664F90"/>
    <w:rsid w:val="00666592"/>
    <w:rsid w:val="00672F31"/>
    <w:rsid w:val="00680A2B"/>
    <w:rsid w:val="00683D42"/>
    <w:rsid w:val="0069404B"/>
    <w:rsid w:val="006A4400"/>
    <w:rsid w:val="006B75CF"/>
    <w:rsid w:val="006C5D17"/>
    <w:rsid w:val="006D408B"/>
    <w:rsid w:val="006E3A23"/>
    <w:rsid w:val="006E55C2"/>
    <w:rsid w:val="006F58C9"/>
    <w:rsid w:val="006F58CD"/>
    <w:rsid w:val="0070158B"/>
    <w:rsid w:val="00703745"/>
    <w:rsid w:val="00703790"/>
    <w:rsid w:val="00717B00"/>
    <w:rsid w:val="00721B0F"/>
    <w:rsid w:val="00751BBB"/>
    <w:rsid w:val="007562DB"/>
    <w:rsid w:val="00761D3E"/>
    <w:rsid w:val="00766E86"/>
    <w:rsid w:val="00771FDB"/>
    <w:rsid w:val="00781D39"/>
    <w:rsid w:val="00792772"/>
    <w:rsid w:val="00796230"/>
    <w:rsid w:val="007C07C9"/>
    <w:rsid w:val="007C0A0E"/>
    <w:rsid w:val="007C3E4A"/>
    <w:rsid w:val="007D3E3E"/>
    <w:rsid w:val="007D66FC"/>
    <w:rsid w:val="007E061F"/>
    <w:rsid w:val="007F2D2A"/>
    <w:rsid w:val="00802F0F"/>
    <w:rsid w:val="00805EFF"/>
    <w:rsid w:val="008177D7"/>
    <w:rsid w:val="00817F3E"/>
    <w:rsid w:val="008263BE"/>
    <w:rsid w:val="0083320F"/>
    <w:rsid w:val="008365A1"/>
    <w:rsid w:val="00842CB0"/>
    <w:rsid w:val="00854195"/>
    <w:rsid w:val="00854C31"/>
    <w:rsid w:val="00855A46"/>
    <w:rsid w:val="00875C84"/>
    <w:rsid w:val="008820F3"/>
    <w:rsid w:val="0088370A"/>
    <w:rsid w:val="00896E20"/>
    <w:rsid w:val="008A273B"/>
    <w:rsid w:val="008A469A"/>
    <w:rsid w:val="008C54FE"/>
    <w:rsid w:val="008C570C"/>
    <w:rsid w:val="008D3554"/>
    <w:rsid w:val="008D7897"/>
    <w:rsid w:val="008E1E18"/>
    <w:rsid w:val="008E7D7F"/>
    <w:rsid w:val="008F5A7E"/>
    <w:rsid w:val="0090572F"/>
    <w:rsid w:val="00940A55"/>
    <w:rsid w:val="009425B9"/>
    <w:rsid w:val="00950257"/>
    <w:rsid w:val="0095027C"/>
    <w:rsid w:val="0096162E"/>
    <w:rsid w:val="00963A81"/>
    <w:rsid w:val="00977150"/>
    <w:rsid w:val="00981D1F"/>
    <w:rsid w:val="0098679E"/>
    <w:rsid w:val="009870A7"/>
    <w:rsid w:val="00995909"/>
    <w:rsid w:val="009A0AB0"/>
    <w:rsid w:val="009A59A5"/>
    <w:rsid w:val="009B05FD"/>
    <w:rsid w:val="009B1F2C"/>
    <w:rsid w:val="009B3B5A"/>
    <w:rsid w:val="009C0E86"/>
    <w:rsid w:val="009C53D4"/>
    <w:rsid w:val="009D060F"/>
    <w:rsid w:val="009D2AB4"/>
    <w:rsid w:val="009D3D9A"/>
    <w:rsid w:val="009E4B10"/>
    <w:rsid w:val="009F1757"/>
    <w:rsid w:val="009F6567"/>
    <w:rsid w:val="00A00B68"/>
    <w:rsid w:val="00A0489C"/>
    <w:rsid w:val="00A106B3"/>
    <w:rsid w:val="00A160B2"/>
    <w:rsid w:val="00A16B37"/>
    <w:rsid w:val="00A31C09"/>
    <w:rsid w:val="00A32FF3"/>
    <w:rsid w:val="00A353F0"/>
    <w:rsid w:val="00A379E7"/>
    <w:rsid w:val="00A37E1C"/>
    <w:rsid w:val="00A403AF"/>
    <w:rsid w:val="00A52CCA"/>
    <w:rsid w:val="00A53A29"/>
    <w:rsid w:val="00A54CFB"/>
    <w:rsid w:val="00A600CB"/>
    <w:rsid w:val="00A6215F"/>
    <w:rsid w:val="00A62660"/>
    <w:rsid w:val="00A62D7F"/>
    <w:rsid w:val="00A6620D"/>
    <w:rsid w:val="00A7410C"/>
    <w:rsid w:val="00A85DA5"/>
    <w:rsid w:val="00A9131B"/>
    <w:rsid w:val="00AB0E0F"/>
    <w:rsid w:val="00AC3AB6"/>
    <w:rsid w:val="00AC401A"/>
    <w:rsid w:val="00AC6588"/>
    <w:rsid w:val="00AE5EB4"/>
    <w:rsid w:val="00AF0382"/>
    <w:rsid w:val="00AF49C4"/>
    <w:rsid w:val="00AF6F9E"/>
    <w:rsid w:val="00B02AD3"/>
    <w:rsid w:val="00B04E9C"/>
    <w:rsid w:val="00B3150E"/>
    <w:rsid w:val="00B36740"/>
    <w:rsid w:val="00B50F04"/>
    <w:rsid w:val="00B52AFF"/>
    <w:rsid w:val="00B57500"/>
    <w:rsid w:val="00B71185"/>
    <w:rsid w:val="00B76C78"/>
    <w:rsid w:val="00B8017D"/>
    <w:rsid w:val="00BA6635"/>
    <w:rsid w:val="00BB0741"/>
    <w:rsid w:val="00BC6DB5"/>
    <w:rsid w:val="00BD2010"/>
    <w:rsid w:val="00BD79F6"/>
    <w:rsid w:val="00BD7F5D"/>
    <w:rsid w:val="00BE77E3"/>
    <w:rsid w:val="00BF6728"/>
    <w:rsid w:val="00C15BB4"/>
    <w:rsid w:val="00C2222D"/>
    <w:rsid w:val="00C25D82"/>
    <w:rsid w:val="00C30139"/>
    <w:rsid w:val="00C30CEF"/>
    <w:rsid w:val="00C36340"/>
    <w:rsid w:val="00C4533C"/>
    <w:rsid w:val="00C51EF5"/>
    <w:rsid w:val="00C668AD"/>
    <w:rsid w:val="00C73035"/>
    <w:rsid w:val="00C732CF"/>
    <w:rsid w:val="00C82B11"/>
    <w:rsid w:val="00C86F9D"/>
    <w:rsid w:val="00C94EED"/>
    <w:rsid w:val="00C97CF9"/>
    <w:rsid w:val="00CA0102"/>
    <w:rsid w:val="00CA2248"/>
    <w:rsid w:val="00CA4BC7"/>
    <w:rsid w:val="00CC1373"/>
    <w:rsid w:val="00CC22FB"/>
    <w:rsid w:val="00CC481E"/>
    <w:rsid w:val="00CC4FB5"/>
    <w:rsid w:val="00CD4F6D"/>
    <w:rsid w:val="00CE3700"/>
    <w:rsid w:val="00CE48B1"/>
    <w:rsid w:val="00CF39ED"/>
    <w:rsid w:val="00D0407A"/>
    <w:rsid w:val="00D068FA"/>
    <w:rsid w:val="00D06BE2"/>
    <w:rsid w:val="00D249B6"/>
    <w:rsid w:val="00D251F8"/>
    <w:rsid w:val="00D35CA0"/>
    <w:rsid w:val="00D43C3B"/>
    <w:rsid w:val="00D446EF"/>
    <w:rsid w:val="00D45E53"/>
    <w:rsid w:val="00D52050"/>
    <w:rsid w:val="00D55380"/>
    <w:rsid w:val="00D6227A"/>
    <w:rsid w:val="00D744D1"/>
    <w:rsid w:val="00D76DD2"/>
    <w:rsid w:val="00D939B4"/>
    <w:rsid w:val="00D97CFD"/>
    <w:rsid w:val="00DA02BA"/>
    <w:rsid w:val="00DB2CAE"/>
    <w:rsid w:val="00DB6282"/>
    <w:rsid w:val="00DC5E60"/>
    <w:rsid w:val="00DD51BC"/>
    <w:rsid w:val="00DE3E1D"/>
    <w:rsid w:val="00DF2895"/>
    <w:rsid w:val="00E00FB6"/>
    <w:rsid w:val="00E13CF0"/>
    <w:rsid w:val="00E16730"/>
    <w:rsid w:val="00E21F10"/>
    <w:rsid w:val="00E31F0C"/>
    <w:rsid w:val="00E35A61"/>
    <w:rsid w:val="00E459D2"/>
    <w:rsid w:val="00E460E2"/>
    <w:rsid w:val="00E477F1"/>
    <w:rsid w:val="00E5035E"/>
    <w:rsid w:val="00E53A6A"/>
    <w:rsid w:val="00E54D23"/>
    <w:rsid w:val="00E56462"/>
    <w:rsid w:val="00E72C0B"/>
    <w:rsid w:val="00E77996"/>
    <w:rsid w:val="00E80710"/>
    <w:rsid w:val="00E83B86"/>
    <w:rsid w:val="00E95D57"/>
    <w:rsid w:val="00EA1E81"/>
    <w:rsid w:val="00EC3824"/>
    <w:rsid w:val="00ED1B8A"/>
    <w:rsid w:val="00EE6CB8"/>
    <w:rsid w:val="00EF20A7"/>
    <w:rsid w:val="00EF33CC"/>
    <w:rsid w:val="00F131B6"/>
    <w:rsid w:val="00F13533"/>
    <w:rsid w:val="00F24A10"/>
    <w:rsid w:val="00F31BE1"/>
    <w:rsid w:val="00F37768"/>
    <w:rsid w:val="00F522A7"/>
    <w:rsid w:val="00F57247"/>
    <w:rsid w:val="00F6051B"/>
    <w:rsid w:val="00F62410"/>
    <w:rsid w:val="00F62B32"/>
    <w:rsid w:val="00F6707C"/>
    <w:rsid w:val="00F71938"/>
    <w:rsid w:val="00F816B6"/>
    <w:rsid w:val="00F87B00"/>
    <w:rsid w:val="00F943B6"/>
    <w:rsid w:val="00F948D3"/>
    <w:rsid w:val="00F97715"/>
    <w:rsid w:val="00FD0F85"/>
    <w:rsid w:val="00FD575F"/>
    <w:rsid w:val="00FD7B26"/>
    <w:rsid w:val="00FF4711"/>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E1FBC7C"/>
  <w15:docId w15:val="{16F83B7D-DD9F-7F44-B1F6-DA7F49A14F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 w:unhideWhenUsed="1"/>
    <w:lsdException w:name="footer" w:semiHidden="1" w:uiPriority="4"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8"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AC401A"/>
    <w:pPr>
      <w:spacing w:after="120"/>
    </w:pPr>
    <w:rPr>
      <w:lang w:val="en-US"/>
    </w:rPr>
  </w:style>
  <w:style w:type="paragraph" w:styleId="Heading1">
    <w:name w:val="heading 1"/>
    <w:aliases w:val="Heading 1 - New Page"/>
    <w:basedOn w:val="BaseHeading"/>
    <w:next w:val="BodyText"/>
    <w:link w:val="Heading1Char"/>
    <w:uiPriority w:val="9"/>
    <w:qFormat/>
    <w:rsid w:val="009B05FD"/>
    <w:pPr>
      <w:pageBreakBefore/>
      <w:spacing w:after="320"/>
      <w:outlineLvl w:val="0"/>
    </w:pPr>
    <w:rPr>
      <w:rFonts w:eastAsiaTheme="majorEastAsia" w:cstheme="majorBidi"/>
      <w:b/>
      <w:bCs/>
      <w:color w:val="21455D" w:themeColor="accent3"/>
      <w:sz w:val="32"/>
      <w:szCs w:val="60"/>
    </w:rPr>
  </w:style>
  <w:style w:type="paragraph" w:styleId="Heading2">
    <w:name w:val="heading 2"/>
    <w:aliases w:val="Sub Heading 2"/>
    <w:basedOn w:val="BaseHeading"/>
    <w:next w:val="BodyText"/>
    <w:link w:val="Heading2Char"/>
    <w:uiPriority w:val="9"/>
    <w:qFormat/>
    <w:rsid w:val="009B05FD"/>
    <w:pPr>
      <w:spacing w:before="240" w:after="240"/>
      <w:outlineLvl w:val="1"/>
    </w:pPr>
    <w:rPr>
      <w:rFonts w:eastAsiaTheme="majorEastAsia" w:cstheme="majorBidi"/>
      <w:b/>
      <w:bCs/>
      <w:color w:val="86B5BD" w:themeColor="text2"/>
      <w:sz w:val="24"/>
      <w:szCs w:val="24"/>
    </w:rPr>
  </w:style>
  <w:style w:type="paragraph" w:styleId="Heading3">
    <w:name w:val="heading 3"/>
    <w:aliases w:val="Sub Heading 3"/>
    <w:basedOn w:val="BaseHeading"/>
    <w:next w:val="BodyText"/>
    <w:link w:val="Heading3Char"/>
    <w:uiPriority w:val="9"/>
    <w:qFormat/>
    <w:rsid w:val="00A54CFB"/>
    <w:pPr>
      <w:spacing w:before="120" w:after="220"/>
      <w:outlineLvl w:val="2"/>
    </w:pPr>
    <w:rPr>
      <w:rFonts w:eastAsiaTheme="majorEastAsia" w:cstheme="majorBidi"/>
      <w:b/>
      <w:bCs/>
      <w:color w:val="21455D" w:themeColor="accent3"/>
      <w:szCs w:val="32"/>
    </w:rPr>
  </w:style>
  <w:style w:type="paragraph" w:styleId="Heading4">
    <w:name w:val="heading 4"/>
    <w:aliases w:val="Sub Heading 4"/>
    <w:basedOn w:val="BodyText"/>
    <w:next w:val="BodyText"/>
    <w:link w:val="Heading4Char"/>
    <w:uiPriority w:val="9"/>
    <w:qFormat/>
    <w:rsid w:val="00A54CFB"/>
    <w:pPr>
      <w:spacing w:before="60" w:after="60"/>
      <w:outlineLvl w:val="3"/>
    </w:pPr>
    <w:rPr>
      <w:b/>
      <w:bCs/>
      <w:color w:val="21455D" w:themeColor="accent3"/>
    </w:rPr>
  </w:style>
  <w:style w:type="paragraph" w:styleId="Heading5">
    <w:name w:val="heading 5"/>
    <w:basedOn w:val="Normal"/>
    <w:next w:val="Normal"/>
    <w:link w:val="Heading5Char"/>
    <w:uiPriority w:val="9"/>
    <w:semiHidden/>
    <w:qFormat/>
    <w:rsid w:val="009B05FD"/>
    <w:pPr>
      <w:keepNext/>
      <w:keepLines/>
      <w:spacing w:before="60"/>
      <w:outlineLvl w:val="4"/>
    </w:pPr>
    <w:rPr>
      <w:rFonts w:asciiTheme="majorHAnsi" w:eastAsiaTheme="majorEastAsia" w:hAnsiTheme="majorHAnsi" w:cstheme="majorBidi"/>
      <w:b/>
      <w:bCs/>
      <w:color w:val="000000"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uiPriority w:val="11"/>
    <w:qFormat/>
    <w:rsid w:val="009B05FD"/>
    <w:pPr>
      <w:spacing w:after="200"/>
    </w:pPr>
    <w:rPr>
      <w:color w:val="auto"/>
    </w:rPr>
  </w:style>
  <w:style w:type="character" w:customStyle="1" w:styleId="BodyTextChar">
    <w:name w:val="Body Text Char"/>
    <w:basedOn w:val="DefaultParagraphFont"/>
    <w:link w:val="BodyText"/>
    <w:uiPriority w:val="11"/>
    <w:rsid w:val="006D408B"/>
    <w:rPr>
      <w:sz w:val="20"/>
      <w:lang w:val="en-US"/>
    </w:rPr>
  </w:style>
  <w:style w:type="character" w:customStyle="1" w:styleId="Heading1Char">
    <w:name w:val="Heading 1 Char"/>
    <w:aliases w:val="Heading 1 - New Page Char"/>
    <w:basedOn w:val="DefaultParagraphFont"/>
    <w:link w:val="Heading1"/>
    <w:uiPriority w:val="9"/>
    <w:rsid w:val="009B05FD"/>
    <w:rPr>
      <w:rFonts w:asciiTheme="majorHAnsi" w:eastAsiaTheme="majorEastAsia" w:hAnsiTheme="majorHAnsi" w:cstheme="majorBidi"/>
      <w:b/>
      <w:bCs/>
      <w:color w:val="21455D" w:themeColor="accent3"/>
      <w:sz w:val="32"/>
      <w:szCs w:val="60"/>
      <w:lang w:val="en-US"/>
    </w:rPr>
  </w:style>
  <w:style w:type="character" w:customStyle="1" w:styleId="Heading2Char">
    <w:name w:val="Heading 2 Char"/>
    <w:aliases w:val="Sub Heading 2 Char"/>
    <w:basedOn w:val="DefaultParagraphFont"/>
    <w:link w:val="Heading2"/>
    <w:uiPriority w:val="9"/>
    <w:rsid w:val="009B05FD"/>
    <w:rPr>
      <w:rFonts w:asciiTheme="majorHAnsi" w:eastAsiaTheme="majorEastAsia" w:hAnsiTheme="majorHAnsi" w:cstheme="majorBidi"/>
      <w:b/>
      <w:bCs/>
      <w:color w:val="86B5BD" w:themeColor="text2"/>
      <w:sz w:val="24"/>
      <w:szCs w:val="24"/>
      <w:lang w:val="en-US"/>
    </w:rPr>
  </w:style>
  <w:style w:type="character" w:customStyle="1" w:styleId="Heading3Char">
    <w:name w:val="Heading 3 Char"/>
    <w:aliases w:val="Sub Heading 3 Char"/>
    <w:basedOn w:val="DefaultParagraphFont"/>
    <w:link w:val="Heading3"/>
    <w:uiPriority w:val="9"/>
    <w:rsid w:val="00A54CFB"/>
    <w:rPr>
      <w:rFonts w:asciiTheme="majorHAnsi" w:eastAsiaTheme="majorEastAsia" w:hAnsiTheme="majorHAnsi" w:cstheme="majorBidi"/>
      <w:b/>
      <w:bCs/>
      <w:color w:val="21455D" w:themeColor="accent3"/>
      <w:szCs w:val="32"/>
      <w:lang w:val="en-US"/>
    </w:rPr>
  </w:style>
  <w:style w:type="character" w:customStyle="1" w:styleId="Heading4Char">
    <w:name w:val="Heading 4 Char"/>
    <w:aliases w:val="Sub Heading 4 Char"/>
    <w:basedOn w:val="DefaultParagraphFont"/>
    <w:link w:val="Heading4"/>
    <w:uiPriority w:val="9"/>
    <w:rsid w:val="00A54CFB"/>
    <w:rPr>
      <w:b/>
      <w:bCs/>
      <w:color w:val="21455D" w:themeColor="accent3"/>
      <w:sz w:val="20"/>
      <w:lang w:val="en-US"/>
    </w:rPr>
  </w:style>
  <w:style w:type="paragraph" w:styleId="Title">
    <w:name w:val="Title"/>
    <w:basedOn w:val="BaseHeading"/>
    <w:next w:val="Subtitle"/>
    <w:link w:val="TitleChar"/>
    <w:uiPriority w:val="1"/>
    <w:qFormat/>
    <w:rsid w:val="009B05FD"/>
    <w:pPr>
      <w:spacing w:after="240"/>
      <w:ind w:left="289" w:right="85"/>
      <w:contextualSpacing/>
      <w:jc w:val="right"/>
    </w:pPr>
    <w:rPr>
      <w:rFonts w:eastAsiaTheme="majorEastAsia" w:cstheme="majorBidi"/>
      <w:b/>
      <w:sz w:val="36"/>
      <w:szCs w:val="56"/>
    </w:rPr>
  </w:style>
  <w:style w:type="character" w:customStyle="1" w:styleId="TitleChar">
    <w:name w:val="Title Char"/>
    <w:basedOn w:val="DefaultParagraphFont"/>
    <w:link w:val="Title"/>
    <w:uiPriority w:val="1"/>
    <w:rsid w:val="009B05FD"/>
    <w:rPr>
      <w:rFonts w:asciiTheme="majorHAnsi" w:eastAsiaTheme="majorEastAsia" w:hAnsiTheme="majorHAnsi" w:cstheme="majorBidi"/>
      <w:b/>
      <w:color w:val="234270" w:themeColor="accent1"/>
      <w:sz w:val="36"/>
      <w:szCs w:val="56"/>
      <w:lang w:val="en-US"/>
    </w:rPr>
  </w:style>
  <w:style w:type="paragraph" w:styleId="Subtitle">
    <w:name w:val="Subtitle"/>
    <w:basedOn w:val="BaseHeading"/>
    <w:next w:val="BodyText"/>
    <w:link w:val="SubtitleChar"/>
    <w:uiPriority w:val="2"/>
    <w:qFormat/>
    <w:rsid w:val="009B05FD"/>
    <w:pPr>
      <w:numPr>
        <w:ilvl w:val="1"/>
      </w:numPr>
      <w:spacing w:before="120" w:after="120"/>
      <w:ind w:left="289" w:right="85"/>
      <w:jc w:val="right"/>
    </w:pPr>
    <w:rPr>
      <w:rFonts w:eastAsiaTheme="minorEastAsia"/>
      <w:sz w:val="32"/>
    </w:rPr>
  </w:style>
  <w:style w:type="character" w:customStyle="1" w:styleId="SubtitleChar">
    <w:name w:val="Subtitle Char"/>
    <w:basedOn w:val="DefaultParagraphFont"/>
    <w:link w:val="Subtitle"/>
    <w:uiPriority w:val="2"/>
    <w:rsid w:val="006D408B"/>
    <w:rPr>
      <w:rFonts w:asciiTheme="majorHAnsi" w:eastAsiaTheme="minorEastAsia" w:hAnsiTheme="majorHAnsi"/>
      <w:color w:val="234270" w:themeColor="accent1"/>
      <w:sz w:val="32"/>
      <w:lang w:val="en-US"/>
    </w:rPr>
  </w:style>
  <w:style w:type="paragraph" w:customStyle="1" w:styleId="BaseStyle">
    <w:name w:val="___Base Style"/>
    <w:semiHidden/>
    <w:rsid w:val="009B05FD"/>
    <w:pPr>
      <w:spacing w:after="0" w:line="276" w:lineRule="auto"/>
    </w:pPr>
    <w:rPr>
      <w:lang w:val="en-US"/>
    </w:rPr>
  </w:style>
  <w:style w:type="paragraph" w:customStyle="1" w:styleId="BaseTable">
    <w:name w:val="___Base Table"/>
    <w:semiHidden/>
    <w:rsid w:val="009B05FD"/>
  </w:style>
  <w:style w:type="paragraph" w:customStyle="1" w:styleId="BaseText">
    <w:name w:val="__Base Text"/>
    <w:basedOn w:val="BaseStyle"/>
    <w:semiHidden/>
    <w:rsid w:val="009B05FD"/>
    <w:pPr>
      <w:spacing w:line="264" w:lineRule="auto"/>
    </w:pPr>
    <w:rPr>
      <w:color w:val="234270" w:themeColor="accent1"/>
      <w:sz w:val="20"/>
    </w:rPr>
  </w:style>
  <w:style w:type="paragraph" w:customStyle="1" w:styleId="BaseHeading">
    <w:name w:val="__Base Heading"/>
    <w:basedOn w:val="BaseStyle"/>
    <w:next w:val="BodyText"/>
    <w:semiHidden/>
    <w:rsid w:val="009B05FD"/>
    <w:pPr>
      <w:keepNext/>
      <w:keepLines/>
      <w:spacing w:line="240" w:lineRule="auto"/>
    </w:pPr>
    <w:rPr>
      <w:rFonts w:asciiTheme="majorHAnsi" w:hAnsiTheme="majorHAnsi"/>
      <w:color w:val="234270" w:themeColor="accent1"/>
    </w:rPr>
  </w:style>
  <w:style w:type="table" w:customStyle="1" w:styleId="Plain">
    <w:name w:val="Plain"/>
    <w:basedOn w:val="TableNormal"/>
    <w:rsid w:val="009B05FD"/>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9B05FD"/>
    <w:pPr>
      <w:spacing w:line="20" w:lineRule="exact"/>
    </w:pPr>
    <w:rPr>
      <w:sz w:val="2"/>
    </w:rPr>
  </w:style>
  <w:style w:type="paragraph" w:customStyle="1" w:styleId="Placeholder">
    <w:name w:val="__Placeholder"/>
    <w:basedOn w:val="BaseText"/>
    <w:next w:val="BodyText"/>
    <w:semiHidden/>
    <w:rsid w:val="009B05FD"/>
    <w:pPr>
      <w:spacing w:line="240" w:lineRule="auto"/>
      <w:jc w:val="center"/>
    </w:pPr>
  </w:style>
  <w:style w:type="paragraph" w:customStyle="1" w:styleId="TableSpaceAfter">
    <w:name w:val="__TableSpaceAfter"/>
    <w:basedOn w:val="BaseStyle"/>
    <w:next w:val="BodyText"/>
    <w:semiHidden/>
    <w:rsid w:val="009B05FD"/>
    <w:pPr>
      <w:spacing w:line="20" w:lineRule="exact"/>
    </w:pPr>
    <w:rPr>
      <w:sz w:val="2"/>
    </w:rPr>
  </w:style>
  <w:style w:type="paragraph" w:styleId="ListBullet">
    <w:name w:val="List Bullet"/>
    <w:aliases w:val="Bulleted List (short text)"/>
    <w:basedOn w:val="BodyText"/>
    <w:uiPriority w:val="12"/>
    <w:qFormat/>
    <w:rsid w:val="009B05FD"/>
    <w:pPr>
      <w:numPr>
        <w:numId w:val="26"/>
      </w:numPr>
      <w:spacing w:after="0" w:line="240" w:lineRule="auto"/>
    </w:pPr>
  </w:style>
  <w:style w:type="paragraph" w:customStyle="1" w:styleId="TableText">
    <w:name w:val="Table Text"/>
    <w:basedOn w:val="BaseTable"/>
    <w:uiPriority w:val="16"/>
    <w:qFormat/>
    <w:rsid w:val="009B05FD"/>
  </w:style>
  <w:style w:type="character" w:styleId="BookTitle">
    <w:name w:val="Book Title"/>
    <w:basedOn w:val="DefaultParagraphFont"/>
    <w:uiPriority w:val="33"/>
    <w:semiHidden/>
    <w:qFormat/>
    <w:rsid w:val="009B05FD"/>
    <w:rPr>
      <w:b/>
      <w:bCs/>
      <w:i/>
      <w:iCs/>
      <w:spacing w:val="5"/>
    </w:rPr>
  </w:style>
  <w:style w:type="character" w:styleId="Emphasis">
    <w:name w:val="Emphasis"/>
    <w:basedOn w:val="DefaultParagraphFont"/>
    <w:uiPriority w:val="20"/>
    <w:semiHidden/>
    <w:qFormat/>
    <w:rsid w:val="009B05FD"/>
    <w:rPr>
      <w:i/>
      <w:iCs/>
    </w:rPr>
  </w:style>
  <w:style w:type="character" w:styleId="IntenseEmphasis">
    <w:name w:val="Intense Emphasis"/>
    <w:basedOn w:val="DefaultParagraphFont"/>
    <w:uiPriority w:val="21"/>
    <w:semiHidden/>
    <w:qFormat/>
    <w:rsid w:val="009B05FD"/>
    <w:rPr>
      <w:i/>
      <w:iCs/>
      <w:color w:val="234270" w:themeColor="accent1"/>
    </w:rPr>
  </w:style>
  <w:style w:type="paragraph" w:styleId="IntenseQuote">
    <w:name w:val="Intense Quote"/>
    <w:basedOn w:val="Normal"/>
    <w:next w:val="Normal"/>
    <w:link w:val="IntenseQuoteChar"/>
    <w:uiPriority w:val="30"/>
    <w:semiHidden/>
    <w:rsid w:val="009B05FD"/>
    <w:pPr>
      <w:pBdr>
        <w:top w:val="single" w:sz="4" w:space="10" w:color="234270" w:themeColor="accent1"/>
        <w:bottom w:val="single" w:sz="4" w:space="10" w:color="234270" w:themeColor="accent1"/>
      </w:pBdr>
      <w:spacing w:before="360" w:after="360"/>
      <w:ind w:left="864" w:right="864"/>
      <w:jc w:val="center"/>
    </w:pPr>
    <w:rPr>
      <w:i/>
      <w:iCs/>
      <w:color w:val="86B5BD" w:themeColor="text2"/>
    </w:rPr>
  </w:style>
  <w:style w:type="character" w:customStyle="1" w:styleId="IntenseQuoteChar">
    <w:name w:val="Intense Quote Char"/>
    <w:basedOn w:val="DefaultParagraphFont"/>
    <w:link w:val="IntenseQuote"/>
    <w:uiPriority w:val="30"/>
    <w:semiHidden/>
    <w:rsid w:val="009B05FD"/>
    <w:rPr>
      <w:i/>
      <w:iCs/>
      <w:color w:val="86B5BD" w:themeColor="text2"/>
      <w:lang w:val="en-US"/>
    </w:rPr>
  </w:style>
  <w:style w:type="character" w:styleId="IntenseReference">
    <w:name w:val="Intense Reference"/>
    <w:basedOn w:val="DefaultParagraphFont"/>
    <w:uiPriority w:val="32"/>
    <w:semiHidden/>
    <w:qFormat/>
    <w:rsid w:val="009B05FD"/>
    <w:rPr>
      <w:b/>
      <w:bCs/>
      <w:smallCaps/>
      <w:color w:val="234270" w:themeColor="accent1"/>
      <w:spacing w:val="5"/>
    </w:rPr>
  </w:style>
  <w:style w:type="paragraph" w:styleId="ListParagraph">
    <w:name w:val="List Paragraph"/>
    <w:basedOn w:val="Normal"/>
    <w:link w:val="ListParagraphChar"/>
    <w:uiPriority w:val="34"/>
    <w:rsid w:val="009B05FD"/>
    <w:pPr>
      <w:ind w:left="720"/>
      <w:contextualSpacing/>
    </w:pPr>
  </w:style>
  <w:style w:type="paragraph" w:styleId="NoSpacing">
    <w:name w:val="No Spacing"/>
    <w:basedOn w:val="BaseText"/>
    <w:uiPriority w:val="18"/>
    <w:semiHidden/>
    <w:qFormat/>
    <w:rsid w:val="009B05FD"/>
  </w:style>
  <w:style w:type="paragraph" w:styleId="Quote">
    <w:name w:val="Quote"/>
    <w:basedOn w:val="BodyText"/>
    <w:next w:val="Normal"/>
    <w:link w:val="QuoteChar"/>
    <w:uiPriority w:val="29"/>
    <w:qFormat/>
    <w:rsid w:val="009B05FD"/>
    <w:rPr>
      <w:b/>
      <w:bCs/>
      <w:i/>
      <w:iCs/>
      <w:color w:val="234270" w:themeColor="accent1"/>
    </w:rPr>
  </w:style>
  <w:style w:type="character" w:customStyle="1" w:styleId="QuoteChar">
    <w:name w:val="Quote Char"/>
    <w:basedOn w:val="DefaultParagraphFont"/>
    <w:link w:val="Quote"/>
    <w:uiPriority w:val="29"/>
    <w:rsid w:val="009B05FD"/>
    <w:rPr>
      <w:b/>
      <w:bCs/>
      <w:i/>
      <w:iCs/>
      <w:color w:val="234270" w:themeColor="accent1"/>
      <w:sz w:val="20"/>
      <w:lang w:val="en-US"/>
    </w:rPr>
  </w:style>
  <w:style w:type="character" w:styleId="Strong">
    <w:name w:val="Strong"/>
    <w:basedOn w:val="DefaultParagraphFont"/>
    <w:uiPriority w:val="22"/>
    <w:semiHidden/>
    <w:qFormat/>
    <w:rsid w:val="009B05FD"/>
    <w:rPr>
      <w:b/>
      <w:bCs/>
    </w:rPr>
  </w:style>
  <w:style w:type="character" w:styleId="SubtleEmphasis">
    <w:name w:val="Subtle Emphasis"/>
    <w:basedOn w:val="DefaultParagraphFont"/>
    <w:uiPriority w:val="19"/>
    <w:semiHidden/>
    <w:qFormat/>
    <w:rsid w:val="009B05FD"/>
    <w:rPr>
      <w:i/>
      <w:iCs/>
      <w:color w:val="404040" w:themeColor="text1" w:themeTint="BF"/>
    </w:rPr>
  </w:style>
  <w:style w:type="character" w:styleId="SubtleReference">
    <w:name w:val="Subtle Reference"/>
    <w:basedOn w:val="DefaultParagraphFont"/>
    <w:uiPriority w:val="31"/>
    <w:semiHidden/>
    <w:qFormat/>
    <w:rsid w:val="009B05FD"/>
    <w:rPr>
      <w:smallCaps/>
      <w:color w:val="5A5A5A" w:themeColor="text1" w:themeTint="A5"/>
    </w:rPr>
  </w:style>
  <w:style w:type="numbering" w:customStyle="1" w:styleId="ListBullets">
    <w:name w:val="__List Bullets"/>
    <w:rsid w:val="009B05FD"/>
    <w:pPr>
      <w:numPr>
        <w:numId w:val="1"/>
      </w:numPr>
    </w:pPr>
  </w:style>
  <w:style w:type="numbering" w:customStyle="1" w:styleId="ListNumbers">
    <w:name w:val="__List Numbers"/>
    <w:rsid w:val="009B05FD"/>
    <w:pPr>
      <w:numPr>
        <w:numId w:val="2"/>
      </w:numPr>
    </w:pPr>
  </w:style>
  <w:style w:type="paragraph" w:styleId="ListNumber">
    <w:name w:val="List Number"/>
    <w:aliases w:val="Numbered List (short text)"/>
    <w:basedOn w:val="BodyText"/>
    <w:uiPriority w:val="14"/>
    <w:rsid w:val="009B05FD"/>
    <w:pPr>
      <w:numPr>
        <w:numId w:val="37"/>
      </w:numPr>
      <w:spacing w:after="0" w:line="240" w:lineRule="auto"/>
    </w:pPr>
  </w:style>
  <w:style w:type="character" w:customStyle="1" w:styleId="Accent1">
    <w:name w:val="Accent 1"/>
    <w:basedOn w:val="DefaultParagraphFont"/>
    <w:uiPriority w:val="36"/>
    <w:semiHidden/>
    <w:qFormat/>
    <w:rsid w:val="009B05FD"/>
    <w:rPr>
      <w:color w:val="234270" w:themeColor="accent1"/>
    </w:rPr>
  </w:style>
  <w:style w:type="character" w:customStyle="1" w:styleId="Accent2">
    <w:name w:val="Accent 2"/>
    <w:basedOn w:val="DefaultParagraphFont"/>
    <w:uiPriority w:val="36"/>
    <w:semiHidden/>
    <w:qFormat/>
    <w:rsid w:val="009B05FD"/>
    <w:rPr>
      <w:color w:val="86B5BD" w:themeColor="accent2"/>
    </w:rPr>
  </w:style>
  <w:style w:type="character" w:customStyle="1" w:styleId="Accent3">
    <w:name w:val="Accent 3"/>
    <w:basedOn w:val="DefaultParagraphFont"/>
    <w:uiPriority w:val="36"/>
    <w:semiHidden/>
    <w:qFormat/>
    <w:rsid w:val="009B05FD"/>
    <w:rPr>
      <w:color w:val="21455D" w:themeColor="accent3"/>
    </w:rPr>
  </w:style>
  <w:style w:type="character" w:customStyle="1" w:styleId="Accent4">
    <w:name w:val="Accent 4"/>
    <w:basedOn w:val="DefaultParagraphFont"/>
    <w:uiPriority w:val="36"/>
    <w:semiHidden/>
    <w:qFormat/>
    <w:rsid w:val="009B05FD"/>
    <w:rPr>
      <w:color w:val="EBEBEB" w:themeColor="accent4"/>
    </w:rPr>
  </w:style>
  <w:style w:type="character" w:customStyle="1" w:styleId="Accent5">
    <w:name w:val="Accent 5"/>
    <w:basedOn w:val="DefaultParagraphFont"/>
    <w:uiPriority w:val="36"/>
    <w:semiHidden/>
    <w:qFormat/>
    <w:rsid w:val="009B05FD"/>
    <w:rPr>
      <w:color w:val="3D244E" w:themeColor="accent5"/>
    </w:rPr>
  </w:style>
  <w:style w:type="character" w:customStyle="1" w:styleId="Accent6">
    <w:name w:val="Accent 6"/>
    <w:basedOn w:val="DefaultParagraphFont"/>
    <w:uiPriority w:val="36"/>
    <w:semiHidden/>
    <w:qFormat/>
    <w:rsid w:val="009B05FD"/>
    <w:rPr>
      <w:color w:val="9E82BD" w:themeColor="accent6"/>
    </w:rPr>
  </w:style>
  <w:style w:type="paragraph" w:customStyle="1" w:styleId="BaseSECTION">
    <w:name w:val="__Base SECTION"/>
    <w:basedOn w:val="BaseText"/>
    <w:next w:val="BodyText"/>
    <w:semiHidden/>
    <w:rsid w:val="009B05FD"/>
    <w:pPr>
      <w:spacing w:line="160" w:lineRule="exact"/>
    </w:pPr>
    <w:rPr>
      <w:color w:val="0000FF"/>
      <w:sz w:val="16"/>
      <w:szCs w:val="20"/>
    </w:rPr>
  </w:style>
  <w:style w:type="paragraph" w:customStyle="1" w:styleId="LinkedPH">
    <w:name w:val="__Linked PH"/>
    <w:basedOn w:val="TableText"/>
    <w:semiHidden/>
    <w:rsid w:val="009B05FD"/>
    <w:pPr>
      <w:spacing w:before="120" w:after="0" w:line="20" w:lineRule="exact"/>
      <w:ind w:right="113"/>
    </w:pPr>
    <w:rPr>
      <w:sz w:val="2"/>
      <w:szCs w:val="20"/>
    </w:rPr>
  </w:style>
  <w:style w:type="paragraph" w:customStyle="1" w:styleId="SECTION2Column">
    <w:name w:val="__SECTION 2Column"/>
    <w:basedOn w:val="BaseSECTION"/>
    <w:next w:val="BodyText"/>
    <w:semiHidden/>
    <w:rsid w:val="009B05FD"/>
  </w:style>
  <w:style w:type="paragraph" w:customStyle="1" w:styleId="SECTION3Column">
    <w:name w:val="__SECTION 3Column"/>
    <w:basedOn w:val="BaseSECTION"/>
    <w:next w:val="BodyText"/>
    <w:semiHidden/>
    <w:rsid w:val="009B05FD"/>
  </w:style>
  <w:style w:type="paragraph" w:customStyle="1" w:styleId="SECTIONBackCover">
    <w:name w:val="__SECTION BackCover"/>
    <w:basedOn w:val="BaseSECTION"/>
    <w:next w:val="BodyText"/>
    <w:semiHidden/>
    <w:rsid w:val="009B05FD"/>
  </w:style>
  <w:style w:type="paragraph" w:customStyle="1" w:styleId="SECTIONCover">
    <w:name w:val="__SECTION Cover"/>
    <w:basedOn w:val="BaseSECTION"/>
    <w:next w:val="BodyText"/>
    <w:semiHidden/>
    <w:rsid w:val="009B05FD"/>
  </w:style>
  <w:style w:type="paragraph" w:customStyle="1" w:styleId="SECTIONFullWidth">
    <w:name w:val="__SECTION FullWidth"/>
    <w:basedOn w:val="BaseSECTION"/>
    <w:next w:val="BodyText"/>
    <w:semiHidden/>
    <w:rsid w:val="009B05FD"/>
  </w:style>
  <w:style w:type="paragraph" w:customStyle="1" w:styleId="SECTIONLandscape">
    <w:name w:val="__SECTION Landscape"/>
    <w:basedOn w:val="BaseSECTION"/>
    <w:next w:val="BodyText"/>
    <w:semiHidden/>
    <w:rsid w:val="009B05FD"/>
  </w:style>
  <w:style w:type="paragraph" w:customStyle="1" w:styleId="SECTIONMargin">
    <w:name w:val="__SECTION Margin"/>
    <w:basedOn w:val="BaseSECTION"/>
    <w:next w:val="BodyText"/>
    <w:semiHidden/>
    <w:rsid w:val="009B05FD"/>
  </w:style>
  <w:style w:type="paragraph" w:customStyle="1" w:styleId="SECTIONToC">
    <w:name w:val="__SECTION ToC"/>
    <w:basedOn w:val="BaseSECTION"/>
    <w:next w:val="BodyText"/>
    <w:semiHidden/>
    <w:rsid w:val="009B05FD"/>
  </w:style>
  <w:style w:type="paragraph" w:customStyle="1" w:styleId="SECTIONDivider">
    <w:name w:val="__SECTION Divider"/>
    <w:basedOn w:val="BaseSECTION"/>
    <w:next w:val="BodyText"/>
    <w:semiHidden/>
    <w:rsid w:val="009B05FD"/>
  </w:style>
  <w:style w:type="paragraph" w:customStyle="1" w:styleId="TombstoneText">
    <w:name w:val="Tombstone Text"/>
    <w:basedOn w:val="BaseText"/>
    <w:uiPriority w:val="21"/>
    <w:semiHidden/>
    <w:rsid w:val="009B05FD"/>
    <w:pPr>
      <w:spacing w:before="120" w:after="120" w:line="240" w:lineRule="auto"/>
      <w:ind w:left="113" w:right="113"/>
    </w:pPr>
    <w:rPr>
      <w:rFonts w:cstheme="minorHAnsi"/>
      <w:color w:val="000000" w:themeColor="text1"/>
      <w:sz w:val="16"/>
      <w:szCs w:val="24"/>
    </w:rPr>
  </w:style>
  <w:style w:type="paragraph" w:customStyle="1" w:styleId="TombstoneHeading">
    <w:name w:val="Tombstone Heading"/>
    <w:basedOn w:val="TombstoneText"/>
    <w:next w:val="TombstoneText"/>
    <w:uiPriority w:val="21"/>
    <w:semiHidden/>
    <w:rsid w:val="009B05FD"/>
    <w:rPr>
      <w:b/>
      <w:sz w:val="18"/>
      <w:szCs w:val="28"/>
    </w:rPr>
  </w:style>
  <w:style w:type="numbering" w:customStyle="1" w:styleId="ListHeadings">
    <w:name w:val="__List Headings"/>
    <w:uiPriority w:val="99"/>
    <w:rsid w:val="009B05FD"/>
    <w:pPr>
      <w:numPr>
        <w:numId w:val="3"/>
      </w:numPr>
    </w:pPr>
  </w:style>
  <w:style w:type="paragraph" w:styleId="Caption">
    <w:name w:val="caption"/>
    <w:basedOn w:val="Normal"/>
    <w:next w:val="Normal"/>
    <w:uiPriority w:val="35"/>
    <w:semiHidden/>
    <w:qFormat/>
    <w:rsid w:val="009B05FD"/>
    <w:pPr>
      <w:spacing w:after="200" w:line="240" w:lineRule="auto"/>
    </w:pPr>
    <w:rPr>
      <w:i/>
      <w:iCs/>
      <w:color w:val="234270" w:themeColor="accent1"/>
      <w:sz w:val="20"/>
      <w:szCs w:val="18"/>
    </w:rPr>
  </w:style>
  <w:style w:type="paragraph" w:customStyle="1" w:styleId="CoverDetails">
    <w:name w:val="Cover Details"/>
    <w:basedOn w:val="BaseText"/>
    <w:uiPriority w:val="39"/>
    <w:semiHidden/>
    <w:qFormat/>
    <w:rsid w:val="009B05FD"/>
    <w:pPr>
      <w:spacing w:line="240" w:lineRule="auto"/>
    </w:pPr>
    <w:rPr>
      <w:color w:val="FFFFFF" w:themeColor="background1"/>
    </w:rPr>
  </w:style>
  <w:style w:type="paragraph" w:styleId="Date">
    <w:name w:val="Date"/>
    <w:basedOn w:val="BodyText"/>
    <w:link w:val="DateChar"/>
    <w:uiPriority w:val="39"/>
    <w:rsid w:val="009B05FD"/>
    <w:pPr>
      <w:spacing w:before="60" w:after="60" w:line="240" w:lineRule="auto"/>
      <w:ind w:left="288" w:right="86"/>
      <w:jc w:val="right"/>
    </w:pPr>
    <w:rPr>
      <w:color w:val="234270" w:themeColor="accent1"/>
      <w:sz w:val="22"/>
    </w:rPr>
  </w:style>
  <w:style w:type="character" w:customStyle="1" w:styleId="DateChar">
    <w:name w:val="Date Char"/>
    <w:basedOn w:val="DefaultParagraphFont"/>
    <w:link w:val="Date"/>
    <w:uiPriority w:val="39"/>
    <w:rsid w:val="009B05FD"/>
    <w:rPr>
      <w:color w:val="234270" w:themeColor="accent1"/>
      <w:lang w:val="en-US"/>
    </w:rPr>
  </w:style>
  <w:style w:type="character" w:styleId="EndnoteReference">
    <w:name w:val="endnote reference"/>
    <w:basedOn w:val="DefaultParagraphFont"/>
    <w:uiPriority w:val="99"/>
    <w:semiHidden/>
    <w:rsid w:val="009B05FD"/>
    <w:rPr>
      <w:vertAlign w:val="superscript"/>
    </w:rPr>
  </w:style>
  <w:style w:type="paragraph" w:styleId="EndnoteText">
    <w:name w:val="endnote text"/>
    <w:basedOn w:val="Normal"/>
    <w:link w:val="EndnoteTextChar"/>
    <w:uiPriority w:val="99"/>
    <w:semiHidden/>
    <w:rsid w:val="009B05FD"/>
    <w:pPr>
      <w:spacing w:after="0" w:line="240" w:lineRule="auto"/>
    </w:pPr>
    <w:rPr>
      <w:color w:val="86B5BD" w:themeColor="text2"/>
      <w:sz w:val="18"/>
      <w:szCs w:val="20"/>
    </w:rPr>
  </w:style>
  <w:style w:type="character" w:customStyle="1" w:styleId="EndnoteTextChar">
    <w:name w:val="Endnote Text Char"/>
    <w:basedOn w:val="DefaultParagraphFont"/>
    <w:link w:val="EndnoteText"/>
    <w:uiPriority w:val="99"/>
    <w:semiHidden/>
    <w:rsid w:val="009B05FD"/>
    <w:rPr>
      <w:color w:val="86B5BD" w:themeColor="text2"/>
      <w:sz w:val="18"/>
      <w:szCs w:val="20"/>
      <w:lang w:val="en-US"/>
    </w:rPr>
  </w:style>
  <w:style w:type="paragraph" w:styleId="Footer">
    <w:name w:val="footer"/>
    <w:basedOn w:val="BaseText"/>
    <w:link w:val="FooterChar"/>
    <w:uiPriority w:val="49"/>
    <w:rsid w:val="009B05FD"/>
    <w:pPr>
      <w:tabs>
        <w:tab w:val="center" w:pos="4513"/>
        <w:tab w:val="right" w:pos="9026"/>
      </w:tabs>
      <w:spacing w:line="240" w:lineRule="auto"/>
    </w:pPr>
    <w:rPr>
      <w:color w:val="auto"/>
      <w:sz w:val="14"/>
    </w:rPr>
  </w:style>
  <w:style w:type="character" w:customStyle="1" w:styleId="FooterChar">
    <w:name w:val="Footer Char"/>
    <w:basedOn w:val="DefaultParagraphFont"/>
    <w:link w:val="Footer"/>
    <w:uiPriority w:val="49"/>
    <w:rsid w:val="006D408B"/>
    <w:rPr>
      <w:sz w:val="14"/>
      <w:lang w:val="en-US"/>
    </w:rPr>
  </w:style>
  <w:style w:type="character" w:styleId="FootnoteReference">
    <w:name w:val="footnote reference"/>
    <w:basedOn w:val="DefaultParagraphFont"/>
    <w:uiPriority w:val="99"/>
    <w:semiHidden/>
    <w:rsid w:val="009B05FD"/>
    <w:rPr>
      <w:vertAlign w:val="superscript"/>
    </w:rPr>
  </w:style>
  <w:style w:type="paragraph" w:styleId="FootnoteText">
    <w:name w:val="footnote text"/>
    <w:basedOn w:val="Normal"/>
    <w:link w:val="FootnoteTextChar"/>
    <w:uiPriority w:val="99"/>
    <w:semiHidden/>
    <w:rsid w:val="009B05FD"/>
    <w:pPr>
      <w:spacing w:after="0" w:line="240" w:lineRule="auto"/>
    </w:pPr>
    <w:rPr>
      <w:color w:val="86B5BD" w:themeColor="text2"/>
      <w:sz w:val="18"/>
      <w:szCs w:val="20"/>
    </w:rPr>
  </w:style>
  <w:style w:type="character" w:customStyle="1" w:styleId="FootnoteTextChar">
    <w:name w:val="Footnote Text Char"/>
    <w:basedOn w:val="DefaultParagraphFont"/>
    <w:link w:val="FootnoteText"/>
    <w:uiPriority w:val="99"/>
    <w:semiHidden/>
    <w:rsid w:val="009B05FD"/>
    <w:rPr>
      <w:color w:val="86B5BD" w:themeColor="text2"/>
      <w:sz w:val="18"/>
      <w:szCs w:val="20"/>
      <w:lang w:val="en-US"/>
    </w:rPr>
  </w:style>
  <w:style w:type="table" w:styleId="GridTable3-Accent4">
    <w:name w:val="Grid Table 3 Accent 4"/>
    <w:basedOn w:val="TableNormal"/>
    <w:uiPriority w:val="48"/>
    <w:rsid w:val="009B05FD"/>
    <w:pPr>
      <w:spacing w:after="0" w:line="240" w:lineRule="auto"/>
    </w:pPr>
    <w:tblPr>
      <w:tblStyleRowBandSize w:val="1"/>
      <w:tblStyleColBandSize w:val="1"/>
      <w:tblBorders>
        <w:top w:val="single" w:sz="4" w:space="0" w:color="F3F3F3" w:themeColor="accent4" w:themeTint="99"/>
        <w:left w:val="single" w:sz="4" w:space="0" w:color="F3F3F3" w:themeColor="accent4" w:themeTint="99"/>
        <w:bottom w:val="single" w:sz="4" w:space="0" w:color="F3F3F3" w:themeColor="accent4" w:themeTint="99"/>
        <w:right w:val="single" w:sz="4" w:space="0" w:color="F3F3F3" w:themeColor="accent4" w:themeTint="99"/>
        <w:insideH w:val="single" w:sz="4" w:space="0" w:color="F3F3F3" w:themeColor="accent4" w:themeTint="99"/>
        <w:insideV w:val="single" w:sz="4" w:space="0" w:color="F3F3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BFB" w:themeFill="accent4" w:themeFillTint="33"/>
      </w:tcPr>
    </w:tblStylePr>
    <w:tblStylePr w:type="band1Horz">
      <w:tblPr/>
      <w:tcPr>
        <w:shd w:val="clear" w:color="auto" w:fill="FBFBFB" w:themeFill="accent4" w:themeFillTint="33"/>
      </w:tcPr>
    </w:tblStylePr>
    <w:tblStylePr w:type="neCell">
      <w:tblPr/>
      <w:tcPr>
        <w:tcBorders>
          <w:bottom w:val="single" w:sz="4" w:space="0" w:color="F3F3F3" w:themeColor="accent4" w:themeTint="99"/>
        </w:tcBorders>
      </w:tcPr>
    </w:tblStylePr>
    <w:tblStylePr w:type="nwCell">
      <w:tblPr/>
      <w:tcPr>
        <w:tcBorders>
          <w:bottom w:val="single" w:sz="4" w:space="0" w:color="F3F3F3" w:themeColor="accent4" w:themeTint="99"/>
        </w:tcBorders>
      </w:tcPr>
    </w:tblStylePr>
    <w:tblStylePr w:type="seCell">
      <w:tblPr/>
      <w:tcPr>
        <w:tcBorders>
          <w:top w:val="single" w:sz="4" w:space="0" w:color="F3F3F3" w:themeColor="accent4" w:themeTint="99"/>
        </w:tcBorders>
      </w:tcPr>
    </w:tblStylePr>
    <w:tblStylePr w:type="swCell">
      <w:tblPr/>
      <w:tcPr>
        <w:tcBorders>
          <w:top w:val="single" w:sz="4" w:space="0" w:color="F3F3F3" w:themeColor="accent4" w:themeTint="99"/>
        </w:tcBorders>
      </w:tcPr>
    </w:tblStylePr>
  </w:style>
  <w:style w:type="table" w:styleId="GridTable4-Accent1">
    <w:name w:val="Grid Table 4 Accent 1"/>
    <w:basedOn w:val="TableNormal"/>
    <w:uiPriority w:val="49"/>
    <w:rsid w:val="009B05FD"/>
    <w:pPr>
      <w:spacing w:after="0" w:line="240" w:lineRule="auto"/>
    </w:pPr>
    <w:rPr>
      <w:lang w:val="en-US"/>
    </w:rPr>
    <w:tblPr>
      <w:tblStyleRowBandSize w:val="1"/>
      <w:tblStyleColBandSize w:val="1"/>
      <w:tblInd w:w="0" w:type="nil"/>
      <w:tblBorders>
        <w:top w:val="single" w:sz="4" w:space="0" w:color="5886CB" w:themeColor="accent1" w:themeTint="99"/>
        <w:left w:val="single" w:sz="4" w:space="0" w:color="5886CB" w:themeColor="accent1" w:themeTint="99"/>
        <w:bottom w:val="single" w:sz="4" w:space="0" w:color="5886CB" w:themeColor="accent1" w:themeTint="99"/>
        <w:right w:val="single" w:sz="4" w:space="0" w:color="5886CB" w:themeColor="accent1" w:themeTint="99"/>
        <w:insideH w:val="single" w:sz="4" w:space="0" w:color="5886CB" w:themeColor="accent1" w:themeTint="99"/>
        <w:insideV w:val="single" w:sz="4" w:space="0" w:color="5886CB" w:themeColor="accent1" w:themeTint="99"/>
      </w:tblBorders>
    </w:tblPr>
    <w:tblStylePr w:type="firstRow">
      <w:rPr>
        <w:b/>
        <w:bCs/>
        <w:color w:val="FFFFFF" w:themeColor="background1"/>
      </w:rPr>
      <w:tblPr/>
      <w:tcPr>
        <w:tcBorders>
          <w:top w:val="single" w:sz="4" w:space="0" w:color="234270" w:themeColor="accent1"/>
          <w:left w:val="single" w:sz="4" w:space="0" w:color="234270" w:themeColor="accent1"/>
          <w:bottom w:val="single" w:sz="4" w:space="0" w:color="234270" w:themeColor="accent1"/>
          <w:right w:val="single" w:sz="4" w:space="0" w:color="234270" w:themeColor="accent1"/>
          <w:insideH w:val="nil"/>
          <w:insideV w:val="nil"/>
        </w:tcBorders>
        <w:shd w:val="clear" w:color="auto" w:fill="234270" w:themeFill="accent1"/>
      </w:tcPr>
    </w:tblStylePr>
    <w:tblStylePr w:type="lastRow">
      <w:rPr>
        <w:b/>
        <w:bCs/>
      </w:rPr>
      <w:tblPr/>
      <w:tcPr>
        <w:tcBorders>
          <w:top w:val="double" w:sz="4" w:space="0" w:color="234270" w:themeColor="accent1"/>
        </w:tcBorders>
      </w:tcPr>
    </w:tblStylePr>
    <w:tblStylePr w:type="firstCol">
      <w:rPr>
        <w:b/>
        <w:bCs/>
      </w:rPr>
    </w:tblStylePr>
    <w:tblStylePr w:type="lastCol">
      <w:rPr>
        <w:b/>
        <w:bCs/>
      </w:rPr>
    </w:tblStylePr>
    <w:tblStylePr w:type="band1Vert">
      <w:tblPr/>
      <w:tcPr>
        <w:shd w:val="clear" w:color="auto" w:fill="C7D6ED" w:themeFill="accent1" w:themeFillTint="33"/>
      </w:tcPr>
    </w:tblStylePr>
    <w:tblStylePr w:type="band1Horz">
      <w:tblPr/>
      <w:tcPr>
        <w:shd w:val="clear" w:color="auto" w:fill="C7D6ED" w:themeFill="accent1" w:themeFillTint="33"/>
      </w:tcPr>
    </w:tblStylePr>
  </w:style>
  <w:style w:type="paragraph" w:styleId="Header">
    <w:name w:val="header"/>
    <w:basedOn w:val="BodyText"/>
    <w:link w:val="HeaderChar"/>
    <w:uiPriority w:val="49"/>
    <w:rsid w:val="009B05FD"/>
    <w:pPr>
      <w:spacing w:after="120"/>
    </w:pPr>
    <w:rPr>
      <w:color w:val="234270" w:themeColor="accent1"/>
      <w:sz w:val="18"/>
      <w:szCs w:val="18"/>
    </w:rPr>
  </w:style>
  <w:style w:type="character" w:customStyle="1" w:styleId="HeaderChar">
    <w:name w:val="Header Char"/>
    <w:basedOn w:val="DefaultParagraphFont"/>
    <w:link w:val="Header"/>
    <w:uiPriority w:val="49"/>
    <w:rsid w:val="006D408B"/>
    <w:rPr>
      <w:color w:val="234270" w:themeColor="accent1"/>
      <w:sz w:val="18"/>
      <w:szCs w:val="18"/>
      <w:lang w:val="en-US"/>
    </w:rPr>
  </w:style>
  <w:style w:type="character" w:customStyle="1" w:styleId="Heading5Char">
    <w:name w:val="Heading 5 Char"/>
    <w:basedOn w:val="DefaultParagraphFont"/>
    <w:link w:val="Heading5"/>
    <w:uiPriority w:val="9"/>
    <w:semiHidden/>
    <w:rsid w:val="009B05FD"/>
    <w:rPr>
      <w:rFonts w:asciiTheme="majorHAnsi" w:eastAsiaTheme="majorEastAsia" w:hAnsiTheme="majorHAnsi" w:cstheme="majorBidi"/>
      <w:b/>
      <w:bCs/>
      <w:color w:val="000000" w:themeColor="text1"/>
      <w:lang w:val="en-US"/>
    </w:rPr>
  </w:style>
  <w:style w:type="character" w:styleId="Hyperlink">
    <w:name w:val="Hyperlink"/>
    <w:basedOn w:val="DefaultParagraphFont"/>
    <w:uiPriority w:val="99"/>
    <w:unhideWhenUsed/>
    <w:qFormat/>
    <w:rsid w:val="009B05FD"/>
    <w:rPr>
      <w:color w:val="234270" w:themeColor="hyperlink"/>
      <w:u w:val="single"/>
    </w:rPr>
  </w:style>
  <w:style w:type="table" w:customStyle="1" w:styleId="HighlightedTable">
    <w:name w:val="_Highlighted Table"/>
    <w:basedOn w:val="TableNormal"/>
    <w:uiPriority w:val="99"/>
    <w:rsid w:val="009B05FD"/>
    <w:pPr>
      <w:spacing w:before="120" w:after="120" w:line="264" w:lineRule="auto"/>
    </w:pPr>
    <w:rPr>
      <w:sz w:val="20"/>
    </w:rPr>
    <w:tblPr/>
    <w:tcPr>
      <w:shd w:val="clear" w:color="auto" w:fill="E6F0F1" w:themeFill="accent2" w:themeFillTint="33"/>
    </w:tcPr>
    <w:tblStylePr w:type="firstRow">
      <w:rPr>
        <w:rFonts w:asciiTheme="minorHAnsi" w:hAnsiTheme="minorHAnsi"/>
        <w:b w:val="0"/>
        <w:i w:val="0"/>
        <w:color w:val="000000" w:themeColor="text1"/>
        <w:sz w:val="20"/>
      </w:rPr>
      <w:tblPr/>
      <w:tcPr>
        <w:tcBorders>
          <w:top w:val="nil"/>
          <w:left w:val="nil"/>
          <w:bottom w:val="nil"/>
          <w:right w:val="nil"/>
          <w:insideH w:val="nil"/>
          <w:insideV w:val="nil"/>
          <w:tl2br w:val="nil"/>
          <w:tr2bl w:val="nil"/>
        </w:tcBorders>
        <w:shd w:val="clear" w:color="auto" w:fill="E6F0F1" w:themeFill="accent2" w:themeFillTint="33"/>
      </w:tcPr>
    </w:tblStylePr>
  </w:style>
  <w:style w:type="paragraph" w:customStyle="1" w:styleId="ListHeading1">
    <w:name w:val="List Heading 1"/>
    <w:basedOn w:val="Heading1"/>
    <w:next w:val="BodyText"/>
    <w:uiPriority w:val="9"/>
    <w:semiHidden/>
    <w:qFormat/>
    <w:rsid w:val="009B05FD"/>
    <w:pPr>
      <w:numPr>
        <w:numId w:val="31"/>
      </w:numPr>
    </w:pPr>
  </w:style>
  <w:style w:type="paragraph" w:customStyle="1" w:styleId="ListHeading2">
    <w:name w:val="List Heading 2"/>
    <w:basedOn w:val="Heading2"/>
    <w:next w:val="BodyText"/>
    <w:uiPriority w:val="9"/>
    <w:semiHidden/>
    <w:qFormat/>
    <w:rsid w:val="009B05FD"/>
    <w:pPr>
      <w:numPr>
        <w:ilvl w:val="1"/>
        <w:numId w:val="31"/>
      </w:numPr>
    </w:pPr>
  </w:style>
  <w:style w:type="paragraph" w:customStyle="1" w:styleId="ListHeading3">
    <w:name w:val="List Heading 3"/>
    <w:basedOn w:val="Heading3"/>
    <w:next w:val="BodyText"/>
    <w:uiPriority w:val="9"/>
    <w:semiHidden/>
    <w:qFormat/>
    <w:rsid w:val="009B05FD"/>
    <w:pPr>
      <w:numPr>
        <w:ilvl w:val="2"/>
        <w:numId w:val="31"/>
      </w:numPr>
    </w:pPr>
  </w:style>
  <w:style w:type="character" w:customStyle="1" w:styleId="ListParagraphChar">
    <w:name w:val="List Paragraph Char"/>
    <w:basedOn w:val="DefaultParagraphFont"/>
    <w:link w:val="ListParagraph"/>
    <w:uiPriority w:val="34"/>
    <w:locked/>
    <w:rsid w:val="009B05FD"/>
    <w:rPr>
      <w:lang w:val="en-US"/>
    </w:rPr>
  </w:style>
  <w:style w:type="paragraph" w:styleId="NormalWeb">
    <w:name w:val="Normal (Web)"/>
    <w:basedOn w:val="Normal"/>
    <w:uiPriority w:val="99"/>
    <w:semiHidden/>
    <w:unhideWhenUsed/>
    <w:rsid w:val="009B05FD"/>
    <w:pPr>
      <w:spacing w:before="100" w:beforeAutospacing="1" w:after="100" w:afterAutospacing="1" w:line="240" w:lineRule="auto"/>
    </w:pPr>
    <w:rPr>
      <w:rFonts w:ascii="Times New Roman" w:eastAsia="Times New Roman" w:hAnsi="Times New Roman" w:cs="Times New Roman"/>
      <w:sz w:val="24"/>
      <w:szCs w:val="24"/>
    </w:rPr>
  </w:style>
  <w:style w:type="character" w:styleId="PageNumber">
    <w:name w:val="page number"/>
    <w:uiPriority w:val="99"/>
    <w:semiHidden/>
    <w:rsid w:val="009B05FD"/>
  </w:style>
  <w:style w:type="character" w:styleId="PlaceholderText">
    <w:name w:val="Placeholder Text"/>
    <w:basedOn w:val="DefaultParagraphFont"/>
    <w:uiPriority w:val="99"/>
    <w:semiHidden/>
    <w:rsid w:val="009B05FD"/>
    <w:rPr>
      <w:color w:val="808080"/>
    </w:rPr>
  </w:style>
  <w:style w:type="paragraph" w:customStyle="1" w:styleId="Sensitivity">
    <w:name w:val="Sensitivity"/>
    <w:basedOn w:val="BaseText"/>
    <w:uiPriority w:val="39"/>
    <w:semiHidden/>
    <w:qFormat/>
    <w:rsid w:val="009B05FD"/>
    <w:pPr>
      <w:spacing w:line="240" w:lineRule="auto"/>
      <w:jc w:val="right"/>
    </w:pPr>
    <w:rPr>
      <w:color w:val="FFFFFF" w:themeColor="background1"/>
    </w:rPr>
  </w:style>
  <w:style w:type="table" w:styleId="TableGrid">
    <w:name w:val="Table Grid"/>
    <w:basedOn w:val="TableNormal"/>
    <w:uiPriority w:val="39"/>
    <w:rsid w:val="009B05F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1">
    <w:name w:val="toc 1"/>
    <w:basedOn w:val="Normal"/>
    <w:next w:val="Normal"/>
    <w:autoRedefine/>
    <w:uiPriority w:val="39"/>
    <w:rsid w:val="009B05FD"/>
    <w:pPr>
      <w:tabs>
        <w:tab w:val="right" w:pos="7371"/>
      </w:tabs>
      <w:spacing w:before="180" w:after="60" w:line="288" w:lineRule="auto"/>
    </w:pPr>
    <w:rPr>
      <w:b/>
      <w:noProof/>
      <w:color w:val="000000" w:themeColor="text1"/>
      <w:sz w:val="24"/>
    </w:rPr>
  </w:style>
  <w:style w:type="paragraph" w:styleId="TOC2">
    <w:name w:val="toc 2"/>
    <w:basedOn w:val="Normal"/>
    <w:next w:val="Normal"/>
    <w:autoRedefine/>
    <w:uiPriority w:val="39"/>
    <w:rsid w:val="009B05FD"/>
    <w:pPr>
      <w:tabs>
        <w:tab w:val="right" w:pos="7373"/>
      </w:tabs>
      <w:spacing w:before="60" w:after="60" w:line="288" w:lineRule="auto"/>
    </w:pPr>
    <w:rPr>
      <w:color w:val="000000" w:themeColor="text1"/>
      <w:sz w:val="20"/>
    </w:rPr>
  </w:style>
  <w:style w:type="paragraph" w:styleId="TOC3">
    <w:name w:val="toc 3"/>
    <w:basedOn w:val="Normal"/>
    <w:next w:val="Normal"/>
    <w:autoRedefine/>
    <w:uiPriority w:val="39"/>
    <w:rsid w:val="009B05FD"/>
    <w:pPr>
      <w:tabs>
        <w:tab w:val="right" w:pos="7373"/>
      </w:tabs>
      <w:spacing w:line="288" w:lineRule="auto"/>
      <w:contextualSpacing/>
    </w:pPr>
    <w:rPr>
      <w:color w:val="000000" w:themeColor="text1"/>
      <w:sz w:val="18"/>
    </w:rPr>
  </w:style>
  <w:style w:type="paragraph" w:styleId="TOCHeading">
    <w:name w:val="TOC Heading"/>
    <w:basedOn w:val="Heading2"/>
    <w:next w:val="Normal"/>
    <w:uiPriority w:val="39"/>
    <w:unhideWhenUsed/>
    <w:qFormat/>
    <w:rsid w:val="009B05FD"/>
    <w:pPr>
      <w:spacing w:after="480"/>
      <w:outlineLvl w:val="9"/>
    </w:pPr>
    <w:rPr>
      <w:color w:val="21455D" w:themeColor="accent3"/>
    </w:rPr>
  </w:style>
  <w:style w:type="character" w:styleId="UnresolvedMention">
    <w:name w:val="Unresolved Mention"/>
    <w:basedOn w:val="DefaultParagraphFont"/>
    <w:uiPriority w:val="99"/>
    <w:semiHidden/>
    <w:unhideWhenUsed/>
    <w:rsid w:val="009B05FD"/>
    <w:rPr>
      <w:color w:val="605E5C"/>
      <w:shd w:val="clear" w:color="auto" w:fill="E1DFDD"/>
    </w:rPr>
  </w:style>
  <w:style w:type="paragraph" w:customStyle="1" w:styleId="Author">
    <w:name w:val="Author"/>
    <w:basedOn w:val="Date"/>
    <w:uiPriority w:val="39"/>
    <w:qFormat/>
    <w:rsid w:val="009B05FD"/>
    <w:pPr>
      <w:spacing w:before="120" w:after="120"/>
    </w:pPr>
    <w:rPr>
      <w:b/>
      <w:bCs/>
      <w:i/>
      <w:iCs/>
    </w:rPr>
  </w:style>
  <w:style w:type="table" w:styleId="GridTable1Light">
    <w:name w:val="Grid Table 1 Light"/>
    <w:basedOn w:val="TableNormal"/>
    <w:uiPriority w:val="46"/>
    <w:rsid w:val="009B05FD"/>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PlainTable2">
    <w:name w:val="Plain Table 2"/>
    <w:basedOn w:val="TableNormal"/>
    <w:uiPriority w:val="42"/>
    <w:rsid w:val="009B05FD"/>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paragraph" w:styleId="ListBullet2">
    <w:name w:val="List Bullet 2"/>
    <w:aliases w:val="[LP22-2] Bulleted List (short text)"/>
    <w:basedOn w:val="ListBullet"/>
    <w:uiPriority w:val="12"/>
    <w:semiHidden/>
    <w:rsid w:val="009B05FD"/>
    <w:pPr>
      <w:numPr>
        <w:ilvl w:val="1"/>
      </w:numPr>
    </w:pPr>
  </w:style>
  <w:style w:type="paragraph" w:styleId="ListBullet3">
    <w:name w:val="List Bullet 3"/>
    <w:aliases w:val="[LP22-3] Bulleted List (short text)"/>
    <w:basedOn w:val="ListBullet"/>
    <w:uiPriority w:val="12"/>
    <w:semiHidden/>
    <w:rsid w:val="009B05FD"/>
    <w:pPr>
      <w:numPr>
        <w:ilvl w:val="2"/>
      </w:numPr>
    </w:pPr>
  </w:style>
  <w:style w:type="paragraph" w:styleId="ListBullet4">
    <w:name w:val="List Bullet 4"/>
    <w:basedOn w:val="Normal"/>
    <w:uiPriority w:val="99"/>
    <w:semiHidden/>
    <w:unhideWhenUsed/>
    <w:rsid w:val="009B05FD"/>
    <w:pPr>
      <w:numPr>
        <w:ilvl w:val="3"/>
        <w:numId w:val="28"/>
      </w:numPr>
      <w:contextualSpacing/>
    </w:pPr>
  </w:style>
  <w:style w:type="paragraph" w:styleId="ListContinue5">
    <w:name w:val="List Continue 5"/>
    <w:basedOn w:val="Normal"/>
    <w:uiPriority w:val="99"/>
    <w:semiHidden/>
    <w:unhideWhenUsed/>
    <w:rsid w:val="009B05FD"/>
    <w:pPr>
      <w:numPr>
        <w:ilvl w:val="4"/>
        <w:numId w:val="28"/>
      </w:numPr>
      <w:contextualSpacing/>
    </w:pPr>
  </w:style>
  <w:style w:type="paragraph" w:styleId="ListNumber2">
    <w:name w:val="List Number 2"/>
    <w:aliases w:val="[LP24-2] Numbered List (short text)"/>
    <w:basedOn w:val="ListNumber"/>
    <w:uiPriority w:val="14"/>
    <w:semiHidden/>
    <w:rsid w:val="009B05FD"/>
    <w:pPr>
      <w:numPr>
        <w:ilvl w:val="1"/>
      </w:numPr>
    </w:pPr>
  </w:style>
  <w:style w:type="paragraph" w:styleId="ListNumber3">
    <w:name w:val="List Number 3"/>
    <w:aliases w:val="[LP24-3] Numbered List (short text)"/>
    <w:basedOn w:val="ListNumber"/>
    <w:uiPriority w:val="14"/>
    <w:semiHidden/>
    <w:rsid w:val="009B05FD"/>
    <w:pPr>
      <w:numPr>
        <w:ilvl w:val="2"/>
      </w:numPr>
    </w:pPr>
  </w:style>
  <w:style w:type="paragraph" w:styleId="ListNumber4">
    <w:name w:val="List Number 4"/>
    <w:basedOn w:val="Normal"/>
    <w:uiPriority w:val="99"/>
    <w:semiHidden/>
    <w:unhideWhenUsed/>
    <w:rsid w:val="009B05FD"/>
    <w:pPr>
      <w:contextualSpacing/>
    </w:pPr>
  </w:style>
  <w:style w:type="paragraph" w:styleId="ListNumber5">
    <w:name w:val="List Number 5"/>
    <w:basedOn w:val="Normal"/>
    <w:uiPriority w:val="99"/>
    <w:semiHidden/>
    <w:unhideWhenUsed/>
    <w:rsid w:val="009B05FD"/>
    <w:pPr>
      <w:contextualSpacing/>
    </w:pPr>
  </w:style>
  <w:style w:type="paragraph" w:styleId="ListContinue">
    <w:name w:val="List Continue"/>
    <w:basedOn w:val="Normal"/>
    <w:uiPriority w:val="99"/>
    <w:semiHidden/>
    <w:rsid w:val="009B05FD"/>
    <w:pPr>
      <w:contextualSpacing/>
    </w:pPr>
  </w:style>
  <w:style w:type="table" w:styleId="PlainTable1">
    <w:name w:val="Plain Table 1"/>
    <w:basedOn w:val="TableNormal"/>
    <w:uiPriority w:val="41"/>
    <w:rsid w:val="009B05FD"/>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ListTable7Colorful-Accent3">
    <w:name w:val="List Table 7 Colorful Accent 3"/>
    <w:basedOn w:val="TableNormal"/>
    <w:uiPriority w:val="52"/>
    <w:rsid w:val="009B05FD"/>
    <w:pPr>
      <w:spacing w:after="0" w:line="240" w:lineRule="auto"/>
    </w:pPr>
    <w:rPr>
      <w:color w:val="18334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455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455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455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455D" w:themeColor="accent3"/>
        </w:tcBorders>
        <w:shd w:val="clear" w:color="auto" w:fill="FFFFFF" w:themeFill="background1"/>
      </w:tcPr>
    </w:tblStylePr>
    <w:tblStylePr w:type="band1Vert">
      <w:tblPr/>
      <w:tcPr>
        <w:shd w:val="clear" w:color="auto" w:fill="C6DCEA" w:themeFill="accent3" w:themeFillTint="33"/>
      </w:tcPr>
    </w:tblStylePr>
    <w:tblStylePr w:type="band1Horz">
      <w:tblPr/>
      <w:tcPr>
        <w:shd w:val="clear" w:color="auto" w:fill="C6DCE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DefaultTable">
    <w:name w:val="_Default Table"/>
    <w:basedOn w:val="TableNormal"/>
    <w:uiPriority w:val="99"/>
    <w:rsid w:val="009B05FD"/>
    <w:pPr>
      <w:spacing w:before="120" w:after="120" w:line="240" w:lineRule="auto"/>
      <w:ind w:left="115" w:right="115"/>
    </w:pPr>
    <w:rPr>
      <w:color w:val="000000" w:themeColor="text1"/>
      <w:sz w:val="18"/>
      <w:szCs w:val="20"/>
    </w:rPr>
    <w:tblPr>
      <w:tblStyleRowBandSize w:val="1"/>
      <w:tblStyleColBandSize w:val="1"/>
      <w:tblBorders>
        <w:insideH w:val="single" w:sz="2" w:space="0" w:color="EBEBEB" w:themeColor="background2"/>
      </w:tblBorders>
      <w:tblCellMar>
        <w:left w:w="0" w:type="dxa"/>
        <w:right w:w="0" w:type="dxa"/>
      </w:tblCellMar>
    </w:tblPr>
    <w:tblStylePr w:type="firstRow">
      <w:pPr>
        <w:wordWrap/>
        <w:spacing w:beforeLines="0" w:before="120" w:beforeAutospacing="0" w:afterLines="0" w:after="120" w:afterAutospacing="0" w:line="240" w:lineRule="auto"/>
        <w:ind w:leftChars="0" w:left="115" w:rightChars="0" w:right="115" w:firstLineChars="0" w:firstLine="0"/>
        <w:contextualSpacing w:val="0"/>
        <w:mirrorIndents w:val="0"/>
        <w:jc w:val="left"/>
      </w:pPr>
      <w:rPr>
        <w:rFonts w:asciiTheme="minorHAnsi" w:hAnsiTheme="minorHAnsi"/>
        <w:b/>
        <w:i w:val="0"/>
        <w:color w:val="FFFFFF" w:themeColor="background1"/>
        <w:sz w:val="20"/>
      </w:rPr>
      <w:tblPr/>
      <w:tcPr>
        <w:shd w:val="clear" w:color="auto" w:fill="86B5BD" w:themeFill="text2"/>
      </w:tcPr>
    </w:tblStylePr>
    <w:tblStylePr w:type="lastRow">
      <w:rPr>
        <w:rFonts w:asciiTheme="minorHAnsi" w:hAnsiTheme="minorHAnsi"/>
        <w:b/>
        <w:i w:val="0"/>
        <w:color w:val="000000" w:themeColor="text1"/>
        <w:sz w:val="18"/>
      </w:rPr>
      <w:tblPr/>
      <w:tcPr>
        <w:tcBorders>
          <w:top w:val="single" w:sz="4" w:space="0" w:color="234270" w:themeColor="accent1"/>
          <w:bottom w:val="nil"/>
        </w:tcBorders>
        <w:shd w:val="clear" w:color="auto" w:fill="FFFFFF" w:themeFill="background1"/>
      </w:tcPr>
    </w:tblStylePr>
    <w:tblStylePr w:type="firstCol">
      <w:pPr>
        <w:jc w:val="left"/>
      </w:pPr>
      <w:rPr>
        <w:b/>
        <w:i w:val="0"/>
      </w:rPr>
    </w:tblStylePr>
    <w:tblStylePr w:type="lastCol">
      <w:rPr>
        <w:b/>
        <w:i w:val="0"/>
      </w:rPr>
    </w:tblStylePr>
    <w:tblStylePr w:type="band1Vert">
      <w:tblPr/>
      <w:tcPr>
        <w:tcBorders>
          <w:insideH w:val="single" w:sz="4" w:space="0" w:color="D3D3D3" w:themeColor="background2" w:themeShade="E6"/>
        </w:tcBorders>
        <w:shd w:val="clear" w:color="auto" w:fill="EBEBEB" w:themeFill="background2"/>
      </w:tcPr>
    </w:tblStylePr>
    <w:tblStylePr w:type="band2Horz">
      <w:tblPr/>
      <w:tcPr>
        <w:shd w:val="clear" w:color="auto" w:fill="EBEBEB" w:themeFill="accent4"/>
      </w:tcPr>
    </w:tblStylePr>
  </w:style>
  <w:style w:type="paragraph" w:customStyle="1" w:styleId="ListBullet-6ptafter">
    <w:name w:val="List Bullet - 6pt after"/>
    <w:basedOn w:val="ListBullet"/>
    <w:uiPriority w:val="13"/>
    <w:semiHidden/>
    <w:qFormat/>
    <w:rsid w:val="009B05FD"/>
    <w:pPr>
      <w:spacing w:after="120"/>
    </w:pPr>
  </w:style>
  <w:style w:type="paragraph" w:customStyle="1" w:styleId="ListBullet2-6ptafter">
    <w:name w:val="List Bullet 2 - 6pt after"/>
    <w:basedOn w:val="ListBullet2"/>
    <w:uiPriority w:val="13"/>
    <w:semiHidden/>
    <w:qFormat/>
    <w:rsid w:val="009B05FD"/>
    <w:pPr>
      <w:spacing w:after="120"/>
    </w:pPr>
  </w:style>
  <w:style w:type="paragraph" w:customStyle="1" w:styleId="ListBullet3-6ptafter">
    <w:name w:val="List Bullet 3 - 6pt after"/>
    <w:basedOn w:val="ListBullet3"/>
    <w:uiPriority w:val="13"/>
    <w:semiHidden/>
    <w:qFormat/>
    <w:rsid w:val="009B05FD"/>
    <w:pPr>
      <w:spacing w:after="120"/>
      <w:ind w:left="1021" w:hanging="346"/>
    </w:pPr>
  </w:style>
  <w:style w:type="paragraph" w:customStyle="1" w:styleId="ListNumber-6ptafter">
    <w:name w:val="List Number - 6pt after"/>
    <w:basedOn w:val="ListNumber"/>
    <w:uiPriority w:val="15"/>
    <w:semiHidden/>
    <w:qFormat/>
    <w:rsid w:val="009B05FD"/>
    <w:pPr>
      <w:spacing w:after="120"/>
    </w:pPr>
  </w:style>
  <w:style w:type="paragraph" w:customStyle="1" w:styleId="ListNumber2-6ptafter">
    <w:name w:val="List Number 2 - 6pt after"/>
    <w:basedOn w:val="ListNumber2"/>
    <w:uiPriority w:val="15"/>
    <w:semiHidden/>
    <w:qFormat/>
    <w:rsid w:val="009B05FD"/>
    <w:pPr>
      <w:spacing w:after="120"/>
    </w:pPr>
  </w:style>
  <w:style w:type="paragraph" w:customStyle="1" w:styleId="ListNumber3-6ptafter">
    <w:name w:val="List Number 3 - 6pt after"/>
    <w:basedOn w:val="ListNumber3"/>
    <w:uiPriority w:val="15"/>
    <w:semiHidden/>
    <w:qFormat/>
    <w:rsid w:val="009B05FD"/>
    <w:pPr>
      <w:spacing w:after="120"/>
    </w:pPr>
  </w:style>
  <w:style w:type="paragraph" w:customStyle="1" w:styleId="LP23-2BulletedListmultiplelines">
    <w:name w:val="[LP23-2] Bulleted List (multiple lines)"/>
    <w:basedOn w:val="ListBullet2"/>
    <w:uiPriority w:val="13"/>
    <w:semiHidden/>
    <w:qFormat/>
    <w:rsid w:val="009B05FD"/>
    <w:pPr>
      <w:spacing w:after="120"/>
      <w:ind w:left="692" w:hanging="346"/>
    </w:pPr>
  </w:style>
  <w:style w:type="paragraph" w:customStyle="1" w:styleId="LP23-3BulletedListmultiplelines">
    <w:name w:val="[LP23-3] Bulleted List (multiple lines)"/>
    <w:basedOn w:val="ListBullet3"/>
    <w:uiPriority w:val="13"/>
    <w:semiHidden/>
    <w:qFormat/>
    <w:rsid w:val="009B05FD"/>
    <w:pPr>
      <w:spacing w:after="120"/>
      <w:ind w:left="1023" w:hanging="346"/>
    </w:pPr>
  </w:style>
  <w:style w:type="paragraph" w:customStyle="1" w:styleId="LP25-2NumberedListmultiplelines">
    <w:name w:val="[LP25-2] Numbered List (multiple lines)"/>
    <w:basedOn w:val="ListNumber2"/>
    <w:uiPriority w:val="15"/>
    <w:semiHidden/>
    <w:qFormat/>
    <w:rsid w:val="009B05FD"/>
    <w:pPr>
      <w:spacing w:after="120"/>
      <w:ind w:left="692" w:hanging="346"/>
    </w:pPr>
  </w:style>
  <w:style w:type="paragraph" w:customStyle="1" w:styleId="LP25-3NumberedListmultiplelines">
    <w:name w:val="[LP25-3] Numbered List (multiple lines)"/>
    <w:basedOn w:val="ListNumber3"/>
    <w:uiPriority w:val="15"/>
    <w:semiHidden/>
    <w:qFormat/>
    <w:rsid w:val="009B05FD"/>
    <w:pPr>
      <w:spacing w:after="120"/>
      <w:ind w:left="1023" w:hanging="346"/>
    </w:pPr>
  </w:style>
  <w:style w:type="paragraph" w:customStyle="1" w:styleId="EEOStatement">
    <w:name w:val="EEO Statement"/>
    <w:basedOn w:val="BodyTextSmall"/>
    <w:uiPriority w:val="30"/>
    <w:qFormat/>
    <w:rsid w:val="009B05FD"/>
    <w:pPr>
      <w:jc w:val="center"/>
    </w:pPr>
    <w:rPr>
      <w:i/>
    </w:rPr>
  </w:style>
  <w:style w:type="numbering" w:customStyle="1" w:styleId="ListBullets1">
    <w:name w:val="__List Bullets1"/>
    <w:rsid w:val="009B05FD"/>
  </w:style>
  <w:style w:type="numbering" w:customStyle="1" w:styleId="ListNumbers1">
    <w:name w:val="__List Numbers1"/>
    <w:rsid w:val="009B05FD"/>
  </w:style>
  <w:style w:type="paragraph" w:customStyle="1" w:styleId="BodyTextSmall">
    <w:name w:val="Body Text Small"/>
    <w:basedOn w:val="BodyText"/>
    <w:uiPriority w:val="11"/>
    <w:qFormat/>
    <w:rsid w:val="009B05FD"/>
    <w:pPr>
      <w:spacing w:after="180"/>
    </w:pPr>
    <w:rPr>
      <w:sz w:val="18"/>
      <w:szCs w:val="16"/>
    </w:rPr>
  </w:style>
  <w:style w:type="paragraph" w:customStyle="1" w:styleId="BulletedListlastinlist">
    <w:name w:val="Bulleted List (last in list)"/>
    <w:basedOn w:val="ListBullet"/>
    <w:uiPriority w:val="13"/>
    <w:rsid w:val="009B05FD"/>
    <w:pPr>
      <w:spacing w:after="200"/>
      <w:ind w:left="346" w:hanging="346"/>
      <w:contextualSpacing/>
    </w:pPr>
  </w:style>
  <w:style w:type="paragraph" w:customStyle="1" w:styleId="BulletedListlastinsection">
    <w:name w:val="Bulleted List (last in section)"/>
    <w:basedOn w:val="BulletedListlastinlist"/>
    <w:uiPriority w:val="13"/>
    <w:qFormat/>
    <w:rsid w:val="009B05FD"/>
    <w:pPr>
      <w:spacing w:after="320"/>
    </w:pPr>
    <w:rPr>
      <w:lang w:val="en-GB"/>
    </w:rPr>
  </w:style>
  <w:style w:type="paragraph" w:customStyle="1" w:styleId="BulletedListmultiplelines">
    <w:name w:val="Bulleted List (multiple lines)"/>
    <w:basedOn w:val="ListBullet"/>
    <w:uiPriority w:val="13"/>
    <w:qFormat/>
    <w:rsid w:val="009B05FD"/>
    <w:pPr>
      <w:spacing w:after="200"/>
      <w:ind w:left="346" w:hanging="346"/>
    </w:pPr>
  </w:style>
  <w:style w:type="paragraph" w:customStyle="1" w:styleId="LeadParagraph">
    <w:name w:val="Lead Paragraph"/>
    <w:basedOn w:val="BodyText"/>
    <w:uiPriority w:val="10"/>
    <w:rsid w:val="009B05FD"/>
    <w:rPr>
      <w:color w:val="234270" w:themeColor="accent1"/>
      <w:sz w:val="24"/>
      <w:szCs w:val="24"/>
    </w:rPr>
  </w:style>
  <w:style w:type="paragraph" w:customStyle="1" w:styleId="NumberedListlastinlist">
    <w:name w:val="Numbered List (last in list)"/>
    <w:basedOn w:val="ListNumber"/>
    <w:uiPriority w:val="15"/>
    <w:qFormat/>
    <w:rsid w:val="009B05FD"/>
    <w:pPr>
      <w:spacing w:after="200"/>
      <w:ind w:left="346" w:hanging="346"/>
    </w:pPr>
    <w:rPr>
      <w:lang w:val="en-GB"/>
    </w:rPr>
  </w:style>
  <w:style w:type="paragraph" w:customStyle="1" w:styleId="NumberedListlastinsection">
    <w:name w:val="Numbered List (last in section)"/>
    <w:basedOn w:val="NumberedListlastinlist"/>
    <w:uiPriority w:val="15"/>
    <w:qFormat/>
    <w:rsid w:val="009B05FD"/>
    <w:pPr>
      <w:spacing w:after="320"/>
    </w:pPr>
  </w:style>
  <w:style w:type="paragraph" w:customStyle="1" w:styleId="NumberedListmultiplelines">
    <w:name w:val="Numbered List (multiple lines)"/>
    <w:basedOn w:val="ListNumber"/>
    <w:uiPriority w:val="15"/>
    <w:qFormat/>
    <w:rsid w:val="009B05FD"/>
    <w:pPr>
      <w:spacing w:after="200"/>
      <w:ind w:left="346" w:hanging="346"/>
    </w:pPr>
  </w:style>
  <w:style w:type="table" w:customStyle="1" w:styleId="TableGrid1">
    <w:name w:val="Table Grid1"/>
    <w:basedOn w:val="TableNormal"/>
    <w:next w:val="TableGrid"/>
    <w:uiPriority w:val="39"/>
    <w:rsid w:val="006A4400"/>
    <w:pPr>
      <w:spacing w:after="0" w:line="240" w:lineRule="auto"/>
    </w:pPr>
    <w:rPr>
      <w:rFonts w:ascii="Arial" w:eastAsia="Arial" w:hAnsi="Arial" w:cs="Times New Roman"/>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Heading1-MidPage">
    <w:name w:val="Heading 1 - Mid Page"/>
    <w:basedOn w:val="Heading1"/>
    <w:link w:val="Heading1-MidPageChar"/>
    <w:rsid w:val="001D6018"/>
    <w:pPr>
      <w:pageBreakBefore w:val="0"/>
    </w:pPr>
    <w:rPr>
      <w:b w:val="0"/>
      <w:bCs w:val="0"/>
    </w:rPr>
  </w:style>
  <w:style w:type="paragraph" w:customStyle="1" w:styleId="Heading1-MiddleofPage">
    <w:name w:val="Heading 1 - Middle of Page"/>
    <w:basedOn w:val="Heading1-MidPage"/>
    <w:next w:val="BodyText"/>
    <w:link w:val="Heading1-MiddleofPageChar"/>
    <w:uiPriority w:val="8"/>
    <w:qFormat/>
    <w:rsid w:val="00AC401A"/>
    <w:pPr>
      <w:spacing w:after="200"/>
    </w:pPr>
    <w:rPr>
      <w:b/>
    </w:rPr>
  </w:style>
  <w:style w:type="character" w:customStyle="1" w:styleId="Heading1-MidPageChar">
    <w:name w:val="Heading 1 - Mid Page Char"/>
    <w:basedOn w:val="Heading1Char"/>
    <w:link w:val="Heading1-MidPage"/>
    <w:rsid w:val="00AC401A"/>
    <w:rPr>
      <w:rFonts w:asciiTheme="majorHAnsi" w:eastAsiaTheme="majorEastAsia" w:hAnsiTheme="majorHAnsi" w:cstheme="majorBidi"/>
      <w:b w:val="0"/>
      <w:bCs w:val="0"/>
      <w:color w:val="21455D" w:themeColor="accent3"/>
      <w:sz w:val="32"/>
      <w:szCs w:val="60"/>
      <w:lang w:val="en-US"/>
    </w:rPr>
  </w:style>
  <w:style w:type="character" w:customStyle="1" w:styleId="Heading1-MiddleofPageChar">
    <w:name w:val="Heading 1 - Middle of Page Char"/>
    <w:basedOn w:val="Heading1-MidPageChar"/>
    <w:link w:val="Heading1-MiddleofPage"/>
    <w:uiPriority w:val="8"/>
    <w:rsid w:val="00AC401A"/>
    <w:rPr>
      <w:rFonts w:asciiTheme="majorHAnsi" w:eastAsiaTheme="majorEastAsia" w:hAnsiTheme="majorHAnsi" w:cstheme="majorBidi"/>
      <w:b/>
      <w:bCs w:val="0"/>
      <w:color w:val="21455D" w:themeColor="accent3"/>
      <w:sz w:val="32"/>
      <w:szCs w:val="6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324674036">
      <w:bodyDiv w:val="1"/>
      <w:marLeft w:val="0"/>
      <w:marRight w:val="0"/>
      <w:marTop w:val="0"/>
      <w:marBottom w:val="0"/>
      <w:divBdr>
        <w:top w:val="none" w:sz="0" w:space="0" w:color="auto"/>
        <w:left w:val="none" w:sz="0" w:space="0" w:color="auto"/>
        <w:bottom w:val="none" w:sz="0" w:space="0" w:color="auto"/>
        <w:right w:val="none" w:sz="0" w:space="0" w:color="auto"/>
      </w:divBdr>
    </w:div>
    <w:div w:id="386298979">
      <w:bodyDiv w:val="1"/>
      <w:marLeft w:val="0"/>
      <w:marRight w:val="0"/>
      <w:marTop w:val="0"/>
      <w:marBottom w:val="0"/>
      <w:divBdr>
        <w:top w:val="none" w:sz="0" w:space="0" w:color="auto"/>
        <w:left w:val="none" w:sz="0" w:space="0" w:color="auto"/>
        <w:bottom w:val="none" w:sz="0" w:space="0" w:color="auto"/>
        <w:right w:val="none" w:sz="0" w:space="0" w:color="auto"/>
      </w:divBdr>
    </w:div>
    <w:div w:id="851064663">
      <w:bodyDiv w:val="1"/>
      <w:marLeft w:val="0"/>
      <w:marRight w:val="0"/>
      <w:marTop w:val="0"/>
      <w:marBottom w:val="0"/>
      <w:divBdr>
        <w:top w:val="none" w:sz="0" w:space="0" w:color="auto"/>
        <w:left w:val="none" w:sz="0" w:space="0" w:color="auto"/>
        <w:bottom w:val="none" w:sz="0" w:space="0" w:color="auto"/>
        <w:right w:val="none" w:sz="0" w:space="0" w:color="auto"/>
      </w:divBdr>
    </w:div>
    <w:div w:id="1090926601">
      <w:bodyDiv w:val="1"/>
      <w:marLeft w:val="0"/>
      <w:marRight w:val="0"/>
      <w:marTop w:val="0"/>
      <w:marBottom w:val="0"/>
      <w:divBdr>
        <w:top w:val="none" w:sz="0" w:space="0" w:color="auto"/>
        <w:left w:val="none" w:sz="0" w:space="0" w:color="auto"/>
        <w:bottom w:val="none" w:sz="0" w:space="0" w:color="auto"/>
        <w:right w:val="none" w:sz="0" w:space="0" w:color="auto"/>
      </w:divBdr>
    </w:div>
    <w:div w:id="1374768382">
      <w:bodyDiv w:val="1"/>
      <w:marLeft w:val="0"/>
      <w:marRight w:val="0"/>
      <w:marTop w:val="0"/>
      <w:marBottom w:val="0"/>
      <w:divBdr>
        <w:top w:val="none" w:sz="0" w:space="0" w:color="auto"/>
        <w:left w:val="none" w:sz="0" w:space="0" w:color="auto"/>
        <w:bottom w:val="none" w:sz="0" w:space="0" w:color="auto"/>
        <w:right w:val="none" w:sz="0" w:space="0" w:color="auto"/>
      </w:divBdr>
    </w:div>
    <w:div w:id="1466892999">
      <w:bodyDiv w:val="1"/>
      <w:marLeft w:val="0"/>
      <w:marRight w:val="0"/>
      <w:marTop w:val="0"/>
      <w:marBottom w:val="0"/>
      <w:divBdr>
        <w:top w:val="none" w:sz="0" w:space="0" w:color="auto"/>
        <w:left w:val="none" w:sz="0" w:space="0" w:color="auto"/>
        <w:bottom w:val="none" w:sz="0" w:space="0" w:color="auto"/>
        <w:right w:val="none" w:sz="0" w:space="0" w:color="auto"/>
      </w:divBdr>
    </w:div>
    <w:div w:id="1707635979">
      <w:bodyDiv w:val="1"/>
      <w:marLeft w:val="0"/>
      <w:marRight w:val="0"/>
      <w:marTop w:val="0"/>
      <w:marBottom w:val="0"/>
      <w:divBdr>
        <w:top w:val="none" w:sz="0" w:space="0" w:color="auto"/>
        <w:left w:val="none" w:sz="0" w:space="0" w:color="auto"/>
        <w:bottom w:val="none" w:sz="0" w:space="0" w:color="auto"/>
        <w:right w:val="none" w:sz="0" w:space="0" w:color="auto"/>
      </w:divBdr>
    </w:div>
    <w:div w:id="1946031663">
      <w:bodyDiv w:val="1"/>
      <w:marLeft w:val="0"/>
      <w:marRight w:val="0"/>
      <w:marTop w:val="0"/>
      <w:marBottom w:val="0"/>
      <w:divBdr>
        <w:top w:val="none" w:sz="0" w:space="0" w:color="auto"/>
        <w:left w:val="none" w:sz="0" w:space="0" w:color="auto"/>
        <w:bottom w:val="none" w:sz="0" w:space="0" w:color="auto"/>
        <w:right w:val="none" w:sz="0" w:space="0" w:color="auto"/>
      </w:divBdr>
    </w:div>
    <w:div w:id="2066369465">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image" Target="media/image6.jpeg"/><Relationship Id="rId26" Type="http://schemas.openxmlformats.org/officeDocument/2006/relationships/image" Target="media/image13.jpeg"/><Relationship Id="rId3" Type="http://schemas.openxmlformats.org/officeDocument/2006/relationships/customXml" Target="../customXml/item3.xml"/><Relationship Id="rId21" Type="http://schemas.openxmlformats.org/officeDocument/2006/relationships/image" Target="media/image9.png"/><Relationship Id="rId34"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12.jpg"/><Relationship Id="rId33" Type="http://schemas.openxmlformats.org/officeDocument/2006/relationships/footer" Target="footer4.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8.svg"/><Relationship Id="rId29" Type="http://schemas.openxmlformats.org/officeDocument/2006/relationships/hyperlink" Target="mailto:slind@wittkieffer.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11.jpeg"/><Relationship Id="rId32" Type="http://schemas.openxmlformats.org/officeDocument/2006/relationships/footer" Target="footer3.xml"/><Relationship Id="rId37"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yperlink" Target="http://www.infirmaryhealth.org" TargetMode="External"/><Relationship Id="rId28" Type="http://schemas.openxmlformats.org/officeDocument/2006/relationships/hyperlink" Target="mailto:kwiederhold@wittkieffer.com" TargetMode="External"/><Relationship Id="rId36"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image" Target="media/image7.png"/><Relationship Id="rId31" Type="http://schemas.openxmlformats.org/officeDocument/2006/relationships/hyperlink" Target="https://www.infirmaryhealth.org/documents/101415_Non-Discrimination_Notices_8.5x11_12ptFont_2024_v3.1).pdf"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image" Target="media/image10.svg"/><Relationship Id="rId27" Type="http://schemas.openxmlformats.org/officeDocument/2006/relationships/hyperlink" Target="https://candidateportal.wittkieffer.com/" TargetMode="External"/><Relationship Id="rId30" Type="http://schemas.openxmlformats.org/officeDocument/2006/relationships/hyperlink" Target="mailto:dyoung@wittkieffer.com" TargetMode="External"/><Relationship Id="rId35" Type="http://schemas.openxmlformats.org/officeDocument/2006/relationships/footer" Target="footer5.xml"/></Relationships>
</file>

<file path=word/_rels/footer1.xml.rels><?xml version="1.0" encoding="UTF-8" standalone="yes"?>
<Relationships xmlns="http://schemas.openxmlformats.org/package/2006/relationships"><Relationship Id="rId1" Type="http://schemas.openxmlformats.org/officeDocument/2006/relationships/image" Target="media/image3.emf"/></Relationships>
</file>

<file path=word/_rels/footer2.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1" Type="http://schemas.openxmlformats.org/officeDocument/2006/relationships/image" Target="media/image3.emf"/></Relationships>
</file>

<file path=word/_rels/footer4.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3" Type="http://schemas.openxmlformats.org/officeDocument/2006/relationships/image" Target="media/image4.png"/><Relationship Id="rId7" Type="http://schemas.openxmlformats.org/officeDocument/2006/relationships/image" Target="media/image16.png"/><Relationship Id="rId2" Type="http://schemas.openxmlformats.org/officeDocument/2006/relationships/hyperlink" Target="https://www.wittkieffer.com/" TargetMode="External"/><Relationship Id="rId1" Type="http://schemas.openxmlformats.org/officeDocument/2006/relationships/image" Target="media/image14.jpeg"/><Relationship Id="rId6" Type="http://schemas.openxmlformats.org/officeDocument/2006/relationships/hyperlink" Target="https://www.wittkieffer.com/" TargetMode="External"/><Relationship Id="rId5" Type="http://schemas.openxmlformats.org/officeDocument/2006/relationships/image" Target="media/image15.jpeg"/><Relationship Id="rId4" Type="http://schemas.openxmlformats.org/officeDocument/2006/relationships/image" Target="media/image5.sv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F230776E602204488C4D639B101E89CA"/>
        <w:category>
          <w:name w:val="General"/>
          <w:gallery w:val="placeholder"/>
        </w:category>
        <w:types>
          <w:type w:val="bbPlcHdr"/>
        </w:types>
        <w:behaviors>
          <w:behavior w:val="content"/>
        </w:behaviors>
        <w:guid w:val="{FDFFFBBA-690D-8340-98D9-F604F49FB0A5}"/>
      </w:docPartPr>
      <w:docPartBody>
        <w:p w:rsidR="006C4BEC" w:rsidRDefault="006C4BEC">
          <w:pPr>
            <w:pStyle w:val="F230776E602204488C4D639B101E89CA"/>
          </w:pPr>
          <w:r w:rsidRPr="00C30F96">
            <w:rPr>
              <w:rStyle w:val="PlaceholderText"/>
            </w:rPr>
            <w:t>Click or tap to enter a date.</w:t>
          </w:r>
        </w:p>
      </w:docPartBody>
    </w:docPart>
    <w:docPart>
      <w:docPartPr>
        <w:name w:val="23048876AE915C49BCBE12A366CA3AF4"/>
        <w:category>
          <w:name w:val="General"/>
          <w:gallery w:val="placeholder"/>
        </w:category>
        <w:types>
          <w:type w:val="bbPlcHdr"/>
        </w:types>
        <w:behaviors>
          <w:behavior w:val="content"/>
        </w:behaviors>
        <w:guid w:val="{B7739549-3195-F54F-B5DC-34ABA5F42473}"/>
      </w:docPartPr>
      <w:docPartBody>
        <w:p w:rsidR="006C4BEC" w:rsidRDefault="006C4BEC">
          <w:pPr>
            <w:pStyle w:val="23048876AE915C49BCBE12A366CA3AF4"/>
          </w:pPr>
          <w:r w:rsidRPr="00E60A70">
            <w:rPr>
              <w:rStyle w:val="PlaceholderText"/>
            </w:rPr>
            <w:t>Add Name</w:t>
          </w:r>
        </w:p>
      </w:docPartBody>
    </w:docPart>
    <w:docPart>
      <w:docPartPr>
        <w:name w:val="C206F3CBB33E1D4EAC8AF8CC439EC7A7"/>
        <w:category>
          <w:name w:val="General"/>
          <w:gallery w:val="placeholder"/>
        </w:category>
        <w:types>
          <w:type w:val="bbPlcHdr"/>
        </w:types>
        <w:behaviors>
          <w:behavior w:val="content"/>
        </w:behaviors>
        <w:guid w:val="{015D4E55-F8FC-754C-A511-F269E2A9B1C2}"/>
      </w:docPartPr>
      <w:docPartBody>
        <w:p w:rsidR="006C4BEC" w:rsidRDefault="00CF41B7" w:rsidP="00CF41B7">
          <w:pPr>
            <w:pStyle w:val="C206F3CBB33E1D4EAC8AF8CC439EC7A7"/>
          </w:pPr>
          <w:r w:rsidRPr="00B103ED">
            <w:rPr>
              <w:rStyle w:val="PlaceholderText"/>
            </w:rPr>
            <w:t>Add Title</w:t>
          </w:r>
        </w:p>
      </w:docPartBody>
    </w:docPart>
    <w:docPart>
      <w:docPartPr>
        <w:name w:val="C462C2B87910A64E8A398609FF13940C"/>
        <w:category>
          <w:name w:val="General"/>
          <w:gallery w:val="placeholder"/>
        </w:category>
        <w:types>
          <w:type w:val="bbPlcHdr"/>
        </w:types>
        <w:behaviors>
          <w:behavior w:val="content"/>
        </w:behaviors>
        <w:guid w:val="{87300BB2-FCB2-8A4B-9A16-839E3E9207F6}"/>
      </w:docPartPr>
      <w:docPartBody>
        <w:p w:rsidR="006C4BEC" w:rsidRDefault="008C556B" w:rsidP="00CF41B7">
          <w:pPr>
            <w:pStyle w:val="C462C2B87910A64E8A398609FF13940C"/>
          </w:pPr>
          <w:r>
            <w:t>Leadership Profile</w:t>
          </w:r>
        </w:p>
      </w:docPartBody>
    </w:docPart>
    <w:docPart>
      <w:docPartPr>
        <w:name w:val="7FA51A25940208479FBF13B300191F65"/>
        <w:category>
          <w:name w:val="General"/>
          <w:gallery w:val="placeholder"/>
        </w:category>
        <w:types>
          <w:type w:val="bbPlcHdr"/>
        </w:types>
        <w:behaviors>
          <w:behavior w:val="content"/>
        </w:behaviors>
        <w:guid w:val="{A2F9265F-08B6-9C44-8C0B-7C9C378130BA}"/>
      </w:docPartPr>
      <w:docPartBody>
        <w:p w:rsidR="006C4BEC" w:rsidRDefault="00CF41B7" w:rsidP="00CF41B7">
          <w:pPr>
            <w:pStyle w:val="7FA51A25940208479FBF13B300191F65"/>
          </w:pPr>
          <w:r w:rsidRPr="00E60A70">
            <w:rPr>
              <w:rStyle w:val="PlaceholderText"/>
            </w:rPr>
            <w:t>Add 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F41B7"/>
    <w:rsid w:val="00145BEC"/>
    <w:rsid w:val="0015029D"/>
    <w:rsid w:val="003A62A9"/>
    <w:rsid w:val="00460952"/>
    <w:rsid w:val="00554CFC"/>
    <w:rsid w:val="005D513F"/>
    <w:rsid w:val="006C4BEC"/>
    <w:rsid w:val="007501DA"/>
    <w:rsid w:val="007D75F2"/>
    <w:rsid w:val="008B6CAD"/>
    <w:rsid w:val="008C556B"/>
    <w:rsid w:val="00981D1F"/>
    <w:rsid w:val="00A62660"/>
    <w:rsid w:val="00C36E21"/>
    <w:rsid w:val="00C94259"/>
    <w:rsid w:val="00C94EED"/>
    <w:rsid w:val="00CF41B7"/>
    <w:rsid w:val="00DB05D2"/>
    <w:rsid w:val="00E100D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C556B"/>
    <w:rPr>
      <w:color w:val="808080"/>
    </w:rPr>
  </w:style>
  <w:style w:type="paragraph" w:customStyle="1" w:styleId="F230776E602204488C4D639B101E89CA">
    <w:name w:val="F230776E602204488C4D639B101E89CA"/>
  </w:style>
  <w:style w:type="paragraph" w:customStyle="1" w:styleId="23048876AE915C49BCBE12A366CA3AF4">
    <w:name w:val="23048876AE915C49BCBE12A366CA3AF4"/>
  </w:style>
  <w:style w:type="paragraph" w:customStyle="1" w:styleId="C206F3CBB33E1D4EAC8AF8CC439EC7A7">
    <w:name w:val="C206F3CBB33E1D4EAC8AF8CC439EC7A7"/>
    <w:rsid w:val="00CF41B7"/>
  </w:style>
  <w:style w:type="paragraph" w:customStyle="1" w:styleId="C462C2B87910A64E8A398609FF13940C">
    <w:name w:val="C462C2B87910A64E8A398609FF13940C"/>
    <w:rsid w:val="00CF41B7"/>
  </w:style>
  <w:style w:type="paragraph" w:customStyle="1" w:styleId="7FA51A25940208479FBF13B300191F65">
    <w:name w:val="7FA51A25940208479FBF13B300191F65"/>
    <w:rsid w:val="00CF41B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WittKieffer Colours New">
      <a:dk1>
        <a:srgbClr val="000000"/>
      </a:dk1>
      <a:lt1>
        <a:srgbClr val="FFFFFF"/>
      </a:lt1>
      <a:dk2>
        <a:srgbClr val="86B5BD"/>
      </a:dk2>
      <a:lt2>
        <a:srgbClr val="EBEBEB"/>
      </a:lt2>
      <a:accent1>
        <a:srgbClr val="234270"/>
      </a:accent1>
      <a:accent2>
        <a:srgbClr val="86B5BD"/>
      </a:accent2>
      <a:accent3>
        <a:srgbClr val="21455D"/>
      </a:accent3>
      <a:accent4>
        <a:srgbClr val="EBEBEB"/>
      </a:accent4>
      <a:accent5>
        <a:srgbClr val="3D244E"/>
      </a:accent5>
      <a:accent6>
        <a:srgbClr val="9E82BD"/>
      </a:accent6>
      <a:hlink>
        <a:srgbClr val="234270"/>
      </a:hlink>
      <a:folHlink>
        <a:srgbClr val="3D244E"/>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5FA6F167B0E4A40990E239AA696E220" ma:contentTypeVersion="21" ma:contentTypeDescription="Create a new document." ma:contentTypeScope="" ma:versionID="08c44caa99a9d64f31a4b78cd34d81c6">
  <xsd:schema xmlns:xsd="http://www.w3.org/2001/XMLSchema" xmlns:xs="http://www.w3.org/2001/XMLSchema" xmlns:p="http://schemas.microsoft.com/office/2006/metadata/properties" xmlns:ns2="035eb4fc-20e7-4e56-8115-86a9bb4bf42d" xmlns:ns3="84fa44c0-6103-4db7-a050-b2d4c0064de5" targetNamespace="http://schemas.microsoft.com/office/2006/metadata/properties" ma:root="true" ma:fieldsID="61c386603a6e022823c2d6655271cd74" ns2:_="" ns3:_="">
    <xsd:import namespace="035eb4fc-20e7-4e56-8115-86a9bb4bf42d"/>
    <xsd:import namespace="84fa44c0-6103-4db7-a050-b2d4c0064de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3:SharedWithUsers" minOccurs="0"/>
                <xsd:element ref="ns3:SharedWithDetails" minOccurs="0"/>
                <xsd:element ref="ns2:MediaServiceDateTaken" minOccurs="0"/>
                <xsd:element ref="ns2:MediaServiceOCR" minOccurs="0"/>
                <xsd:element ref="ns2:MediaLengthInSeconds" minOccurs="0"/>
                <xsd:element ref="ns2:MediaServiceLocation"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35eb4fc-20e7-4e56-8115-86a9bb4bf42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LengthInSeconds" ma:index="19" nillable="true" ma:displayName="Length (seconds)"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2e6ab7a5-063c-464f-8661-a4c62efe7738"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4fa44c0-6103-4db7-a050-b2d4c0064de5"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78f4dd27-00dc-45db-a8b8-44a6dcc1e043}" ma:internalName="TaxCatchAll" ma:showField="CatchAllData" ma:web="84fa44c0-6103-4db7-a050-b2d4c0064de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Healthcare Leadership Profile | Photo Cover","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TaxCatchAll xmlns="84fa44c0-6103-4db7-a050-b2d4c0064de5" xsi:nil="true"/>
    <lcf76f155ced4ddcb4097134ff3c332f xmlns="035eb4fc-20e7-4e56-8115-86a9bb4bf42d">
      <Terms xmlns="http://schemas.microsoft.com/office/infopath/2007/PartnerControls"/>
    </lcf76f155ced4ddcb4097134ff3c332f>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F245D461-1DB8-44D6-A6BA-E2B38D621C3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35eb4fc-20e7-4e56-8115-86a9bb4bf42d"/>
    <ds:schemaRef ds:uri="84fa44c0-6103-4db7-a050-b2d4c0064de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467E448-D86C-4886-89BB-C43788151114}">
  <ds:schemaRefs/>
</ds:datastoreItem>
</file>

<file path=customXml/itemProps3.xml><?xml version="1.0" encoding="utf-8"?>
<ds:datastoreItem xmlns:ds="http://schemas.openxmlformats.org/officeDocument/2006/customXml" ds:itemID="{4ADF7B06-0EB0-4B9D-A331-EE6E13607307}">
  <ds:schemaRefs>
    <ds:schemaRef ds:uri="http://schemas.microsoft.com/sharepoint/v3/contenttype/forms"/>
  </ds:schemaRefs>
</ds:datastoreItem>
</file>

<file path=customXml/itemProps4.xml><?xml version="1.0" encoding="utf-8"?>
<ds:datastoreItem xmlns:ds="http://schemas.openxmlformats.org/officeDocument/2006/customXml" ds:itemID="{E62EE406-E52B-4004-B20A-222F2191914C}">
  <ds:schemaRefs>
    <ds:schemaRef ds:uri="http://schemas.microsoft.com/office/2006/metadata/properties"/>
    <ds:schemaRef ds:uri="http://schemas.microsoft.com/office/infopath/2007/PartnerControls"/>
    <ds:schemaRef ds:uri="84fa44c0-6103-4db7-a050-b2d4c0064de5"/>
    <ds:schemaRef ds:uri="035eb4fc-20e7-4e56-8115-86a9bb4bf42d"/>
  </ds:schemaRefs>
</ds:datastoreItem>
</file>

<file path=customXml/itemProps5.xml><?xml version="1.0" encoding="utf-8"?>
<ds:datastoreItem xmlns:ds="http://schemas.openxmlformats.org/officeDocument/2006/customXml" ds:itemID="{2EB5272B-0E72-4E47-A7F6-849AE929CB84}">
  <ds:schemaRefs>
    <ds:schemaRef ds:uri="http://schemas.openxmlformats.org/officeDocument/2006/bibliography"/>
  </ds:schemaRefs>
</ds:datastoreItem>
</file>

<file path=customXml/itemProps6.xml><?xml version="1.0" encoding="utf-8"?>
<ds:datastoreItem xmlns:ds="http://schemas.openxmlformats.org/officeDocument/2006/customXml" ds:itemID="{443D35D6-B1F0-4E5A-AE8C-F2F58E56F67C}">
  <ds:schemaRefs/>
</ds:datastoreItem>
</file>

<file path=docProps/app.xml><?xml version="1.0" encoding="utf-8"?>
<Properties xmlns="http://schemas.openxmlformats.org/officeDocument/2006/extended-properties" xmlns:vt="http://schemas.openxmlformats.org/officeDocument/2006/docPropsVTypes">
  <Template>Normal.dotm</Template>
  <TotalTime>2</TotalTime>
  <Pages>16</Pages>
  <Words>3568</Words>
  <Characters>22004</Characters>
  <Application>Microsoft Office Word</Application>
  <DocSecurity>0</DocSecurity>
  <Lines>355</Lines>
  <Paragraphs>13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54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icrosoft Office User</dc:creator>
  <cp:keywords/>
  <dc:description/>
  <cp:lastModifiedBy>Dana Hill</cp:lastModifiedBy>
  <cp:revision>4</cp:revision>
  <dcterms:created xsi:type="dcterms:W3CDTF">2026-03-04T14:06:00Z</dcterms:created>
  <dcterms:modified xsi:type="dcterms:W3CDTF">2026-03-04T14: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5</vt:lpwstr>
  </property>
  <property fmtid="{D5CDD505-2E9C-101B-9397-08002B2CF9AE}" pid="3" name="ContentTypeId">
    <vt:lpwstr>0x010100F5FA6F167B0E4A40990E239AA696E220</vt:lpwstr>
  </property>
  <property fmtid="{D5CDD505-2E9C-101B-9397-08002B2CF9AE}" pid="4" name="MediaServiceImageTags">
    <vt:lpwstr/>
  </property>
  <property fmtid="{D5CDD505-2E9C-101B-9397-08002B2CF9AE}" pid="5" name="TemplafyTenantId">
    <vt:lpwstr>wittkieffer</vt:lpwstr>
  </property>
  <property fmtid="{D5CDD505-2E9C-101B-9397-08002B2CF9AE}" pid="6" name="TemplafyTemplateId">
    <vt:lpwstr>933557690676805910</vt:lpwstr>
  </property>
  <property fmtid="{D5CDD505-2E9C-101B-9397-08002B2CF9AE}" pid="7" name="TemplafyUserProfileId">
    <vt:lpwstr>992650436321738836</vt:lpwstr>
  </property>
  <property fmtid="{D5CDD505-2E9C-101B-9397-08002B2CF9AE}" pid="8" name="TemplafyFromBlank">
    <vt:bool>false</vt:bool>
  </property>
  <property fmtid="{D5CDD505-2E9C-101B-9397-08002B2CF9AE}" pid="9" name="GrammarlyDocumentId">
    <vt:lpwstr>6b2309b4-48be-4043-801b-87030b49f1bc</vt:lpwstr>
  </property>
</Properties>
</file>